
<file path=[Content_Types].xml><?xml version="1.0" encoding="utf-8"?>
<Types xmlns="http://schemas.openxmlformats.org/package/2006/content-types">
  <Default Extension="gif" ContentType="image/gif"/>
  <Default Extension="jpeg" ContentType="image/j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1.xml" ContentType="application/vnd.openxmlformats-officedocument.presentationml.tags+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p:sldMasterIdLst>
    <p:sldMasterId id="2147483648" r:id="rId4"/>
    <p:sldMasterId id="2147483662" r:id="rId5"/>
  </p:sldMasterIdLst>
  <p:notesMasterIdLst>
    <p:notesMasterId r:id="rId28"/>
  </p:notesMasterIdLst>
  <p:sldIdLst>
    <p:sldId id="2001" r:id="rId6"/>
    <p:sldId id="2002" r:id="rId7"/>
    <p:sldId id="257" r:id="rId8"/>
    <p:sldId id="258" r:id="rId9"/>
    <p:sldId id="260" r:id="rId10"/>
    <p:sldId id="261" r:id="rId11"/>
    <p:sldId id="262" r:id="rId12"/>
    <p:sldId id="263" r:id="rId13"/>
    <p:sldId id="264" r:id="rId14"/>
    <p:sldId id="2731" r:id="rId15"/>
    <p:sldId id="2003" r:id="rId16"/>
    <p:sldId id="2004" r:id="rId17"/>
    <p:sldId id="2720" r:id="rId18"/>
    <p:sldId id="2730" r:id="rId19"/>
    <p:sldId id="2769" r:id="rId20"/>
    <p:sldId id="268" r:id="rId21"/>
    <p:sldId id="2770" r:id="rId22"/>
    <p:sldId id="1893" r:id="rId23"/>
    <p:sldId id="1846" r:id="rId24"/>
    <p:sldId id="1875" r:id="rId25"/>
    <p:sldId id="1882" r:id="rId26"/>
    <p:sldId id="306" r:id="rId27"/>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7A4FF307-4396-6907-479A-68302C3D99CB}" name="Karthikeyan A" initials="KA" userId="S::karthikeyan@aptaracorp.com::8ff4c3fb-6f20-4ae7-9406-2e7ec7894fcb"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E3F4F9"/>
    <a:srgbClr val="D0ECF4"/>
    <a:srgbClr val="229ED9"/>
    <a:srgbClr val="01597F"/>
    <a:srgbClr val="003E58"/>
    <a:srgbClr val="3B55A5"/>
    <a:srgbClr val="7E4F9A"/>
    <a:srgbClr val="015983"/>
    <a:srgbClr val="803189"/>
    <a:srgbClr val="ECF6FF"/>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snapToGrid="0">
      <p:cViewPr varScale="1">
        <p:scale>
          <a:sx n="60" d="100"/>
          <a:sy n="60" d="100"/>
        </p:scale>
        <p:origin x="884" y="4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8.xml"/><Relationship Id="rId18" Type="http://schemas.openxmlformats.org/officeDocument/2006/relationships/slide" Target="slides/slide13.xml"/><Relationship Id="rId26" Type="http://schemas.openxmlformats.org/officeDocument/2006/relationships/slide" Target="slides/slide21.xml"/><Relationship Id="rId3" Type="http://schemas.openxmlformats.org/officeDocument/2006/relationships/customXml" Target="../customXml/item3.xml"/><Relationship Id="rId21" Type="http://schemas.openxmlformats.org/officeDocument/2006/relationships/slide" Target="slides/slide16.xml"/><Relationship Id="rId7" Type="http://schemas.openxmlformats.org/officeDocument/2006/relationships/slide" Target="slides/slide2.xml"/><Relationship Id="rId12" Type="http://schemas.openxmlformats.org/officeDocument/2006/relationships/slide" Target="slides/slide7.xml"/><Relationship Id="rId17" Type="http://schemas.openxmlformats.org/officeDocument/2006/relationships/slide" Target="slides/slide12.xml"/><Relationship Id="rId25" Type="http://schemas.openxmlformats.org/officeDocument/2006/relationships/slide" Target="slides/slide20.xml"/><Relationship Id="rId33" Type="http://schemas.microsoft.com/office/2018/10/relationships/authors" Target="authors.xml"/><Relationship Id="rId2" Type="http://schemas.openxmlformats.org/officeDocument/2006/relationships/customXml" Target="../customXml/item2.xml"/><Relationship Id="rId16" Type="http://schemas.openxmlformats.org/officeDocument/2006/relationships/slide" Target="slides/slide11.xml"/><Relationship Id="rId20" Type="http://schemas.openxmlformats.org/officeDocument/2006/relationships/slide" Target="slides/slide15.xml"/><Relationship Id="rId29" Type="http://schemas.openxmlformats.org/officeDocument/2006/relationships/presProps" Target="presProps.xml"/><Relationship Id="rId1" Type="http://schemas.openxmlformats.org/officeDocument/2006/relationships/customXml" Target="../customXml/item1.xml"/><Relationship Id="rId6" Type="http://schemas.openxmlformats.org/officeDocument/2006/relationships/slide" Target="slides/slide1.xml"/><Relationship Id="rId11" Type="http://schemas.openxmlformats.org/officeDocument/2006/relationships/slide" Target="slides/slide6.xml"/><Relationship Id="rId24" Type="http://schemas.openxmlformats.org/officeDocument/2006/relationships/slide" Target="slides/slide19.xml"/><Relationship Id="rId32" Type="http://schemas.openxmlformats.org/officeDocument/2006/relationships/tableStyles" Target="tableStyles.xml"/><Relationship Id="rId5" Type="http://schemas.openxmlformats.org/officeDocument/2006/relationships/slideMaster" Target="slideMasters/slideMaster2.xml"/><Relationship Id="rId15" Type="http://schemas.openxmlformats.org/officeDocument/2006/relationships/slide" Target="slides/slide10.xml"/><Relationship Id="rId23" Type="http://schemas.openxmlformats.org/officeDocument/2006/relationships/slide" Target="slides/slide18.xml"/><Relationship Id="rId28" Type="http://schemas.openxmlformats.org/officeDocument/2006/relationships/notesMaster" Target="notesMasters/notesMaster1.xml"/><Relationship Id="rId10" Type="http://schemas.openxmlformats.org/officeDocument/2006/relationships/slide" Target="slides/slide5.xml"/><Relationship Id="rId19" Type="http://schemas.openxmlformats.org/officeDocument/2006/relationships/slide" Target="slides/slide14.xml"/><Relationship Id="rId31"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4.xml"/><Relationship Id="rId14" Type="http://schemas.openxmlformats.org/officeDocument/2006/relationships/slide" Target="slides/slide9.xml"/><Relationship Id="rId22" Type="http://schemas.openxmlformats.org/officeDocument/2006/relationships/slide" Target="slides/slide17.xml"/><Relationship Id="rId27" Type="http://schemas.openxmlformats.org/officeDocument/2006/relationships/slide" Target="slides/slide22.xml"/><Relationship Id="rId30" Type="http://schemas.openxmlformats.org/officeDocument/2006/relationships/viewProps" Target="viewProps.xml"/><Relationship Id="rId8" Type="http://schemas.openxmlformats.org/officeDocument/2006/relationships/slide" Target="slides/slide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IN"/>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EFF91645-852E-4D58-8356-A216B2AE3110}" type="datetimeFigureOut">
              <a:rPr lang="en-IN" smtClean="0"/>
              <a:t>30-01-2025</a:t>
            </a:fld>
            <a:endParaRPr lang="en-IN"/>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IN"/>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IN"/>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AA172D8A-114E-458F-95E5-B4E4DCB574E8}" type="slidenum">
              <a:rPr lang="en-IN" smtClean="0"/>
              <a:t>‹#›</a:t>
            </a:fld>
            <a:endParaRPr lang="en-IN"/>
          </a:p>
        </p:txBody>
      </p:sp>
    </p:spTree>
    <p:extLst>
      <p:ext uri="{BB962C8B-B14F-4D97-AF65-F5344CB8AC3E}">
        <p14:creationId xmlns:p14="http://schemas.microsoft.com/office/powerpoint/2010/main" val="137734143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3BC49846-7DA8-4692-B2BF-36059B5BD810}" type="slidenum">
              <a:rPr lang="en-US" smtClean="0"/>
              <a:pPr/>
              <a:t>19</a:t>
            </a:fld>
            <a:endParaRPr lang="en-US"/>
          </a:p>
        </p:txBody>
      </p:sp>
    </p:spTree>
    <p:extLst>
      <p:ext uri="{BB962C8B-B14F-4D97-AF65-F5344CB8AC3E}">
        <p14:creationId xmlns:p14="http://schemas.microsoft.com/office/powerpoint/2010/main" val="300913861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62A52419-5950-4B67-8DCD-BA119221FA27}" type="slidenum">
              <a:rPr kumimoji="0" lang="en-IN"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0</a:t>
            </a:fld>
            <a:endParaRPr kumimoji="0" lang="en-IN"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561464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62A52419-5950-4B67-8DCD-BA119221FA27}" type="slidenum">
              <a:rPr kumimoji="0" lang="en-IN"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1</a:t>
            </a:fld>
            <a:endParaRPr kumimoji="0" lang="en-IN"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40489247"/>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image" Target="../media/image4.jpeg"/><Relationship Id="rId1" Type="http://schemas.openxmlformats.org/officeDocument/2006/relationships/slideMaster" Target="../slideMasters/slideMaster2.xml"/><Relationship Id="rId4" Type="http://schemas.openxmlformats.org/officeDocument/2006/relationships/image" Target="../media/image6.svg"/></Relationships>
</file>

<file path=ppt/slideLayouts/_rels/slideLayout8.xml.rels><?xml version="1.0" encoding="UTF-8" standalone="yes"?>
<Relationships xmlns="http://schemas.openxmlformats.org/package/2006/relationships"><Relationship Id="rId8" Type="http://schemas.openxmlformats.org/officeDocument/2006/relationships/image" Target="../media/image13.jpeg"/><Relationship Id="rId3" Type="http://schemas.openxmlformats.org/officeDocument/2006/relationships/image" Target="../media/image8.png"/><Relationship Id="rId7" Type="http://schemas.openxmlformats.org/officeDocument/2006/relationships/image" Target="../media/image12.png"/><Relationship Id="rId2" Type="http://schemas.openxmlformats.org/officeDocument/2006/relationships/image" Target="../media/image7.jpeg"/><Relationship Id="rId1" Type="http://schemas.openxmlformats.org/officeDocument/2006/relationships/slideMaster" Target="../slideMasters/slideMaster2.xml"/><Relationship Id="rId6" Type="http://schemas.openxmlformats.org/officeDocument/2006/relationships/image" Target="../media/image11.jpeg"/><Relationship Id="rId11" Type="http://schemas.openxmlformats.org/officeDocument/2006/relationships/image" Target="../media/image15.jpeg"/><Relationship Id="rId5" Type="http://schemas.openxmlformats.org/officeDocument/2006/relationships/image" Target="../media/image10.jpeg"/><Relationship Id="rId10" Type="http://schemas.microsoft.com/office/2007/relationships/hdphoto" Target="../media/hdphoto2.wdp"/><Relationship Id="rId4" Type="http://schemas.openxmlformats.org/officeDocument/2006/relationships/image" Target="../media/image9.jpeg"/><Relationship Id="rId9" Type="http://schemas.openxmlformats.org/officeDocument/2006/relationships/image" Target="../media/image14.png"/></Relationships>
</file>

<file path=ppt/slideLayouts/_rels/slideLayout9.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bg>
      <p:bgPr>
        <a:solidFill>
          <a:srgbClr val="F8F8F8"/>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507F649-4D5A-EE5C-9537-70B21CB6F536}"/>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IN"/>
          </a:p>
        </p:txBody>
      </p:sp>
      <p:sp>
        <p:nvSpPr>
          <p:cNvPr id="3" name="Subtitle 2">
            <a:extLst>
              <a:ext uri="{FF2B5EF4-FFF2-40B4-BE49-F238E27FC236}">
                <a16:creationId xmlns:a16="http://schemas.microsoft.com/office/drawing/2014/main" id="{4683FFD9-4130-1FD8-673C-B7C36B506C3C}"/>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IN"/>
          </a:p>
        </p:txBody>
      </p:sp>
      <p:sp>
        <p:nvSpPr>
          <p:cNvPr id="6" name="Slide Number Placeholder 5">
            <a:extLst>
              <a:ext uri="{FF2B5EF4-FFF2-40B4-BE49-F238E27FC236}">
                <a16:creationId xmlns:a16="http://schemas.microsoft.com/office/drawing/2014/main" id="{2A54B6E4-98D1-A10D-EEA2-AF8B1BA584D2}"/>
              </a:ext>
            </a:extLst>
          </p:cNvPr>
          <p:cNvSpPr>
            <a:spLocks noGrp="1"/>
          </p:cNvSpPr>
          <p:nvPr>
            <p:ph type="sldNum" sz="quarter" idx="12"/>
          </p:nvPr>
        </p:nvSpPr>
        <p:spPr>
          <a:xfrm>
            <a:off x="11602718" y="6265842"/>
            <a:ext cx="462279" cy="365125"/>
          </a:xfrm>
          <a:prstGeom prst="rect">
            <a:avLst/>
          </a:prstGeom>
        </p:spPr>
        <p:txBody>
          <a:bodyPr/>
          <a:lstStyle/>
          <a:p>
            <a:fld id="{C150780B-7B8E-48D2-81A7-58E396A0D346}" type="slidenum">
              <a:rPr lang="en-IN" smtClean="0"/>
              <a:t>‹#›</a:t>
            </a:fld>
            <a:endParaRPr lang="en-IN"/>
          </a:p>
        </p:txBody>
      </p:sp>
      <p:pic>
        <p:nvPicPr>
          <p:cNvPr id="9" name="Picture 2">
            <a:extLst>
              <a:ext uri="{FF2B5EF4-FFF2-40B4-BE49-F238E27FC236}">
                <a16:creationId xmlns:a16="http://schemas.microsoft.com/office/drawing/2014/main" id="{A8587E7B-DDF5-C5F6-62DD-043088B6F090}"/>
              </a:ext>
            </a:extLst>
          </p:cNvPr>
          <p:cNvPicPr>
            <a:picLocks noChangeAspect="1"/>
          </p:cNvPicPr>
          <p:nvPr userDrawn="1"/>
        </p:nvPicPr>
        <p:blipFill>
          <a:blip r:embed="rId2">
            <a:extLst>
              <a:ext uri="{28A0092B-C50C-407E-A947-70E740481C1C}">
                <a14:useLocalDpi xmlns:a14="http://schemas.microsoft.com/office/drawing/2010/main"/>
              </a:ext>
            </a:extLst>
          </a:blip>
          <a:srcRect t="9" b="9"/>
          <a:stretch/>
        </p:blipFill>
        <p:spPr>
          <a:xfrm flipH="1">
            <a:off x="4515010" y="0"/>
            <a:ext cx="7676990" cy="6858000"/>
          </a:xfrm>
          <a:prstGeom prst="rect">
            <a:avLst/>
          </a:prstGeom>
        </p:spPr>
      </p:pic>
      <p:sp>
        <p:nvSpPr>
          <p:cNvPr id="10" name="Rectangle 9">
            <a:extLst>
              <a:ext uri="{FF2B5EF4-FFF2-40B4-BE49-F238E27FC236}">
                <a16:creationId xmlns:a16="http://schemas.microsoft.com/office/drawing/2014/main" id="{B69E3482-1A43-3ACC-8714-C7C94C994DE5}"/>
              </a:ext>
            </a:extLst>
          </p:cNvPr>
          <p:cNvSpPr/>
          <p:nvPr userDrawn="1"/>
        </p:nvSpPr>
        <p:spPr>
          <a:xfrm>
            <a:off x="345440" y="863600"/>
            <a:ext cx="2143760" cy="258763"/>
          </a:xfrm>
          <a:prstGeom prst="rect">
            <a:avLst/>
          </a:prstGeom>
          <a:solidFill>
            <a:srgbClr val="F8F8F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1" name="Rectangle 10">
            <a:extLst>
              <a:ext uri="{FF2B5EF4-FFF2-40B4-BE49-F238E27FC236}">
                <a16:creationId xmlns:a16="http://schemas.microsoft.com/office/drawing/2014/main" id="{0E39FD5E-A1FB-892D-ECAF-993E8DDB0447}"/>
              </a:ext>
            </a:extLst>
          </p:cNvPr>
          <p:cNvSpPr/>
          <p:nvPr userDrawn="1"/>
        </p:nvSpPr>
        <p:spPr>
          <a:xfrm rot="5400000" flipH="1">
            <a:off x="6068340" y="745913"/>
            <a:ext cx="55320" cy="12192002"/>
          </a:xfrm>
          <a:prstGeom prst="rect">
            <a:avLst/>
          </a:prstGeom>
          <a:solidFill>
            <a:srgbClr val="803189"/>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Tree>
    <p:extLst>
      <p:ext uri="{BB962C8B-B14F-4D97-AF65-F5344CB8AC3E}">
        <p14:creationId xmlns:p14="http://schemas.microsoft.com/office/powerpoint/2010/main" val="228201053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531C6E0-983F-544A-F9FB-5F71EAB9D687}"/>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9B7A8295-7D6D-4845-C8DE-3BBD728E2DA1}"/>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grpSp>
        <p:nvGrpSpPr>
          <p:cNvPr id="4" name="Group 3">
            <a:extLst>
              <a:ext uri="{FF2B5EF4-FFF2-40B4-BE49-F238E27FC236}">
                <a16:creationId xmlns:a16="http://schemas.microsoft.com/office/drawing/2014/main" id="{5BCFF880-182D-30A9-0EC0-5F467D42B55C}"/>
              </a:ext>
            </a:extLst>
          </p:cNvPr>
          <p:cNvGrpSpPr/>
          <p:nvPr userDrawn="1"/>
        </p:nvGrpSpPr>
        <p:grpSpPr>
          <a:xfrm>
            <a:off x="10981564" y="233285"/>
            <a:ext cx="896869" cy="167744"/>
            <a:chOff x="5498465" y="7094800"/>
            <a:chExt cx="1273175" cy="238125"/>
          </a:xfrm>
        </p:grpSpPr>
        <p:sp>
          <p:nvSpPr>
            <p:cNvPr id="5" name="AutoShape 3">
              <a:extLst>
                <a:ext uri="{FF2B5EF4-FFF2-40B4-BE49-F238E27FC236}">
                  <a16:creationId xmlns:a16="http://schemas.microsoft.com/office/drawing/2014/main" id="{C0086391-6FAE-89FE-9030-D7ED329621BD}"/>
                </a:ext>
              </a:extLst>
            </p:cNvPr>
            <p:cNvSpPr>
              <a:spLocks noChangeAspect="1" noChangeArrowheads="1" noTextEdit="1"/>
            </p:cNvSpPr>
            <p:nvPr/>
          </p:nvSpPr>
          <p:spPr bwMode="auto">
            <a:xfrm>
              <a:off x="5498465" y="7094800"/>
              <a:ext cx="1273175" cy="23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6" name="Freeform 5">
              <a:extLst>
                <a:ext uri="{FF2B5EF4-FFF2-40B4-BE49-F238E27FC236}">
                  <a16:creationId xmlns:a16="http://schemas.microsoft.com/office/drawing/2014/main" id="{B5FE3EF8-028E-A2EB-E333-88AEBF3A9D40}"/>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7" name="Freeform 6">
              <a:extLst>
                <a:ext uri="{FF2B5EF4-FFF2-40B4-BE49-F238E27FC236}">
                  <a16:creationId xmlns:a16="http://schemas.microsoft.com/office/drawing/2014/main" id="{2984D5A0-C369-E3EF-7DEC-3C814F38A4C9}"/>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8" name="Freeform 7">
              <a:extLst>
                <a:ext uri="{FF2B5EF4-FFF2-40B4-BE49-F238E27FC236}">
                  <a16:creationId xmlns:a16="http://schemas.microsoft.com/office/drawing/2014/main" id="{E4ED525E-B557-A551-D95E-3B83E452EF9D}"/>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9" name="Freeform 8">
              <a:extLst>
                <a:ext uri="{FF2B5EF4-FFF2-40B4-BE49-F238E27FC236}">
                  <a16:creationId xmlns:a16="http://schemas.microsoft.com/office/drawing/2014/main" id="{5B15358E-F1F1-85A7-D000-885A7B4E13E2}"/>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Freeform 9">
              <a:extLst>
                <a:ext uri="{FF2B5EF4-FFF2-40B4-BE49-F238E27FC236}">
                  <a16:creationId xmlns:a16="http://schemas.microsoft.com/office/drawing/2014/main" id="{412C0953-5DBB-45AB-FD97-13503C3CC8AB}"/>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1" name="Freeform 10">
              <a:extLst>
                <a:ext uri="{FF2B5EF4-FFF2-40B4-BE49-F238E27FC236}">
                  <a16:creationId xmlns:a16="http://schemas.microsoft.com/office/drawing/2014/main" id="{2C6C44DC-46CB-7F9E-C67D-D5C533AB8C4F}"/>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2" name="Freeform 11">
              <a:extLst>
                <a:ext uri="{FF2B5EF4-FFF2-40B4-BE49-F238E27FC236}">
                  <a16:creationId xmlns:a16="http://schemas.microsoft.com/office/drawing/2014/main" id="{F06848EE-630C-9197-D74A-E014813782BF}"/>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3" name="Freeform 12">
              <a:extLst>
                <a:ext uri="{FF2B5EF4-FFF2-40B4-BE49-F238E27FC236}">
                  <a16:creationId xmlns:a16="http://schemas.microsoft.com/office/drawing/2014/main" id="{1EE9F154-BAF2-6C60-7226-26E6BFADF389}"/>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4" name="Freeform 13">
              <a:extLst>
                <a:ext uri="{FF2B5EF4-FFF2-40B4-BE49-F238E27FC236}">
                  <a16:creationId xmlns:a16="http://schemas.microsoft.com/office/drawing/2014/main" id="{1F4A0CA8-417A-3927-0144-75FFF3750E7C}"/>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5" name="Freeform 14">
              <a:extLst>
                <a:ext uri="{FF2B5EF4-FFF2-40B4-BE49-F238E27FC236}">
                  <a16:creationId xmlns:a16="http://schemas.microsoft.com/office/drawing/2014/main" id="{FE40DD02-89C4-2B24-153A-5154862F0CCA}"/>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Freeform 15">
              <a:extLst>
                <a:ext uri="{FF2B5EF4-FFF2-40B4-BE49-F238E27FC236}">
                  <a16:creationId xmlns:a16="http://schemas.microsoft.com/office/drawing/2014/main" id="{A6F6BF7B-D003-1CFC-4F05-82DE7EF50A10}"/>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7" name="Freeform 16">
              <a:extLst>
                <a:ext uri="{FF2B5EF4-FFF2-40B4-BE49-F238E27FC236}">
                  <a16:creationId xmlns:a16="http://schemas.microsoft.com/office/drawing/2014/main" id="{11CEA2A4-2F2E-6A7E-7871-56C598F135ED}"/>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005A84"/>
            </a:solidFill>
            <a:ln>
              <a:noFill/>
            </a:ln>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117261329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blank">
  <p:cSld name="Blank">
    <p:spTree>
      <p:nvGrpSpPr>
        <p:cNvPr id="1" name=""/>
        <p:cNvGrpSpPr/>
        <p:nvPr/>
      </p:nvGrpSpPr>
      <p:grpSpPr>
        <a:xfrm>
          <a:off x="0" y="0"/>
          <a:ext cx="0" cy="0"/>
          <a:chOff x="0" y="0"/>
          <a:chExt cx="0" cy="0"/>
        </a:xfrm>
      </p:grpSpPr>
      <p:grpSp>
        <p:nvGrpSpPr>
          <p:cNvPr id="2" name="Group 1">
            <a:extLst>
              <a:ext uri="{FF2B5EF4-FFF2-40B4-BE49-F238E27FC236}">
                <a16:creationId xmlns:a16="http://schemas.microsoft.com/office/drawing/2014/main" id="{01BD6791-E8CE-C8CB-FCD6-CA1EFEC3072E}"/>
              </a:ext>
            </a:extLst>
          </p:cNvPr>
          <p:cNvGrpSpPr/>
          <p:nvPr userDrawn="1"/>
        </p:nvGrpSpPr>
        <p:grpSpPr>
          <a:xfrm>
            <a:off x="10981564" y="233285"/>
            <a:ext cx="896869" cy="167744"/>
            <a:chOff x="5498465" y="7094800"/>
            <a:chExt cx="1273175" cy="238125"/>
          </a:xfrm>
        </p:grpSpPr>
        <p:sp>
          <p:nvSpPr>
            <p:cNvPr id="3" name="AutoShape 3">
              <a:extLst>
                <a:ext uri="{FF2B5EF4-FFF2-40B4-BE49-F238E27FC236}">
                  <a16:creationId xmlns:a16="http://schemas.microsoft.com/office/drawing/2014/main" id="{9179478F-5C4D-7D93-C736-41B1141A9975}"/>
                </a:ext>
              </a:extLst>
            </p:cNvPr>
            <p:cNvSpPr>
              <a:spLocks noChangeAspect="1" noChangeArrowheads="1" noTextEdit="1"/>
            </p:cNvSpPr>
            <p:nvPr/>
          </p:nvSpPr>
          <p:spPr bwMode="auto">
            <a:xfrm>
              <a:off x="5498465" y="7094800"/>
              <a:ext cx="1273175" cy="23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 name="Freeform 5">
              <a:extLst>
                <a:ext uri="{FF2B5EF4-FFF2-40B4-BE49-F238E27FC236}">
                  <a16:creationId xmlns:a16="http://schemas.microsoft.com/office/drawing/2014/main" id="{C43656F0-DC39-50C9-4DEC-333DD97C6B6C}"/>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 name="Freeform 6">
              <a:extLst>
                <a:ext uri="{FF2B5EF4-FFF2-40B4-BE49-F238E27FC236}">
                  <a16:creationId xmlns:a16="http://schemas.microsoft.com/office/drawing/2014/main" id="{358A13D4-92BB-FAF4-D0C1-FB1D6E12393D}"/>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6" name="Freeform 7">
              <a:extLst>
                <a:ext uri="{FF2B5EF4-FFF2-40B4-BE49-F238E27FC236}">
                  <a16:creationId xmlns:a16="http://schemas.microsoft.com/office/drawing/2014/main" id="{6538DB7D-7BDF-B171-3D99-0C1BAD89C1D6}"/>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7" name="Freeform 8">
              <a:extLst>
                <a:ext uri="{FF2B5EF4-FFF2-40B4-BE49-F238E27FC236}">
                  <a16:creationId xmlns:a16="http://schemas.microsoft.com/office/drawing/2014/main" id="{F40CC277-3AEC-8C21-B1C1-F5715AC10A4D}"/>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8" name="Freeform 9">
              <a:extLst>
                <a:ext uri="{FF2B5EF4-FFF2-40B4-BE49-F238E27FC236}">
                  <a16:creationId xmlns:a16="http://schemas.microsoft.com/office/drawing/2014/main" id="{D81D1B83-9A49-CFD6-7F64-0AA6880DC083}"/>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9" name="Freeform 10">
              <a:extLst>
                <a:ext uri="{FF2B5EF4-FFF2-40B4-BE49-F238E27FC236}">
                  <a16:creationId xmlns:a16="http://schemas.microsoft.com/office/drawing/2014/main" id="{810301CD-6BC0-F4DF-71D6-60A723B51592}"/>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Freeform 11">
              <a:extLst>
                <a:ext uri="{FF2B5EF4-FFF2-40B4-BE49-F238E27FC236}">
                  <a16:creationId xmlns:a16="http://schemas.microsoft.com/office/drawing/2014/main" id="{6A74C9E6-F58D-75E9-9D03-78569499CA7B}"/>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1" name="Freeform 12">
              <a:extLst>
                <a:ext uri="{FF2B5EF4-FFF2-40B4-BE49-F238E27FC236}">
                  <a16:creationId xmlns:a16="http://schemas.microsoft.com/office/drawing/2014/main" id="{4FD5CDAB-FA37-ED6B-2415-30F7F0014047}"/>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2" name="Freeform 13">
              <a:extLst>
                <a:ext uri="{FF2B5EF4-FFF2-40B4-BE49-F238E27FC236}">
                  <a16:creationId xmlns:a16="http://schemas.microsoft.com/office/drawing/2014/main" id="{ECA8F515-AA0A-70E9-02A1-C0651337E769}"/>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3" name="Freeform 14">
              <a:extLst>
                <a:ext uri="{FF2B5EF4-FFF2-40B4-BE49-F238E27FC236}">
                  <a16:creationId xmlns:a16="http://schemas.microsoft.com/office/drawing/2014/main" id="{1E4C9833-7907-1C39-AABC-E1E015FB49E1}"/>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4" name="Freeform 15">
              <a:extLst>
                <a:ext uri="{FF2B5EF4-FFF2-40B4-BE49-F238E27FC236}">
                  <a16:creationId xmlns:a16="http://schemas.microsoft.com/office/drawing/2014/main" id="{18AA6BD3-2FE6-BE88-858C-4E5E323C8F45}"/>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5" name="Freeform 16">
              <a:extLst>
                <a:ext uri="{FF2B5EF4-FFF2-40B4-BE49-F238E27FC236}">
                  <a16:creationId xmlns:a16="http://schemas.microsoft.com/office/drawing/2014/main" id="{7C894A2B-D857-2C2F-2E12-AFF97075A2C0}"/>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005A84"/>
            </a:solidFill>
            <a:ln>
              <a:noFill/>
            </a:ln>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280932784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531C6E0-983F-544A-F9FB-5F71EAB9D687}"/>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9B7A8295-7D6D-4845-C8DE-3BBD728E2DA1}"/>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Tree>
    <p:extLst>
      <p:ext uri="{BB962C8B-B14F-4D97-AF65-F5344CB8AC3E}">
        <p14:creationId xmlns:p14="http://schemas.microsoft.com/office/powerpoint/2010/main" val="401068225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5894CFA-355C-A909-88F2-A3C09BF684A6}"/>
              </a:ext>
            </a:extLst>
          </p:cNvPr>
          <p:cNvSpPr>
            <a:spLocks noGrp="1"/>
          </p:cNvSpPr>
          <p:nvPr>
            <p:ph type="title"/>
          </p:nvPr>
        </p:nvSpPr>
        <p:spPr/>
        <p:txBody>
          <a:bodyPr/>
          <a:lstStyle/>
          <a:p>
            <a:r>
              <a:rPr lang="en-US"/>
              <a:t>Click to edit Master title style</a:t>
            </a:r>
            <a:endParaRPr lang="en-IN"/>
          </a:p>
        </p:txBody>
      </p:sp>
    </p:spTree>
    <p:extLst>
      <p:ext uri="{BB962C8B-B14F-4D97-AF65-F5344CB8AC3E}">
        <p14:creationId xmlns:p14="http://schemas.microsoft.com/office/powerpoint/2010/main" val="154803993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itleOnly" preserve="1">
  <p:cSld name="1_Title Only">
    <p:spTree>
      <p:nvGrpSpPr>
        <p:cNvPr id="1" name=""/>
        <p:cNvGrpSpPr/>
        <p:nvPr/>
      </p:nvGrpSpPr>
      <p:grpSpPr>
        <a:xfrm>
          <a:off x="0" y="0"/>
          <a:ext cx="0" cy="0"/>
          <a:chOff x="0" y="0"/>
          <a:chExt cx="0" cy="0"/>
        </a:xfrm>
      </p:grpSpPr>
      <p:sp>
        <p:nvSpPr>
          <p:cNvPr id="21" name="Rectangle 20">
            <a:extLst>
              <a:ext uri="{FF2B5EF4-FFF2-40B4-BE49-F238E27FC236}">
                <a16:creationId xmlns:a16="http://schemas.microsoft.com/office/drawing/2014/main" id="{AD7767A2-C593-1F8C-2548-D6F47D5AF7E8}"/>
              </a:ext>
            </a:extLst>
          </p:cNvPr>
          <p:cNvSpPr/>
          <p:nvPr userDrawn="1"/>
        </p:nvSpPr>
        <p:spPr>
          <a:xfrm>
            <a:off x="-9357" y="0"/>
            <a:ext cx="12192000" cy="6858000"/>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0" name="Picture 9" descr="A white and pink lines on a blue background&#10;&#10;Description automatically generated">
            <a:extLst>
              <a:ext uri="{FF2B5EF4-FFF2-40B4-BE49-F238E27FC236}">
                <a16:creationId xmlns:a16="http://schemas.microsoft.com/office/drawing/2014/main" id="{563EB50B-49E1-C326-CA87-8F9328CEC9A3}"/>
              </a:ext>
            </a:extLst>
          </p:cNvPr>
          <p:cNvPicPr>
            <a:picLocks noChangeAspect="1"/>
          </p:cNvPicPr>
          <p:nvPr userDrawn="1"/>
        </p:nvPicPr>
        <p:blipFill rotWithShape="1">
          <a:blip r:embed="rId2" cstate="screen">
            <a:alphaModFix amt="35000"/>
            <a:extLst>
              <a:ext uri="{BEBA8EAE-BF5A-486C-A8C5-ECC9F3942E4B}">
                <a14:imgProps xmlns:a14="http://schemas.microsoft.com/office/drawing/2010/main">
                  <a14:imgLayer r:embed="rId3">
                    <a14:imgEffect>
                      <a14:colorTemperature colorTemp="4700"/>
                    </a14:imgEffect>
                  </a14:imgLayer>
                </a14:imgProps>
              </a:ext>
              <a:ext uri="{28A0092B-C50C-407E-A947-70E740481C1C}">
                <a14:useLocalDpi xmlns:a14="http://schemas.microsoft.com/office/drawing/2010/main"/>
              </a:ext>
            </a:extLst>
          </a:blip>
          <a:srcRect l="15635" t="608" r="22592" b="291"/>
          <a:stretch/>
        </p:blipFill>
        <p:spPr>
          <a:xfrm>
            <a:off x="0" y="-1"/>
            <a:ext cx="12192000" cy="6858001"/>
          </a:xfrm>
          <a:prstGeom prst="rect">
            <a:avLst/>
          </a:prstGeom>
        </p:spPr>
      </p:pic>
      <p:sp>
        <p:nvSpPr>
          <p:cNvPr id="2" name="Title 1">
            <a:extLst>
              <a:ext uri="{FF2B5EF4-FFF2-40B4-BE49-F238E27FC236}">
                <a16:creationId xmlns:a16="http://schemas.microsoft.com/office/drawing/2014/main" id="{25894CFA-355C-A909-88F2-A3C09BF684A6}"/>
              </a:ext>
            </a:extLst>
          </p:cNvPr>
          <p:cNvSpPr>
            <a:spLocks noGrp="1"/>
          </p:cNvSpPr>
          <p:nvPr>
            <p:ph type="title"/>
          </p:nvPr>
        </p:nvSpPr>
        <p:spPr/>
        <p:txBody>
          <a:bodyPr/>
          <a:lstStyle/>
          <a:p>
            <a:r>
              <a:rPr lang="en-US"/>
              <a:t>Click to edit Master title style</a:t>
            </a:r>
            <a:endParaRPr lang="en-IN"/>
          </a:p>
        </p:txBody>
      </p:sp>
      <p:sp>
        <p:nvSpPr>
          <p:cNvPr id="11" name="Rectangle 10">
            <a:extLst>
              <a:ext uri="{FF2B5EF4-FFF2-40B4-BE49-F238E27FC236}">
                <a16:creationId xmlns:a16="http://schemas.microsoft.com/office/drawing/2014/main" id="{418DC738-C606-414E-0C31-812883BDD35C}"/>
              </a:ext>
            </a:extLst>
          </p:cNvPr>
          <p:cNvSpPr/>
          <p:nvPr userDrawn="1"/>
        </p:nvSpPr>
        <p:spPr>
          <a:xfrm rot="5400000" flipH="1">
            <a:off x="6068340" y="745913"/>
            <a:ext cx="55320" cy="12192002"/>
          </a:xfrm>
          <a:prstGeom prst="rect">
            <a:avLst/>
          </a:prstGeom>
          <a:solidFill>
            <a:srgbClr val="0085B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0" name="Straight Connector 19">
            <a:extLst>
              <a:ext uri="{FF2B5EF4-FFF2-40B4-BE49-F238E27FC236}">
                <a16:creationId xmlns:a16="http://schemas.microsoft.com/office/drawing/2014/main" id="{61823885-EABB-E3D4-9777-F0667F980395}"/>
              </a:ext>
            </a:extLst>
          </p:cNvPr>
          <p:cNvCxnSpPr>
            <a:cxnSpLocks/>
          </p:cNvCxnSpPr>
          <p:nvPr userDrawn="1"/>
        </p:nvCxnSpPr>
        <p:spPr>
          <a:xfrm>
            <a:off x="548640" y="914400"/>
            <a:ext cx="894080" cy="0"/>
          </a:xfrm>
          <a:prstGeom prst="line">
            <a:avLst/>
          </a:prstGeom>
          <a:ln w="38100">
            <a:solidFill>
              <a:srgbClr val="0085BE"/>
            </a:solidFill>
          </a:ln>
        </p:spPr>
        <p:style>
          <a:lnRef idx="2">
            <a:schemeClr val="accent1"/>
          </a:lnRef>
          <a:fillRef idx="0">
            <a:schemeClr val="accent1"/>
          </a:fillRef>
          <a:effectRef idx="1">
            <a:schemeClr val="accent1"/>
          </a:effectRef>
          <a:fontRef idx="minor">
            <a:schemeClr val="tx1"/>
          </a:fontRef>
        </p:style>
      </p:cxnSp>
      <p:grpSp>
        <p:nvGrpSpPr>
          <p:cNvPr id="22" name="Group 21">
            <a:extLst>
              <a:ext uri="{FF2B5EF4-FFF2-40B4-BE49-F238E27FC236}">
                <a16:creationId xmlns:a16="http://schemas.microsoft.com/office/drawing/2014/main" id="{A10258E6-6994-EC4D-6EAD-F37785B0DD29}"/>
              </a:ext>
            </a:extLst>
          </p:cNvPr>
          <p:cNvGrpSpPr/>
          <p:nvPr userDrawn="1"/>
        </p:nvGrpSpPr>
        <p:grpSpPr>
          <a:xfrm>
            <a:off x="10981564" y="233285"/>
            <a:ext cx="896869" cy="167744"/>
            <a:chOff x="5498465" y="7094800"/>
            <a:chExt cx="1273175" cy="238125"/>
          </a:xfrm>
        </p:grpSpPr>
        <p:sp>
          <p:nvSpPr>
            <p:cNvPr id="23" name="AutoShape 3">
              <a:extLst>
                <a:ext uri="{FF2B5EF4-FFF2-40B4-BE49-F238E27FC236}">
                  <a16:creationId xmlns:a16="http://schemas.microsoft.com/office/drawing/2014/main" id="{55E6A7ED-4E4B-58DD-7A81-B20F507554C1}"/>
                </a:ext>
              </a:extLst>
            </p:cNvPr>
            <p:cNvSpPr>
              <a:spLocks noChangeAspect="1" noChangeArrowheads="1" noTextEdit="1"/>
            </p:cNvSpPr>
            <p:nvPr/>
          </p:nvSpPr>
          <p:spPr bwMode="auto">
            <a:xfrm>
              <a:off x="5498465" y="7094800"/>
              <a:ext cx="1273175" cy="23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4" name="Freeform 5">
              <a:extLst>
                <a:ext uri="{FF2B5EF4-FFF2-40B4-BE49-F238E27FC236}">
                  <a16:creationId xmlns:a16="http://schemas.microsoft.com/office/drawing/2014/main" id="{C31BDBD9-F79F-A32A-B434-C830841D1523}"/>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5" name="Freeform 6">
              <a:extLst>
                <a:ext uri="{FF2B5EF4-FFF2-40B4-BE49-F238E27FC236}">
                  <a16:creationId xmlns:a16="http://schemas.microsoft.com/office/drawing/2014/main" id="{D9B45874-44B8-581D-75BA-2A0BA694463E}"/>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6" name="Freeform 7">
              <a:extLst>
                <a:ext uri="{FF2B5EF4-FFF2-40B4-BE49-F238E27FC236}">
                  <a16:creationId xmlns:a16="http://schemas.microsoft.com/office/drawing/2014/main" id="{ADF3C045-CD7B-1E68-3B11-8D97667FE541}"/>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7" name="Freeform 8">
              <a:extLst>
                <a:ext uri="{FF2B5EF4-FFF2-40B4-BE49-F238E27FC236}">
                  <a16:creationId xmlns:a16="http://schemas.microsoft.com/office/drawing/2014/main" id="{87EEDEEB-45D5-D7BC-BC3D-C674DDFFC630}"/>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8" name="Freeform 9">
              <a:extLst>
                <a:ext uri="{FF2B5EF4-FFF2-40B4-BE49-F238E27FC236}">
                  <a16:creationId xmlns:a16="http://schemas.microsoft.com/office/drawing/2014/main" id="{594316E8-859B-DCB5-B721-5F554A79F810}"/>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9" name="Freeform 10">
              <a:extLst>
                <a:ext uri="{FF2B5EF4-FFF2-40B4-BE49-F238E27FC236}">
                  <a16:creationId xmlns:a16="http://schemas.microsoft.com/office/drawing/2014/main" id="{E693476F-865C-58A8-A976-33704059ED76}"/>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0" name="Freeform 11">
              <a:extLst>
                <a:ext uri="{FF2B5EF4-FFF2-40B4-BE49-F238E27FC236}">
                  <a16:creationId xmlns:a16="http://schemas.microsoft.com/office/drawing/2014/main" id="{A54C2C7C-77E7-5E54-E4A6-72B31144E71B}"/>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1" name="Freeform 12">
              <a:extLst>
                <a:ext uri="{FF2B5EF4-FFF2-40B4-BE49-F238E27FC236}">
                  <a16:creationId xmlns:a16="http://schemas.microsoft.com/office/drawing/2014/main" id="{4B9FDECA-CA33-FC81-2B43-226F7FD361EB}"/>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2" name="Freeform 13">
              <a:extLst>
                <a:ext uri="{FF2B5EF4-FFF2-40B4-BE49-F238E27FC236}">
                  <a16:creationId xmlns:a16="http://schemas.microsoft.com/office/drawing/2014/main" id="{8BA61A8B-6CC2-B69F-12AA-CDC29B0C1F5A}"/>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3" name="Freeform 14">
              <a:extLst>
                <a:ext uri="{FF2B5EF4-FFF2-40B4-BE49-F238E27FC236}">
                  <a16:creationId xmlns:a16="http://schemas.microsoft.com/office/drawing/2014/main" id="{617F1301-40B2-FF1D-42A3-E7A9467B1BB4}"/>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4" name="Freeform 15">
              <a:extLst>
                <a:ext uri="{FF2B5EF4-FFF2-40B4-BE49-F238E27FC236}">
                  <a16:creationId xmlns:a16="http://schemas.microsoft.com/office/drawing/2014/main" id="{203DF534-71BE-2C32-0B53-E27419263C86}"/>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5" name="Freeform 16">
              <a:extLst>
                <a:ext uri="{FF2B5EF4-FFF2-40B4-BE49-F238E27FC236}">
                  <a16:creationId xmlns:a16="http://schemas.microsoft.com/office/drawing/2014/main" id="{7AF23114-EA32-F7E9-589D-CADCCC0918C4}"/>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005A84"/>
            </a:solidFill>
            <a:ln>
              <a:noFill/>
            </a:ln>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347478941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073664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ABBAD8A5-8CFE-1727-3AF3-DFA1EEFF6E24}"/>
              </a:ext>
            </a:extLst>
          </p:cNvPr>
          <p:cNvSpPr/>
          <p:nvPr userDrawn="1"/>
        </p:nvSpPr>
        <p:spPr>
          <a:xfrm flipH="1">
            <a:off x="0" y="0"/>
            <a:ext cx="7106856"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 name="Picture 1" descr="A white and pink lines on a blue background&#10;&#10;Description automatically generated">
            <a:extLst>
              <a:ext uri="{FF2B5EF4-FFF2-40B4-BE49-F238E27FC236}">
                <a16:creationId xmlns:a16="http://schemas.microsoft.com/office/drawing/2014/main" id="{BE812DB0-858A-F5C6-741D-F6D444F9EA7A}"/>
              </a:ext>
            </a:extLst>
          </p:cNvPr>
          <p:cNvPicPr>
            <a:picLocks noChangeAspect="1"/>
          </p:cNvPicPr>
          <p:nvPr userDrawn="1"/>
        </p:nvPicPr>
        <p:blipFill rotWithShape="1">
          <a:blip r:embed="rId2" cstate="screen">
            <a:alphaModFix amt="35000"/>
            <a:extLst>
              <a:ext uri="{BEBA8EAE-BF5A-486C-A8C5-ECC9F3942E4B}">
                <a14:imgProps xmlns:a14="http://schemas.microsoft.com/office/drawing/2010/main">
                  <a14:imgLayer r:embed="rId3">
                    <a14:imgEffect>
                      <a14:colorTemperature colorTemp="4700"/>
                    </a14:imgEffect>
                  </a14:imgLayer>
                </a14:imgProps>
              </a:ext>
              <a:ext uri="{28A0092B-C50C-407E-A947-70E740481C1C}">
                <a14:useLocalDpi xmlns:a14="http://schemas.microsoft.com/office/drawing/2010/main"/>
              </a:ext>
            </a:extLst>
          </a:blip>
          <a:srcRect l="15635" t="608" r="48357" b="291"/>
          <a:stretch/>
        </p:blipFill>
        <p:spPr>
          <a:xfrm>
            <a:off x="0" y="-1"/>
            <a:ext cx="7106854" cy="6858001"/>
          </a:xfrm>
          <a:prstGeom prst="rect">
            <a:avLst/>
          </a:prstGeom>
        </p:spPr>
      </p:pic>
      <p:sp>
        <p:nvSpPr>
          <p:cNvPr id="9" name="Rectangle 8">
            <a:extLst>
              <a:ext uri="{FF2B5EF4-FFF2-40B4-BE49-F238E27FC236}">
                <a16:creationId xmlns:a16="http://schemas.microsoft.com/office/drawing/2014/main" id="{C51DA22D-F946-65BA-FD58-A91EE80EFAC1}"/>
              </a:ext>
            </a:extLst>
          </p:cNvPr>
          <p:cNvSpPr/>
          <p:nvPr userDrawn="1"/>
        </p:nvSpPr>
        <p:spPr>
          <a:xfrm rot="5400000" flipH="1">
            <a:off x="6068340" y="745913"/>
            <a:ext cx="55320" cy="12192002"/>
          </a:xfrm>
          <a:prstGeom prst="rect">
            <a:avLst/>
          </a:prstGeom>
          <a:solidFill>
            <a:srgbClr val="0085B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Tree>
    <p:extLst>
      <p:ext uri="{BB962C8B-B14F-4D97-AF65-F5344CB8AC3E}">
        <p14:creationId xmlns:p14="http://schemas.microsoft.com/office/powerpoint/2010/main" val="127857656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 preserve="1">
  <p:cSld name="1_Title Slide 01">
    <p:bg>
      <p:bgPr>
        <a:solidFill>
          <a:schemeClr val="bg1"/>
        </a:solidFill>
        <a:effectLst/>
      </p:bgPr>
    </p:bg>
    <p:spTree>
      <p:nvGrpSpPr>
        <p:cNvPr id="1" name=""/>
        <p:cNvGrpSpPr/>
        <p:nvPr/>
      </p:nvGrpSpPr>
      <p:grpSpPr>
        <a:xfrm>
          <a:off x="0" y="0"/>
          <a:ext cx="0" cy="0"/>
          <a:chOff x="0" y="0"/>
          <a:chExt cx="0" cy="0"/>
        </a:xfrm>
      </p:grpSpPr>
      <p:grpSp>
        <p:nvGrpSpPr>
          <p:cNvPr id="4" name="Group 3">
            <a:extLst>
              <a:ext uri="{FF2B5EF4-FFF2-40B4-BE49-F238E27FC236}">
                <a16:creationId xmlns:a16="http://schemas.microsoft.com/office/drawing/2014/main" id="{797D49E0-FCD1-D28C-AFB6-29D94C2056E8}"/>
              </a:ext>
            </a:extLst>
          </p:cNvPr>
          <p:cNvGrpSpPr/>
          <p:nvPr userDrawn="1"/>
        </p:nvGrpSpPr>
        <p:grpSpPr>
          <a:xfrm>
            <a:off x="-1" y="0"/>
            <a:ext cx="12192001" cy="6858000"/>
            <a:chOff x="-2" y="0"/>
            <a:chExt cx="18288002" cy="10287000"/>
          </a:xfrm>
        </p:grpSpPr>
        <p:pic>
          <p:nvPicPr>
            <p:cNvPr id="5" name="Picture 2">
              <a:extLst>
                <a:ext uri="{FF2B5EF4-FFF2-40B4-BE49-F238E27FC236}">
                  <a16:creationId xmlns:a16="http://schemas.microsoft.com/office/drawing/2014/main" id="{A93055E7-576C-1150-7A6C-0DC68388978F}"/>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l="1398" t="12236" r="5699"/>
            <a:stretch/>
          </p:blipFill>
          <p:spPr>
            <a:xfrm>
              <a:off x="5500548" y="0"/>
              <a:ext cx="12784664" cy="8061864"/>
            </a:xfrm>
            <a:prstGeom prst="rect">
              <a:avLst/>
            </a:prstGeom>
          </p:spPr>
        </p:pic>
        <p:sp>
          <p:nvSpPr>
            <p:cNvPr id="6" name="Rectangle: Diagonal Corners Snipped 6">
              <a:extLst>
                <a:ext uri="{FF2B5EF4-FFF2-40B4-BE49-F238E27FC236}">
                  <a16:creationId xmlns:a16="http://schemas.microsoft.com/office/drawing/2014/main" id="{EA828739-FFFA-0FD3-45D2-F1C4F6D971AB}"/>
                </a:ext>
              </a:extLst>
            </p:cNvPr>
            <p:cNvSpPr/>
            <p:nvPr userDrawn="1"/>
          </p:nvSpPr>
          <p:spPr>
            <a:xfrm>
              <a:off x="-2" y="0"/>
              <a:ext cx="13940709" cy="10287000"/>
            </a:xfrm>
            <a:custGeom>
              <a:avLst/>
              <a:gdLst>
                <a:gd name="connsiteX0" fmla="*/ 0 w 11136547"/>
                <a:gd name="connsiteY0" fmla="*/ 0 h 10286999"/>
                <a:gd name="connsiteX1" fmla="*/ 5993048 w 11136547"/>
                <a:gd name="connsiteY1" fmla="*/ 0 h 10286999"/>
                <a:gd name="connsiteX2" fmla="*/ 11136547 w 11136547"/>
                <a:gd name="connsiteY2" fmla="*/ 5143500 h 10286999"/>
                <a:gd name="connsiteX3" fmla="*/ 11136547 w 11136547"/>
                <a:gd name="connsiteY3" fmla="*/ 10286999 h 10286999"/>
                <a:gd name="connsiteX4" fmla="*/ 11136547 w 11136547"/>
                <a:gd name="connsiteY4" fmla="*/ 10286999 h 10286999"/>
                <a:gd name="connsiteX5" fmla="*/ 5143500 w 11136547"/>
                <a:gd name="connsiteY5" fmla="*/ 10286999 h 10286999"/>
                <a:gd name="connsiteX6" fmla="*/ 0 w 11136547"/>
                <a:gd name="connsiteY6" fmla="*/ 5143500 h 10286999"/>
                <a:gd name="connsiteX7" fmla="*/ 0 w 11136547"/>
                <a:gd name="connsiteY7" fmla="*/ 0 h 10286999"/>
                <a:gd name="connsiteX0" fmla="*/ 0 w 11136547"/>
                <a:gd name="connsiteY0" fmla="*/ 0 h 10286999"/>
                <a:gd name="connsiteX1" fmla="*/ 3950888 w 11136547"/>
                <a:gd name="connsiteY1" fmla="*/ 0 h 10286999"/>
                <a:gd name="connsiteX2" fmla="*/ 11136547 w 11136547"/>
                <a:gd name="connsiteY2" fmla="*/ 5143500 h 10286999"/>
                <a:gd name="connsiteX3" fmla="*/ 11136547 w 11136547"/>
                <a:gd name="connsiteY3" fmla="*/ 10286999 h 10286999"/>
                <a:gd name="connsiteX4" fmla="*/ 11136547 w 11136547"/>
                <a:gd name="connsiteY4" fmla="*/ 10286999 h 10286999"/>
                <a:gd name="connsiteX5" fmla="*/ 5143500 w 11136547"/>
                <a:gd name="connsiteY5" fmla="*/ 10286999 h 10286999"/>
                <a:gd name="connsiteX6" fmla="*/ 0 w 11136547"/>
                <a:gd name="connsiteY6" fmla="*/ 5143500 h 10286999"/>
                <a:gd name="connsiteX7" fmla="*/ 0 w 11136547"/>
                <a:gd name="connsiteY7" fmla="*/ 0 h 10286999"/>
                <a:gd name="connsiteX0" fmla="*/ 0 w 13574947"/>
                <a:gd name="connsiteY0" fmla="*/ 0 h 10286999"/>
                <a:gd name="connsiteX1" fmla="*/ 3950888 w 13574947"/>
                <a:gd name="connsiteY1" fmla="*/ 0 h 10286999"/>
                <a:gd name="connsiteX2" fmla="*/ 13574947 w 13574947"/>
                <a:gd name="connsiteY2" fmla="*/ 8069580 h 10286999"/>
                <a:gd name="connsiteX3" fmla="*/ 11136547 w 13574947"/>
                <a:gd name="connsiteY3" fmla="*/ 10286999 h 10286999"/>
                <a:gd name="connsiteX4" fmla="*/ 11136547 w 13574947"/>
                <a:gd name="connsiteY4" fmla="*/ 10286999 h 10286999"/>
                <a:gd name="connsiteX5" fmla="*/ 5143500 w 13574947"/>
                <a:gd name="connsiteY5" fmla="*/ 10286999 h 10286999"/>
                <a:gd name="connsiteX6" fmla="*/ 0 w 13574947"/>
                <a:gd name="connsiteY6" fmla="*/ 5143500 h 10286999"/>
                <a:gd name="connsiteX7" fmla="*/ 0 w 13574947"/>
                <a:gd name="connsiteY7" fmla="*/ 0 h 10286999"/>
                <a:gd name="connsiteX0" fmla="*/ 0 w 13574947"/>
                <a:gd name="connsiteY0" fmla="*/ 0 h 10286999"/>
                <a:gd name="connsiteX1" fmla="*/ 5718728 w 13574947"/>
                <a:gd name="connsiteY1" fmla="*/ 0 h 10286999"/>
                <a:gd name="connsiteX2" fmla="*/ 13574947 w 13574947"/>
                <a:gd name="connsiteY2" fmla="*/ 8069580 h 10286999"/>
                <a:gd name="connsiteX3" fmla="*/ 11136547 w 13574947"/>
                <a:gd name="connsiteY3" fmla="*/ 10286999 h 10286999"/>
                <a:gd name="connsiteX4" fmla="*/ 11136547 w 13574947"/>
                <a:gd name="connsiteY4" fmla="*/ 10286999 h 10286999"/>
                <a:gd name="connsiteX5" fmla="*/ 5143500 w 13574947"/>
                <a:gd name="connsiteY5" fmla="*/ 10286999 h 10286999"/>
                <a:gd name="connsiteX6" fmla="*/ 0 w 13574947"/>
                <a:gd name="connsiteY6" fmla="*/ 5143500 h 10286999"/>
                <a:gd name="connsiteX7" fmla="*/ 0 w 13574947"/>
                <a:gd name="connsiteY7" fmla="*/ 0 h 10286999"/>
                <a:gd name="connsiteX0" fmla="*/ 0 w 13574947"/>
                <a:gd name="connsiteY0" fmla="*/ 0 h 10286999"/>
                <a:gd name="connsiteX1" fmla="*/ 5718728 w 13574947"/>
                <a:gd name="connsiteY1" fmla="*/ 0 h 10286999"/>
                <a:gd name="connsiteX2" fmla="*/ 13574947 w 13574947"/>
                <a:gd name="connsiteY2" fmla="*/ 8069580 h 10286999"/>
                <a:gd name="connsiteX3" fmla="*/ 11136547 w 13574947"/>
                <a:gd name="connsiteY3" fmla="*/ 10286999 h 10286999"/>
                <a:gd name="connsiteX4" fmla="*/ 11136547 w 13574947"/>
                <a:gd name="connsiteY4" fmla="*/ 10286999 h 10286999"/>
                <a:gd name="connsiteX5" fmla="*/ 5143500 w 13574947"/>
                <a:gd name="connsiteY5" fmla="*/ 10286999 h 10286999"/>
                <a:gd name="connsiteX6" fmla="*/ 0 w 13574947"/>
                <a:gd name="connsiteY6" fmla="*/ 5143500 h 10286999"/>
                <a:gd name="connsiteX7" fmla="*/ 0 w 13574947"/>
                <a:gd name="connsiteY7" fmla="*/ 0 h 10286999"/>
                <a:gd name="connsiteX0" fmla="*/ 0 w 13940707"/>
                <a:gd name="connsiteY0" fmla="*/ 0 h 10286999"/>
                <a:gd name="connsiteX1" fmla="*/ 5718728 w 13940707"/>
                <a:gd name="connsiteY1" fmla="*/ 0 h 10286999"/>
                <a:gd name="connsiteX2" fmla="*/ 13940707 w 13940707"/>
                <a:gd name="connsiteY2" fmla="*/ 8069580 h 10286999"/>
                <a:gd name="connsiteX3" fmla="*/ 11136547 w 13940707"/>
                <a:gd name="connsiteY3" fmla="*/ 10286999 h 10286999"/>
                <a:gd name="connsiteX4" fmla="*/ 11136547 w 13940707"/>
                <a:gd name="connsiteY4" fmla="*/ 10286999 h 10286999"/>
                <a:gd name="connsiteX5" fmla="*/ 5143500 w 13940707"/>
                <a:gd name="connsiteY5" fmla="*/ 10286999 h 10286999"/>
                <a:gd name="connsiteX6" fmla="*/ 0 w 13940707"/>
                <a:gd name="connsiteY6" fmla="*/ 5143500 h 10286999"/>
                <a:gd name="connsiteX7" fmla="*/ 0 w 13940707"/>
                <a:gd name="connsiteY7" fmla="*/ 0 h 10286999"/>
                <a:gd name="connsiteX0" fmla="*/ 0 w 13940707"/>
                <a:gd name="connsiteY0" fmla="*/ 0 h 10286999"/>
                <a:gd name="connsiteX1" fmla="*/ 5718728 w 13940707"/>
                <a:gd name="connsiteY1" fmla="*/ 0 h 10286999"/>
                <a:gd name="connsiteX2" fmla="*/ 13940707 w 13940707"/>
                <a:gd name="connsiteY2" fmla="*/ 8069580 h 10286999"/>
                <a:gd name="connsiteX3" fmla="*/ 11136547 w 13940707"/>
                <a:gd name="connsiteY3" fmla="*/ 10286999 h 10286999"/>
                <a:gd name="connsiteX4" fmla="*/ 11136547 w 13940707"/>
                <a:gd name="connsiteY4" fmla="*/ 10286999 h 10286999"/>
                <a:gd name="connsiteX5" fmla="*/ 5143500 w 13940707"/>
                <a:gd name="connsiteY5" fmla="*/ 10286999 h 10286999"/>
                <a:gd name="connsiteX6" fmla="*/ 0 w 13940707"/>
                <a:gd name="connsiteY6" fmla="*/ 5822372 h 10286999"/>
                <a:gd name="connsiteX7" fmla="*/ 0 w 13940707"/>
                <a:gd name="connsiteY7" fmla="*/ 0 h 102869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3940707" h="10286999">
                  <a:moveTo>
                    <a:pt x="0" y="0"/>
                  </a:moveTo>
                  <a:lnTo>
                    <a:pt x="5718728" y="0"/>
                  </a:lnTo>
                  <a:lnTo>
                    <a:pt x="13940707" y="8069580"/>
                  </a:lnTo>
                  <a:lnTo>
                    <a:pt x="11136547" y="10286999"/>
                  </a:lnTo>
                  <a:lnTo>
                    <a:pt x="11136547" y="10286999"/>
                  </a:lnTo>
                  <a:lnTo>
                    <a:pt x="5143500" y="10286999"/>
                  </a:lnTo>
                  <a:lnTo>
                    <a:pt x="0" y="5822372"/>
                  </a:lnTo>
                  <a:lnTo>
                    <a:pt x="0" y="0"/>
                  </a:lnTo>
                  <a:close/>
                </a:path>
              </a:pathLst>
            </a:cu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7" name="Diagonal Stripe 10">
              <a:extLst>
                <a:ext uri="{FF2B5EF4-FFF2-40B4-BE49-F238E27FC236}">
                  <a16:creationId xmlns:a16="http://schemas.microsoft.com/office/drawing/2014/main" id="{4899618B-4D0E-46D0-390F-82791D22D79D}"/>
                </a:ext>
              </a:extLst>
            </p:cNvPr>
            <p:cNvSpPr/>
            <p:nvPr userDrawn="1"/>
          </p:nvSpPr>
          <p:spPr>
            <a:xfrm rot="16200000">
              <a:off x="195867" y="5199957"/>
              <a:ext cx="4891176" cy="5282906"/>
            </a:xfrm>
            <a:custGeom>
              <a:avLst/>
              <a:gdLst>
                <a:gd name="connsiteX0" fmla="*/ 0 w 4043397"/>
                <a:gd name="connsiteY0" fmla="*/ 2192737 h 4521200"/>
                <a:gd name="connsiteX1" fmla="*/ 1961007 w 4043397"/>
                <a:gd name="connsiteY1" fmla="*/ 0 h 4521200"/>
                <a:gd name="connsiteX2" fmla="*/ 4043397 w 4043397"/>
                <a:gd name="connsiteY2" fmla="*/ 0 h 4521200"/>
                <a:gd name="connsiteX3" fmla="*/ 0 w 4043397"/>
                <a:gd name="connsiteY3" fmla="*/ 4521200 h 4521200"/>
                <a:gd name="connsiteX4" fmla="*/ 0 w 4043397"/>
                <a:gd name="connsiteY4" fmla="*/ 2192737 h 4521200"/>
                <a:gd name="connsiteX0" fmla="*/ 0 w 2953506"/>
                <a:gd name="connsiteY0" fmla="*/ 2192737 h 4521200"/>
                <a:gd name="connsiteX1" fmla="*/ 1961007 w 2953506"/>
                <a:gd name="connsiteY1" fmla="*/ 0 h 4521200"/>
                <a:gd name="connsiteX2" fmla="*/ 2953506 w 2953506"/>
                <a:gd name="connsiteY2" fmla="*/ 0 h 4521200"/>
                <a:gd name="connsiteX3" fmla="*/ 0 w 2953506"/>
                <a:gd name="connsiteY3" fmla="*/ 4521200 h 4521200"/>
                <a:gd name="connsiteX4" fmla="*/ 0 w 2953506"/>
                <a:gd name="connsiteY4" fmla="*/ 2192737 h 4521200"/>
                <a:gd name="connsiteX0" fmla="*/ 0 w 2953506"/>
                <a:gd name="connsiteY0" fmla="*/ 2192737 h 3542146"/>
                <a:gd name="connsiteX1" fmla="*/ 1961007 w 2953506"/>
                <a:gd name="connsiteY1" fmla="*/ 0 h 3542146"/>
                <a:gd name="connsiteX2" fmla="*/ 2953506 w 2953506"/>
                <a:gd name="connsiteY2" fmla="*/ 0 h 3542146"/>
                <a:gd name="connsiteX3" fmla="*/ 9236 w 2953506"/>
                <a:gd name="connsiteY3" fmla="*/ 3542146 h 3542146"/>
                <a:gd name="connsiteX4" fmla="*/ 0 w 2953506"/>
                <a:gd name="connsiteY4" fmla="*/ 2192737 h 3542146"/>
                <a:gd name="connsiteX0" fmla="*/ 0 w 3055106"/>
                <a:gd name="connsiteY0" fmla="*/ 2192737 h 3542146"/>
                <a:gd name="connsiteX1" fmla="*/ 1961007 w 3055106"/>
                <a:gd name="connsiteY1" fmla="*/ 0 h 3542146"/>
                <a:gd name="connsiteX2" fmla="*/ 3055106 w 3055106"/>
                <a:gd name="connsiteY2" fmla="*/ 9236 h 3542146"/>
                <a:gd name="connsiteX3" fmla="*/ 9236 w 3055106"/>
                <a:gd name="connsiteY3" fmla="*/ 3542146 h 3542146"/>
                <a:gd name="connsiteX4" fmla="*/ 0 w 3055106"/>
                <a:gd name="connsiteY4" fmla="*/ 2192737 h 354214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55106" h="3542146">
                  <a:moveTo>
                    <a:pt x="0" y="2192737"/>
                  </a:moveTo>
                  <a:lnTo>
                    <a:pt x="1961007" y="0"/>
                  </a:lnTo>
                  <a:lnTo>
                    <a:pt x="3055106" y="9236"/>
                  </a:lnTo>
                  <a:lnTo>
                    <a:pt x="9236" y="3542146"/>
                  </a:lnTo>
                  <a:cubicBezTo>
                    <a:pt x="6157" y="3092343"/>
                    <a:pt x="3079" y="2642540"/>
                    <a:pt x="0" y="2192737"/>
                  </a:cubicBezTo>
                  <a:close/>
                </a:path>
              </a:pathLst>
            </a:custGeom>
            <a:solidFill>
              <a:srgbClr val="F8F8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pic>
          <p:nvPicPr>
            <p:cNvPr id="8" name="Picture 6">
              <a:extLst>
                <a:ext uri="{FF2B5EF4-FFF2-40B4-BE49-F238E27FC236}">
                  <a16:creationId xmlns:a16="http://schemas.microsoft.com/office/drawing/2014/main" id="{2FC6C31C-D170-6D2D-42A9-D6CC70571812}"/>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rcRect/>
            <a:stretch>
              <a:fillRect/>
            </a:stretch>
          </p:blipFill>
          <p:spPr>
            <a:xfrm rot="5400000">
              <a:off x="11136547" y="3135547"/>
              <a:ext cx="7151453" cy="7151453"/>
            </a:xfrm>
            <a:prstGeom prst="rect">
              <a:avLst/>
            </a:prstGeom>
          </p:spPr>
        </p:pic>
      </p:grpSp>
      <p:sp>
        <p:nvSpPr>
          <p:cNvPr id="3" name="Subtitle 2">
            <a:extLst>
              <a:ext uri="{FF2B5EF4-FFF2-40B4-BE49-F238E27FC236}">
                <a16:creationId xmlns:a16="http://schemas.microsoft.com/office/drawing/2014/main" id="{4683FFD9-4130-1FD8-673C-B7C36B506C3C}"/>
              </a:ext>
            </a:extLst>
          </p:cNvPr>
          <p:cNvSpPr>
            <a:spLocks noGrp="1"/>
          </p:cNvSpPr>
          <p:nvPr>
            <p:ph type="subTitle" idx="1"/>
          </p:nvPr>
        </p:nvSpPr>
        <p:spPr>
          <a:xfrm>
            <a:off x="390525" y="2583352"/>
            <a:ext cx="5362575" cy="1655762"/>
          </a:xfrm>
        </p:spPr>
        <p:txBody>
          <a:bodyPr>
            <a:normAutofit/>
          </a:bodyPr>
          <a:lstStyle>
            <a:lvl1pPr marL="0" indent="0" algn="l">
              <a:buNone/>
              <a:defRPr sz="18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IN"/>
          </a:p>
        </p:txBody>
      </p:sp>
      <p:sp>
        <p:nvSpPr>
          <p:cNvPr id="41" name="Rectangle 40">
            <a:extLst>
              <a:ext uri="{FF2B5EF4-FFF2-40B4-BE49-F238E27FC236}">
                <a16:creationId xmlns:a16="http://schemas.microsoft.com/office/drawing/2014/main" id="{B145905F-6601-0344-9AA0-3C6B2E445298}"/>
              </a:ext>
            </a:extLst>
          </p:cNvPr>
          <p:cNvSpPr/>
          <p:nvPr userDrawn="1"/>
        </p:nvSpPr>
        <p:spPr>
          <a:xfrm>
            <a:off x="228600" y="744718"/>
            <a:ext cx="1304925" cy="217307"/>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2507F649-4D5A-EE5C-9537-70B21CB6F536}"/>
              </a:ext>
            </a:extLst>
          </p:cNvPr>
          <p:cNvSpPr>
            <a:spLocks noGrp="1"/>
          </p:cNvSpPr>
          <p:nvPr>
            <p:ph type="ctrTitle"/>
          </p:nvPr>
        </p:nvSpPr>
        <p:spPr>
          <a:xfrm>
            <a:off x="390525" y="103677"/>
            <a:ext cx="5362575" cy="2387600"/>
          </a:xfrm>
        </p:spPr>
        <p:txBody>
          <a:bodyPr anchor="b"/>
          <a:lstStyle>
            <a:lvl1pPr algn="l">
              <a:defRPr sz="4800">
                <a:latin typeface="Roboto" panose="02000000000000000000" pitchFamily="2" charset="0"/>
                <a:ea typeface="Roboto" panose="02000000000000000000" pitchFamily="2" charset="0"/>
                <a:cs typeface="Roboto" panose="02000000000000000000" pitchFamily="2" charset="0"/>
              </a:defRPr>
            </a:lvl1pPr>
          </a:lstStyle>
          <a:p>
            <a:r>
              <a:rPr lang="en-US"/>
              <a:t>Click to edit Master title style</a:t>
            </a:r>
            <a:endParaRPr lang="en-IN"/>
          </a:p>
        </p:txBody>
      </p:sp>
      <p:sp>
        <p:nvSpPr>
          <p:cNvPr id="13" name="Right Triangle 12">
            <a:extLst>
              <a:ext uri="{FF2B5EF4-FFF2-40B4-BE49-F238E27FC236}">
                <a16:creationId xmlns:a16="http://schemas.microsoft.com/office/drawing/2014/main" id="{EC628796-7765-F14B-A8B2-20A73E8A6AED}"/>
              </a:ext>
            </a:extLst>
          </p:cNvPr>
          <p:cNvSpPr/>
          <p:nvPr userDrawn="1"/>
        </p:nvSpPr>
        <p:spPr>
          <a:xfrm>
            <a:off x="-1860" y="4451230"/>
            <a:ext cx="2520773" cy="2414329"/>
          </a:xfrm>
          <a:prstGeom prst="rtTriangle">
            <a:avLst/>
          </a:prstGeom>
          <a:solidFill>
            <a:srgbClr val="229ED9"/>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Tree>
    <p:extLst>
      <p:ext uri="{BB962C8B-B14F-4D97-AF65-F5344CB8AC3E}">
        <p14:creationId xmlns:p14="http://schemas.microsoft.com/office/powerpoint/2010/main" val="393537677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itle" preserve="1">
  <p:cSld name="2_Title Slide 01">
    <p:bg>
      <p:bgPr>
        <a:solidFill>
          <a:schemeClr val="bg1"/>
        </a:solidFill>
        <a:effectLst/>
      </p:bgPr>
    </p:bg>
    <p:spTree>
      <p:nvGrpSpPr>
        <p:cNvPr id="1" name=""/>
        <p:cNvGrpSpPr/>
        <p:nvPr/>
      </p:nvGrpSpPr>
      <p:grpSpPr>
        <a:xfrm>
          <a:off x="0" y="0"/>
          <a:ext cx="0" cy="0"/>
          <a:chOff x="0" y="0"/>
          <a:chExt cx="0" cy="0"/>
        </a:xfrm>
      </p:grpSpPr>
      <p:pic>
        <p:nvPicPr>
          <p:cNvPr id="27" name="Picture 26" descr="A group of people posing for a photo&#10;&#10;Description automatically generated">
            <a:extLst>
              <a:ext uri="{FF2B5EF4-FFF2-40B4-BE49-F238E27FC236}">
                <a16:creationId xmlns:a16="http://schemas.microsoft.com/office/drawing/2014/main" id="{B0D57802-E76E-7A2F-DA0F-8D138AC4C44D}"/>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t="22828" r="7943" b="-6119"/>
          <a:stretch/>
        </p:blipFill>
        <p:spPr>
          <a:xfrm>
            <a:off x="7965025" y="0"/>
            <a:ext cx="4226975" cy="2856068"/>
          </a:xfrm>
          <a:prstGeom prst="rect">
            <a:avLst/>
          </a:prstGeom>
        </p:spPr>
      </p:pic>
      <p:sp>
        <p:nvSpPr>
          <p:cNvPr id="3" name="Subtitle 2">
            <a:extLst>
              <a:ext uri="{FF2B5EF4-FFF2-40B4-BE49-F238E27FC236}">
                <a16:creationId xmlns:a16="http://schemas.microsoft.com/office/drawing/2014/main" id="{4683FFD9-4130-1FD8-673C-B7C36B506C3C}"/>
              </a:ext>
            </a:extLst>
          </p:cNvPr>
          <p:cNvSpPr>
            <a:spLocks noGrp="1"/>
          </p:cNvSpPr>
          <p:nvPr>
            <p:ph type="subTitle" idx="1"/>
          </p:nvPr>
        </p:nvSpPr>
        <p:spPr>
          <a:xfrm>
            <a:off x="390525" y="2583352"/>
            <a:ext cx="5362575" cy="1655762"/>
          </a:xfrm>
        </p:spPr>
        <p:txBody>
          <a:bodyPr>
            <a:normAutofit/>
          </a:bodyPr>
          <a:lstStyle>
            <a:lvl1pPr marL="0" indent="0" algn="l">
              <a:buNone/>
              <a:defRPr sz="18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IN"/>
          </a:p>
        </p:txBody>
      </p:sp>
      <p:sp>
        <p:nvSpPr>
          <p:cNvPr id="2" name="Title 1">
            <a:extLst>
              <a:ext uri="{FF2B5EF4-FFF2-40B4-BE49-F238E27FC236}">
                <a16:creationId xmlns:a16="http://schemas.microsoft.com/office/drawing/2014/main" id="{2507F649-4D5A-EE5C-9537-70B21CB6F536}"/>
              </a:ext>
            </a:extLst>
          </p:cNvPr>
          <p:cNvSpPr>
            <a:spLocks noGrp="1"/>
          </p:cNvSpPr>
          <p:nvPr>
            <p:ph type="ctrTitle"/>
          </p:nvPr>
        </p:nvSpPr>
        <p:spPr>
          <a:xfrm>
            <a:off x="390525" y="103677"/>
            <a:ext cx="5362575" cy="2387600"/>
          </a:xfrm>
        </p:spPr>
        <p:txBody>
          <a:bodyPr anchor="b"/>
          <a:lstStyle>
            <a:lvl1pPr algn="l">
              <a:defRPr sz="4800">
                <a:latin typeface="Roboto" panose="02000000000000000000" pitchFamily="2" charset="0"/>
                <a:ea typeface="Roboto" panose="02000000000000000000" pitchFamily="2" charset="0"/>
                <a:cs typeface="Roboto" panose="02000000000000000000" pitchFamily="2" charset="0"/>
              </a:defRPr>
            </a:lvl1pPr>
          </a:lstStyle>
          <a:p>
            <a:r>
              <a:rPr lang="en-US"/>
              <a:t>Click to edit Master title style</a:t>
            </a:r>
            <a:endParaRPr lang="en-IN"/>
          </a:p>
        </p:txBody>
      </p:sp>
      <p:sp>
        <p:nvSpPr>
          <p:cNvPr id="9" name="AutoShape 8">
            <a:extLst>
              <a:ext uri="{FF2B5EF4-FFF2-40B4-BE49-F238E27FC236}">
                <a16:creationId xmlns:a16="http://schemas.microsoft.com/office/drawing/2014/main" id="{25AABF5B-CB0A-F570-75AA-B817E9BAE444}"/>
              </a:ext>
            </a:extLst>
          </p:cNvPr>
          <p:cNvSpPr/>
          <p:nvPr userDrawn="1"/>
        </p:nvSpPr>
        <p:spPr>
          <a:xfrm>
            <a:off x="5164917" y="3989765"/>
            <a:ext cx="1446954" cy="1441601"/>
          </a:xfrm>
          <a:prstGeom prst="rect">
            <a:avLst/>
          </a:prstGeom>
          <a:solidFill>
            <a:srgbClr val="353535"/>
          </a:solidFill>
        </p:spPr>
        <p:txBody>
          <a:bodyPr/>
          <a:lstStyle/>
          <a:p>
            <a:endParaRPr lang="en-IN"/>
          </a:p>
        </p:txBody>
      </p:sp>
      <p:pic>
        <p:nvPicPr>
          <p:cNvPr id="10" name="Picture 9">
            <a:extLst>
              <a:ext uri="{FF2B5EF4-FFF2-40B4-BE49-F238E27FC236}">
                <a16:creationId xmlns:a16="http://schemas.microsoft.com/office/drawing/2014/main" id="{522A0F5F-7798-55A8-D2F2-66B679809A8A}"/>
              </a:ext>
            </a:extLst>
          </p:cNvPr>
          <p:cNvPicPr>
            <a:picLocks noChangeAspect="1"/>
          </p:cNvPicPr>
          <p:nvPr userDrawn="1"/>
        </p:nvPicPr>
        <p:blipFill rotWithShape="1">
          <a:blip r:embed="rId3" cstate="screen">
            <a:extLst>
              <a:ext uri="{28A0092B-C50C-407E-A947-70E740481C1C}">
                <a14:useLocalDpi xmlns:a14="http://schemas.microsoft.com/office/drawing/2010/main"/>
              </a:ext>
            </a:extLst>
          </a:blip>
          <a:srcRect/>
          <a:stretch/>
        </p:blipFill>
        <p:spPr>
          <a:xfrm>
            <a:off x="5998800" y="3989765"/>
            <a:ext cx="1974693" cy="1441601"/>
          </a:xfrm>
          <a:prstGeom prst="rect">
            <a:avLst/>
          </a:prstGeom>
        </p:spPr>
      </p:pic>
      <p:sp>
        <p:nvSpPr>
          <p:cNvPr id="12" name="AutoShape 8">
            <a:extLst>
              <a:ext uri="{FF2B5EF4-FFF2-40B4-BE49-F238E27FC236}">
                <a16:creationId xmlns:a16="http://schemas.microsoft.com/office/drawing/2014/main" id="{28B9D258-5056-2A73-4D0C-2146AE369A0C}"/>
              </a:ext>
            </a:extLst>
          </p:cNvPr>
          <p:cNvSpPr/>
          <p:nvPr userDrawn="1"/>
        </p:nvSpPr>
        <p:spPr>
          <a:xfrm>
            <a:off x="1231" y="5431366"/>
            <a:ext cx="3663615" cy="1441601"/>
          </a:xfrm>
          <a:prstGeom prst="rect">
            <a:avLst/>
          </a:prstGeom>
          <a:solidFill>
            <a:srgbClr val="1378C7"/>
          </a:solidFill>
        </p:spPr>
        <p:txBody>
          <a:bodyPr/>
          <a:lstStyle/>
          <a:p>
            <a:endParaRPr lang="en-IN"/>
          </a:p>
        </p:txBody>
      </p:sp>
      <p:pic>
        <p:nvPicPr>
          <p:cNvPr id="14" name="Picture 13">
            <a:extLst>
              <a:ext uri="{FF2B5EF4-FFF2-40B4-BE49-F238E27FC236}">
                <a16:creationId xmlns:a16="http://schemas.microsoft.com/office/drawing/2014/main" id="{C42D3D6F-5183-F7F0-4F6D-480E14CD07D1}"/>
              </a:ext>
            </a:extLst>
          </p:cNvPr>
          <p:cNvPicPr>
            <a:picLocks noChangeAspect="1"/>
          </p:cNvPicPr>
          <p:nvPr userDrawn="1"/>
        </p:nvPicPr>
        <p:blipFill rotWithShape="1">
          <a:blip r:embed="rId4" cstate="screen">
            <a:extLst>
              <a:ext uri="{28A0092B-C50C-407E-A947-70E740481C1C}">
                <a14:useLocalDpi xmlns:a14="http://schemas.microsoft.com/office/drawing/2010/main"/>
              </a:ext>
            </a:extLst>
          </a:blip>
          <a:srcRect l="54575" t="4607" r="3848" b="-63262"/>
          <a:stretch/>
        </p:blipFill>
        <p:spPr>
          <a:xfrm flipH="1">
            <a:off x="3199938" y="3989765"/>
            <a:ext cx="1761651" cy="2868235"/>
          </a:xfrm>
          <a:prstGeom prst="round1Rect">
            <a:avLst>
              <a:gd name="adj" fmla="val 8278"/>
            </a:avLst>
          </a:prstGeom>
        </p:spPr>
      </p:pic>
      <p:sp>
        <p:nvSpPr>
          <p:cNvPr id="17" name="AutoShape 8">
            <a:extLst>
              <a:ext uri="{FF2B5EF4-FFF2-40B4-BE49-F238E27FC236}">
                <a16:creationId xmlns:a16="http://schemas.microsoft.com/office/drawing/2014/main" id="{54F3B052-A04A-6374-9B31-6829AB92E14B}"/>
              </a:ext>
            </a:extLst>
          </p:cNvPr>
          <p:cNvSpPr/>
          <p:nvPr userDrawn="1"/>
        </p:nvSpPr>
        <p:spPr>
          <a:xfrm>
            <a:off x="4965460" y="5423882"/>
            <a:ext cx="595774" cy="1441601"/>
          </a:xfrm>
          <a:prstGeom prst="rect">
            <a:avLst/>
          </a:prstGeom>
          <a:solidFill>
            <a:srgbClr val="7E4F9A"/>
          </a:solidFill>
        </p:spPr>
        <p:txBody>
          <a:bodyPr/>
          <a:lstStyle/>
          <a:p>
            <a:endParaRPr lang="en-IN"/>
          </a:p>
        </p:txBody>
      </p:sp>
      <p:pic>
        <p:nvPicPr>
          <p:cNvPr id="20" name="Picture 19" descr="A map of the world&#10;&#10;Description automatically generated">
            <a:extLst>
              <a:ext uri="{FF2B5EF4-FFF2-40B4-BE49-F238E27FC236}">
                <a16:creationId xmlns:a16="http://schemas.microsoft.com/office/drawing/2014/main" id="{CDDC4208-AD20-D360-BD48-097EDE7880A2}"/>
              </a:ext>
            </a:extLst>
          </p:cNvPr>
          <p:cNvPicPr>
            <a:picLocks noChangeAspect="1"/>
          </p:cNvPicPr>
          <p:nvPr userDrawn="1"/>
        </p:nvPicPr>
        <p:blipFill>
          <a:blip r:embed="rId5" cstate="screen">
            <a:extLst>
              <a:ext uri="{28A0092B-C50C-407E-A947-70E740481C1C}">
                <a14:useLocalDpi xmlns:a14="http://schemas.microsoft.com/office/drawing/2010/main"/>
              </a:ext>
            </a:extLst>
          </a:blip>
          <a:stretch>
            <a:fillRect/>
          </a:stretch>
        </p:blipFill>
        <p:spPr>
          <a:xfrm>
            <a:off x="4958758" y="3989765"/>
            <a:ext cx="3025258" cy="1449085"/>
          </a:xfrm>
          <a:prstGeom prst="rect">
            <a:avLst/>
          </a:prstGeom>
        </p:spPr>
      </p:pic>
      <p:pic>
        <p:nvPicPr>
          <p:cNvPr id="22" name="Picture 21" descr="Connecting lines and dots">
            <a:extLst>
              <a:ext uri="{FF2B5EF4-FFF2-40B4-BE49-F238E27FC236}">
                <a16:creationId xmlns:a16="http://schemas.microsoft.com/office/drawing/2014/main" id="{0EF698B9-C7D0-5575-8A60-2B9A2CE7C244}"/>
              </a:ext>
            </a:extLst>
          </p:cNvPr>
          <p:cNvPicPr>
            <a:picLocks noChangeAspect="1"/>
          </p:cNvPicPr>
          <p:nvPr userDrawn="1"/>
        </p:nvPicPr>
        <p:blipFill rotWithShape="1">
          <a:blip r:embed="rId6" cstate="screen">
            <a:extLst>
              <a:ext uri="{28A0092B-C50C-407E-A947-70E740481C1C}">
                <a14:useLocalDpi xmlns:a14="http://schemas.microsoft.com/office/drawing/2010/main"/>
              </a:ext>
            </a:extLst>
          </a:blip>
          <a:srcRect l="23351"/>
          <a:stretch/>
        </p:blipFill>
        <p:spPr>
          <a:xfrm>
            <a:off x="3204693" y="5426739"/>
            <a:ext cx="1761651" cy="1443369"/>
          </a:xfrm>
          <a:prstGeom prst="rect">
            <a:avLst/>
          </a:prstGeom>
        </p:spPr>
      </p:pic>
      <p:sp>
        <p:nvSpPr>
          <p:cNvPr id="23" name="AutoShape 8">
            <a:extLst>
              <a:ext uri="{FF2B5EF4-FFF2-40B4-BE49-F238E27FC236}">
                <a16:creationId xmlns:a16="http://schemas.microsoft.com/office/drawing/2014/main" id="{0B5598DB-0469-A9BC-EAAD-8C70F86BFFEA}"/>
              </a:ext>
            </a:extLst>
          </p:cNvPr>
          <p:cNvSpPr/>
          <p:nvPr userDrawn="1"/>
        </p:nvSpPr>
        <p:spPr>
          <a:xfrm>
            <a:off x="6514733" y="2614682"/>
            <a:ext cx="1469343" cy="1378624"/>
          </a:xfrm>
          <a:prstGeom prst="rect">
            <a:avLst/>
          </a:prstGeom>
          <a:solidFill>
            <a:srgbClr val="3B55A5"/>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Aptos" panose="02110004020202020204"/>
              <a:ea typeface="+mn-ea"/>
              <a:cs typeface="+mn-cs"/>
            </a:endParaRPr>
          </a:p>
        </p:txBody>
      </p:sp>
      <p:pic>
        <p:nvPicPr>
          <p:cNvPr id="24" name="Picture 23" descr="Icon&#10;&#10;Description automatically generated">
            <a:extLst>
              <a:ext uri="{FF2B5EF4-FFF2-40B4-BE49-F238E27FC236}">
                <a16:creationId xmlns:a16="http://schemas.microsoft.com/office/drawing/2014/main" id="{FDD9A5B8-2A1A-1F98-DCE5-018D36E8EE7B}"/>
              </a:ext>
            </a:extLst>
          </p:cNvPr>
          <p:cNvPicPr>
            <a:picLocks noChangeAspect="1"/>
          </p:cNvPicPr>
          <p:nvPr userDrawn="1"/>
        </p:nvPicPr>
        <p:blipFill rotWithShape="1">
          <a:blip r:embed="rId7" cstate="screen">
            <a:extLst>
              <a:ext uri="{28A0092B-C50C-407E-A947-70E740481C1C}">
                <a14:useLocalDpi xmlns:a14="http://schemas.microsoft.com/office/drawing/2010/main"/>
              </a:ext>
            </a:extLst>
          </a:blip>
          <a:srcRect l="31422" t="34318" r="26465" b="24537"/>
          <a:stretch/>
        </p:blipFill>
        <p:spPr>
          <a:xfrm>
            <a:off x="6954313" y="3015870"/>
            <a:ext cx="656560" cy="717351"/>
          </a:xfrm>
          <a:prstGeom prst="rect">
            <a:avLst/>
          </a:prstGeom>
        </p:spPr>
      </p:pic>
      <p:pic>
        <p:nvPicPr>
          <p:cNvPr id="25" name="Picture 24" descr="Icon&#10;&#10;Description automatically generated">
            <a:extLst>
              <a:ext uri="{FF2B5EF4-FFF2-40B4-BE49-F238E27FC236}">
                <a16:creationId xmlns:a16="http://schemas.microsoft.com/office/drawing/2014/main" id="{9BDA6247-4033-34F2-C860-ADE86138059B}"/>
              </a:ext>
            </a:extLst>
          </p:cNvPr>
          <p:cNvPicPr>
            <a:picLocks noChangeAspect="1"/>
          </p:cNvPicPr>
          <p:nvPr userDrawn="1"/>
        </p:nvPicPr>
        <p:blipFill rotWithShape="1">
          <a:blip r:embed="rId7">
            <a:alphaModFix amt="5000"/>
            <a:extLst>
              <a:ext uri="{28A0092B-C50C-407E-A947-70E740481C1C}">
                <a14:useLocalDpi xmlns:a14="http://schemas.microsoft.com/office/drawing/2010/main"/>
              </a:ext>
            </a:extLst>
          </a:blip>
          <a:srcRect l="43119" t="48518" r="42866" b="39936"/>
          <a:stretch/>
        </p:blipFill>
        <p:spPr>
          <a:xfrm>
            <a:off x="6506167" y="2619416"/>
            <a:ext cx="1469986" cy="1354239"/>
          </a:xfrm>
          <a:prstGeom prst="rect">
            <a:avLst/>
          </a:prstGeom>
        </p:spPr>
      </p:pic>
      <p:pic>
        <p:nvPicPr>
          <p:cNvPr id="53" name="Picture 52" descr="A person in a yellow shirt&#10;&#10;Description automatically generated">
            <a:extLst>
              <a:ext uri="{FF2B5EF4-FFF2-40B4-BE49-F238E27FC236}">
                <a16:creationId xmlns:a16="http://schemas.microsoft.com/office/drawing/2014/main" id="{0943DCBA-E2CF-3ACC-65BD-97CD5DCA2772}"/>
              </a:ext>
            </a:extLst>
          </p:cNvPr>
          <p:cNvPicPr>
            <a:picLocks noChangeAspect="1"/>
          </p:cNvPicPr>
          <p:nvPr userDrawn="1"/>
        </p:nvPicPr>
        <p:blipFill rotWithShape="1">
          <a:blip r:embed="rId8" cstate="screen">
            <a:extLst>
              <a:ext uri="{28A0092B-C50C-407E-A947-70E740481C1C}">
                <a14:useLocalDpi xmlns:a14="http://schemas.microsoft.com/office/drawing/2010/main"/>
              </a:ext>
            </a:extLst>
          </a:blip>
          <a:srcRect t="-32097" r="18829" b="2197"/>
          <a:stretch/>
        </p:blipFill>
        <p:spPr>
          <a:xfrm>
            <a:off x="5567936" y="4966967"/>
            <a:ext cx="2405557" cy="1891033"/>
          </a:xfrm>
          <a:prstGeom prst="rect">
            <a:avLst/>
          </a:prstGeom>
        </p:spPr>
      </p:pic>
      <p:pic>
        <p:nvPicPr>
          <p:cNvPr id="54" name="Picture 53" descr="A picture containing text&#10;&#10;Description automatically generated">
            <a:extLst>
              <a:ext uri="{FF2B5EF4-FFF2-40B4-BE49-F238E27FC236}">
                <a16:creationId xmlns:a16="http://schemas.microsoft.com/office/drawing/2014/main" id="{B7E95E7F-8BA9-125D-016C-0B64D52E785D}"/>
              </a:ext>
            </a:extLst>
          </p:cNvPr>
          <p:cNvPicPr>
            <a:picLocks noChangeAspect="1"/>
          </p:cNvPicPr>
          <p:nvPr userDrawn="1"/>
        </p:nvPicPr>
        <p:blipFill rotWithShape="1">
          <a:blip r:embed="rId9" cstate="screen">
            <a:extLst>
              <a:ext uri="{BEBA8EAE-BF5A-486C-A8C5-ECC9F3942E4B}">
                <a14:imgProps xmlns:a14="http://schemas.microsoft.com/office/drawing/2010/main">
                  <a14:imgLayer r:embed="rId10">
                    <a14:imgEffect>
                      <a14:saturation sat="200000"/>
                    </a14:imgEffect>
                  </a14:imgLayer>
                </a14:imgProps>
              </a:ext>
              <a:ext uri="{28A0092B-C50C-407E-A947-70E740481C1C}">
                <a14:useLocalDpi xmlns:a14="http://schemas.microsoft.com/office/drawing/2010/main"/>
              </a:ext>
            </a:extLst>
          </a:blip>
          <a:srcRect l="6462" r="8591"/>
          <a:stretch/>
        </p:blipFill>
        <p:spPr>
          <a:xfrm>
            <a:off x="7965024" y="2638739"/>
            <a:ext cx="4226975" cy="2799406"/>
          </a:xfrm>
          <a:prstGeom prst="rect">
            <a:avLst/>
          </a:prstGeom>
        </p:spPr>
      </p:pic>
      <p:sp>
        <p:nvSpPr>
          <p:cNvPr id="55" name="AutoShape 8">
            <a:extLst>
              <a:ext uri="{FF2B5EF4-FFF2-40B4-BE49-F238E27FC236}">
                <a16:creationId xmlns:a16="http://schemas.microsoft.com/office/drawing/2014/main" id="{DE4F184F-B265-633B-147B-36147B33E1F6}"/>
              </a:ext>
            </a:extLst>
          </p:cNvPr>
          <p:cNvSpPr/>
          <p:nvPr userDrawn="1"/>
        </p:nvSpPr>
        <p:spPr>
          <a:xfrm>
            <a:off x="7965023" y="5446334"/>
            <a:ext cx="595774" cy="1408697"/>
          </a:xfrm>
          <a:prstGeom prst="rect">
            <a:avLst/>
          </a:prstGeom>
          <a:solidFill>
            <a:srgbClr val="003E58"/>
          </a:solidFill>
        </p:spPr>
        <p:txBody>
          <a:bodyPr/>
          <a:lstStyle/>
          <a:p>
            <a:endParaRPr lang="en-IN"/>
          </a:p>
        </p:txBody>
      </p:sp>
      <p:pic>
        <p:nvPicPr>
          <p:cNvPr id="57" name="Picture 56" descr="People sitting on blue chairs">
            <a:extLst>
              <a:ext uri="{FF2B5EF4-FFF2-40B4-BE49-F238E27FC236}">
                <a16:creationId xmlns:a16="http://schemas.microsoft.com/office/drawing/2014/main" id="{BB8CE76C-F245-C5A7-73BA-DE893DAFA1C9}"/>
              </a:ext>
            </a:extLst>
          </p:cNvPr>
          <p:cNvPicPr>
            <a:picLocks noChangeAspect="1"/>
          </p:cNvPicPr>
          <p:nvPr userDrawn="1"/>
        </p:nvPicPr>
        <p:blipFill rotWithShape="1">
          <a:blip r:embed="rId11" cstate="screen">
            <a:extLst>
              <a:ext uri="{28A0092B-C50C-407E-A947-70E740481C1C}">
                <a14:useLocalDpi xmlns:a14="http://schemas.microsoft.com/office/drawing/2010/main"/>
              </a:ext>
            </a:extLst>
          </a:blip>
          <a:srcRect l="7570" t="42011" r="187" b="10635"/>
          <a:stretch/>
        </p:blipFill>
        <p:spPr>
          <a:xfrm>
            <a:off x="7958321" y="5438606"/>
            <a:ext cx="4233679" cy="1449086"/>
          </a:xfrm>
          <a:prstGeom prst="rect">
            <a:avLst/>
          </a:prstGeom>
        </p:spPr>
      </p:pic>
      <p:sp>
        <p:nvSpPr>
          <p:cNvPr id="58" name="Rectangle 57">
            <a:extLst>
              <a:ext uri="{FF2B5EF4-FFF2-40B4-BE49-F238E27FC236}">
                <a16:creationId xmlns:a16="http://schemas.microsoft.com/office/drawing/2014/main" id="{1EC2ABC7-7DB3-FA1E-4D7D-875A69FD21F3}"/>
              </a:ext>
            </a:extLst>
          </p:cNvPr>
          <p:cNvSpPr/>
          <p:nvPr userDrawn="1"/>
        </p:nvSpPr>
        <p:spPr>
          <a:xfrm>
            <a:off x="267419" y="664234"/>
            <a:ext cx="1285336" cy="336430"/>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Tree>
    <p:extLst>
      <p:ext uri="{BB962C8B-B14F-4D97-AF65-F5344CB8AC3E}">
        <p14:creationId xmlns:p14="http://schemas.microsoft.com/office/powerpoint/2010/main" val="1745475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6" presetClass="emph" presetSubtype="0" repeatCount="indefinite" fill="hold" nodeType="withEffect">
                                  <p:stCondLst>
                                    <p:cond delay="0"/>
                                  </p:stCondLst>
                                  <p:endCondLst>
                                    <p:cond evt="onNext" delay="0">
                                      <p:tgtEl>
                                        <p:sldTgt/>
                                      </p:tgtEl>
                                    </p:cond>
                                  </p:endCondLst>
                                  <p:childTnLst>
                                    <p:animEffect transition="out" filter="fade">
                                      <p:cBhvr>
                                        <p:cTn id="6" dur="500" tmFilter="0, 0; .2, .5; .8, .5; 1, 0"/>
                                        <p:tgtEl>
                                          <p:spTgt spid="24"/>
                                        </p:tgtEl>
                                      </p:cBhvr>
                                    </p:animEffect>
                                    <p:animScale>
                                      <p:cBhvr>
                                        <p:cTn id="7" dur="250" autoRev="1" fill="hold"/>
                                        <p:tgtEl>
                                          <p:spTgt spid="24"/>
                                        </p:tgtEl>
                                      </p:cBhvr>
                                      <p:by x="105000" y="105000"/>
                                    </p:animScale>
                                  </p:childTnLst>
                                </p:cTn>
                              </p:par>
                              <p:par>
                                <p:cTn id="8" presetID="26" presetClass="emph" presetSubtype="0" repeatCount="indefinite" fill="hold" nodeType="withEffect">
                                  <p:stCondLst>
                                    <p:cond delay="0"/>
                                  </p:stCondLst>
                                  <p:endCondLst>
                                    <p:cond evt="onNext" delay="0">
                                      <p:tgtEl>
                                        <p:sldTgt/>
                                      </p:tgtEl>
                                    </p:cond>
                                  </p:endCondLst>
                                  <p:childTnLst>
                                    <p:animEffect transition="out" filter="fade">
                                      <p:cBhvr>
                                        <p:cTn id="9" dur="500" tmFilter="0, 0; .2, .5; .8, .5; 1, 0"/>
                                        <p:tgtEl>
                                          <p:spTgt spid="25"/>
                                        </p:tgtEl>
                                      </p:cBhvr>
                                    </p:animEffect>
                                    <p:animScale>
                                      <p:cBhvr>
                                        <p:cTn id="10" dur="250" autoRev="1" fill="hold"/>
                                        <p:tgtEl>
                                          <p:spTgt spid="25"/>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type="titleOnly">
  <p:cSld name="1_Title Only">
    <p:spTree>
      <p:nvGrpSpPr>
        <p:cNvPr id="1" name=""/>
        <p:cNvGrpSpPr/>
        <p:nvPr/>
      </p:nvGrpSpPr>
      <p:grpSpPr>
        <a:xfrm>
          <a:off x="0" y="0"/>
          <a:ext cx="0" cy="0"/>
          <a:chOff x="0" y="0"/>
          <a:chExt cx="0" cy="0"/>
        </a:xfrm>
      </p:grpSpPr>
      <p:sp>
        <p:nvSpPr>
          <p:cNvPr id="21" name="Rectangle 20">
            <a:extLst>
              <a:ext uri="{FF2B5EF4-FFF2-40B4-BE49-F238E27FC236}">
                <a16:creationId xmlns:a16="http://schemas.microsoft.com/office/drawing/2014/main" id="{AD7767A2-C593-1F8C-2548-D6F47D5AF7E8}"/>
              </a:ext>
            </a:extLst>
          </p:cNvPr>
          <p:cNvSpPr/>
          <p:nvPr userDrawn="1"/>
        </p:nvSpPr>
        <p:spPr>
          <a:xfrm>
            <a:off x="-9357" y="0"/>
            <a:ext cx="12192000" cy="6858000"/>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0" name="Picture 9" descr="A white and pink lines on a blue background&#10;&#10;Description automatically generated">
            <a:extLst>
              <a:ext uri="{FF2B5EF4-FFF2-40B4-BE49-F238E27FC236}">
                <a16:creationId xmlns:a16="http://schemas.microsoft.com/office/drawing/2014/main" id="{563EB50B-49E1-C326-CA87-8F9328CEC9A3}"/>
              </a:ext>
            </a:extLst>
          </p:cNvPr>
          <p:cNvPicPr>
            <a:picLocks noChangeAspect="1"/>
          </p:cNvPicPr>
          <p:nvPr userDrawn="1"/>
        </p:nvPicPr>
        <p:blipFill rotWithShape="1">
          <a:blip r:embed="rId2">
            <a:alphaModFix amt="35000"/>
            <a:extLst>
              <a:ext uri="{BEBA8EAE-BF5A-486C-A8C5-ECC9F3942E4B}">
                <a14:imgProps xmlns:a14="http://schemas.microsoft.com/office/drawing/2010/main">
                  <a14:imgLayer r:embed="rId3">
                    <a14:imgEffect>
                      <a14:colorTemperature colorTemp="4700"/>
                    </a14:imgEffect>
                  </a14:imgLayer>
                </a14:imgProps>
              </a:ext>
              <a:ext uri="{28A0092B-C50C-407E-A947-70E740481C1C}">
                <a14:useLocalDpi xmlns:a14="http://schemas.microsoft.com/office/drawing/2010/main" val="0"/>
              </a:ext>
            </a:extLst>
          </a:blip>
          <a:srcRect l="15635" t="608" r="22592" b="291"/>
          <a:stretch/>
        </p:blipFill>
        <p:spPr>
          <a:xfrm>
            <a:off x="0" y="-1"/>
            <a:ext cx="12192000" cy="6858001"/>
          </a:xfrm>
          <a:prstGeom prst="rect">
            <a:avLst/>
          </a:prstGeom>
        </p:spPr>
      </p:pic>
      <p:sp>
        <p:nvSpPr>
          <p:cNvPr id="2" name="Title 1">
            <a:extLst>
              <a:ext uri="{FF2B5EF4-FFF2-40B4-BE49-F238E27FC236}">
                <a16:creationId xmlns:a16="http://schemas.microsoft.com/office/drawing/2014/main" id="{25894CFA-355C-A909-88F2-A3C09BF684A6}"/>
              </a:ext>
            </a:extLst>
          </p:cNvPr>
          <p:cNvSpPr>
            <a:spLocks noGrp="1"/>
          </p:cNvSpPr>
          <p:nvPr>
            <p:ph type="title"/>
          </p:nvPr>
        </p:nvSpPr>
        <p:spPr/>
        <p:txBody>
          <a:bodyPr/>
          <a:lstStyle/>
          <a:p>
            <a:r>
              <a:rPr lang="en-US"/>
              <a:t>Click to edit Master title style</a:t>
            </a:r>
            <a:endParaRPr lang="en-IN"/>
          </a:p>
        </p:txBody>
      </p:sp>
      <p:sp>
        <p:nvSpPr>
          <p:cNvPr id="11" name="Rectangle 10">
            <a:extLst>
              <a:ext uri="{FF2B5EF4-FFF2-40B4-BE49-F238E27FC236}">
                <a16:creationId xmlns:a16="http://schemas.microsoft.com/office/drawing/2014/main" id="{418DC738-C606-414E-0C31-812883BDD35C}"/>
              </a:ext>
            </a:extLst>
          </p:cNvPr>
          <p:cNvSpPr/>
          <p:nvPr userDrawn="1"/>
        </p:nvSpPr>
        <p:spPr>
          <a:xfrm rot="5400000" flipH="1">
            <a:off x="6068340" y="745913"/>
            <a:ext cx="55320" cy="12192002"/>
          </a:xfrm>
          <a:prstGeom prst="rect">
            <a:avLst/>
          </a:prstGeom>
          <a:solidFill>
            <a:srgbClr val="0085B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cxnSp>
        <p:nvCxnSpPr>
          <p:cNvPr id="20" name="Straight Connector 19">
            <a:extLst>
              <a:ext uri="{FF2B5EF4-FFF2-40B4-BE49-F238E27FC236}">
                <a16:creationId xmlns:a16="http://schemas.microsoft.com/office/drawing/2014/main" id="{61823885-EABB-E3D4-9777-F0667F980395}"/>
              </a:ext>
            </a:extLst>
          </p:cNvPr>
          <p:cNvCxnSpPr>
            <a:cxnSpLocks/>
          </p:cNvCxnSpPr>
          <p:nvPr userDrawn="1"/>
        </p:nvCxnSpPr>
        <p:spPr>
          <a:xfrm>
            <a:off x="548640" y="914400"/>
            <a:ext cx="894080" cy="0"/>
          </a:xfrm>
          <a:prstGeom prst="line">
            <a:avLst/>
          </a:prstGeom>
          <a:ln w="38100">
            <a:solidFill>
              <a:srgbClr val="0085BE"/>
            </a:solidFill>
          </a:ln>
        </p:spPr>
        <p:style>
          <a:lnRef idx="2">
            <a:schemeClr val="accent1"/>
          </a:lnRef>
          <a:fillRef idx="0">
            <a:schemeClr val="accent1"/>
          </a:fillRef>
          <a:effectRef idx="1">
            <a:schemeClr val="accent1"/>
          </a:effectRef>
          <a:fontRef idx="minor">
            <a:schemeClr val="tx1"/>
          </a:fontRef>
        </p:style>
      </p:cxnSp>
      <p:grpSp>
        <p:nvGrpSpPr>
          <p:cNvPr id="22" name="Group 21">
            <a:extLst>
              <a:ext uri="{FF2B5EF4-FFF2-40B4-BE49-F238E27FC236}">
                <a16:creationId xmlns:a16="http://schemas.microsoft.com/office/drawing/2014/main" id="{A10258E6-6994-EC4D-6EAD-F37785B0DD29}"/>
              </a:ext>
            </a:extLst>
          </p:cNvPr>
          <p:cNvGrpSpPr/>
          <p:nvPr userDrawn="1"/>
        </p:nvGrpSpPr>
        <p:grpSpPr>
          <a:xfrm>
            <a:off x="10981564" y="233285"/>
            <a:ext cx="896869" cy="167744"/>
            <a:chOff x="5498465" y="7094800"/>
            <a:chExt cx="1273175" cy="238125"/>
          </a:xfrm>
        </p:grpSpPr>
        <p:sp>
          <p:nvSpPr>
            <p:cNvPr id="23" name="AutoShape 3">
              <a:extLst>
                <a:ext uri="{FF2B5EF4-FFF2-40B4-BE49-F238E27FC236}">
                  <a16:creationId xmlns:a16="http://schemas.microsoft.com/office/drawing/2014/main" id="{55E6A7ED-4E4B-58DD-7A81-B20F507554C1}"/>
                </a:ext>
              </a:extLst>
            </p:cNvPr>
            <p:cNvSpPr>
              <a:spLocks noChangeAspect="1" noChangeArrowheads="1" noTextEdit="1"/>
            </p:cNvSpPr>
            <p:nvPr/>
          </p:nvSpPr>
          <p:spPr bwMode="auto">
            <a:xfrm>
              <a:off x="5498465" y="7094800"/>
              <a:ext cx="1273175" cy="23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4" name="Freeform 5">
              <a:extLst>
                <a:ext uri="{FF2B5EF4-FFF2-40B4-BE49-F238E27FC236}">
                  <a16:creationId xmlns:a16="http://schemas.microsoft.com/office/drawing/2014/main" id="{C31BDBD9-F79F-A32A-B434-C830841D1523}"/>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5" name="Freeform 6">
              <a:extLst>
                <a:ext uri="{FF2B5EF4-FFF2-40B4-BE49-F238E27FC236}">
                  <a16:creationId xmlns:a16="http://schemas.microsoft.com/office/drawing/2014/main" id="{D9B45874-44B8-581D-75BA-2A0BA694463E}"/>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6" name="Freeform 7">
              <a:extLst>
                <a:ext uri="{FF2B5EF4-FFF2-40B4-BE49-F238E27FC236}">
                  <a16:creationId xmlns:a16="http://schemas.microsoft.com/office/drawing/2014/main" id="{ADF3C045-CD7B-1E68-3B11-8D97667FE541}"/>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7" name="Freeform 8">
              <a:extLst>
                <a:ext uri="{FF2B5EF4-FFF2-40B4-BE49-F238E27FC236}">
                  <a16:creationId xmlns:a16="http://schemas.microsoft.com/office/drawing/2014/main" id="{87EEDEEB-45D5-D7BC-BC3D-C674DDFFC630}"/>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8" name="Freeform 9">
              <a:extLst>
                <a:ext uri="{FF2B5EF4-FFF2-40B4-BE49-F238E27FC236}">
                  <a16:creationId xmlns:a16="http://schemas.microsoft.com/office/drawing/2014/main" id="{594316E8-859B-DCB5-B721-5F554A79F810}"/>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9" name="Freeform 10">
              <a:extLst>
                <a:ext uri="{FF2B5EF4-FFF2-40B4-BE49-F238E27FC236}">
                  <a16:creationId xmlns:a16="http://schemas.microsoft.com/office/drawing/2014/main" id="{E693476F-865C-58A8-A976-33704059ED76}"/>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0" name="Freeform 11">
              <a:extLst>
                <a:ext uri="{FF2B5EF4-FFF2-40B4-BE49-F238E27FC236}">
                  <a16:creationId xmlns:a16="http://schemas.microsoft.com/office/drawing/2014/main" id="{A54C2C7C-77E7-5E54-E4A6-72B31144E71B}"/>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1" name="Freeform 12">
              <a:extLst>
                <a:ext uri="{FF2B5EF4-FFF2-40B4-BE49-F238E27FC236}">
                  <a16:creationId xmlns:a16="http://schemas.microsoft.com/office/drawing/2014/main" id="{4B9FDECA-CA33-FC81-2B43-226F7FD361EB}"/>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2" name="Freeform 13">
              <a:extLst>
                <a:ext uri="{FF2B5EF4-FFF2-40B4-BE49-F238E27FC236}">
                  <a16:creationId xmlns:a16="http://schemas.microsoft.com/office/drawing/2014/main" id="{8BA61A8B-6CC2-B69F-12AA-CDC29B0C1F5A}"/>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3" name="Freeform 14">
              <a:extLst>
                <a:ext uri="{FF2B5EF4-FFF2-40B4-BE49-F238E27FC236}">
                  <a16:creationId xmlns:a16="http://schemas.microsoft.com/office/drawing/2014/main" id="{617F1301-40B2-FF1D-42A3-E7A9467B1BB4}"/>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4" name="Freeform 15">
              <a:extLst>
                <a:ext uri="{FF2B5EF4-FFF2-40B4-BE49-F238E27FC236}">
                  <a16:creationId xmlns:a16="http://schemas.microsoft.com/office/drawing/2014/main" id="{203DF534-71BE-2C32-0B53-E27419263C86}"/>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5" name="Freeform 16">
              <a:extLst>
                <a:ext uri="{FF2B5EF4-FFF2-40B4-BE49-F238E27FC236}">
                  <a16:creationId xmlns:a16="http://schemas.microsoft.com/office/drawing/2014/main" id="{7AF23114-EA32-F7E9-589D-CADCCC0918C4}"/>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005A84"/>
            </a:solidFill>
            <a:ln>
              <a:noFill/>
            </a:ln>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4243145072"/>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image" Target="../media/image1.jpeg"/><Relationship Id="rId3" Type="http://schemas.openxmlformats.org/officeDocument/2006/relationships/slideLayout" Target="../slideLayouts/slideLayout3.xml"/><Relationship Id="rId7"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9.xml"/><Relationship Id="rId2" Type="http://schemas.openxmlformats.org/officeDocument/2006/relationships/slideLayout" Target="../slideLayouts/slideLayout8.xml"/><Relationship Id="rId1" Type="http://schemas.openxmlformats.org/officeDocument/2006/relationships/slideLayout" Target="../slideLayouts/slideLayout7.xml"/><Relationship Id="rId6" Type="http://schemas.openxmlformats.org/officeDocument/2006/relationships/theme" Target="../theme/theme2.xml"/><Relationship Id="rId5" Type="http://schemas.openxmlformats.org/officeDocument/2006/relationships/slideLayout" Target="../slideLayouts/slideLayout11.xml"/><Relationship Id="rId4" Type="http://schemas.openxmlformats.org/officeDocument/2006/relationships/slideLayout" Target="../slideLayouts/slideLayout1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rgbClr val="F7F7F7">
            <a:alpha val="41000"/>
          </a:srgbClr>
        </a:solidFill>
        <a:effectLst/>
      </p:bgPr>
    </p:bg>
    <p:spTree>
      <p:nvGrpSpPr>
        <p:cNvPr id="1" name=""/>
        <p:cNvGrpSpPr/>
        <p:nvPr/>
      </p:nvGrpSpPr>
      <p:grpSpPr>
        <a:xfrm>
          <a:off x="0" y="0"/>
          <a:ext cx="0" cy="0"/>
          <a:chOff x="0" y="0"/>
          <a:chExt cx="0" cy="0"/>
        </a:xfrm>
      </p:grpSpPr>
      <p:pic>
        <p:nvPicPr>
          <p:cNvPr id="4" name="Picture 3" descr="Abstract white geometric texture">
            <a:extLst>
              <a:ext uri="{FF2B5EF4-FFF2-40B4-BE49-F238E27FC236}">
                <a16:creationId xmlns:a16="http://schemas.microsoft.com/office/drawing/2014/main" id="{105195EA-095F-86B2-9D87-A158CD9F079D}"/>
              </a:ext>
            </a:extLst>
          </p:cNvPr>
          <p:cNvPicPr>
            <a:picLocks noChangeAspect="1"/>
          </p:cNvPicPr>
          <p:nvPr userDrawn="1"/>
        </p:nvPicPr>
        <p:blipFill>
          <a:blip r:embed="rId8" cstate="screen">
            <a:alphaModFix amt="25000"/>
            <a:extLst>
              <a:ext uri="{28A0092B-C50C-407E-A947-70E740481C1C}">
                <a14:useLocalDpi xmlns:a14="http://schemas.microsoft.com/office/drawing/2010/main"/>
              </a:ext>
            </a:extLst>
          </a:blip>
          <a:srcRect/>
          <a:stretch/>
        </p:blipFill>
        <p:spPr>
          <a:xfrm flipH="1">
            <a:off x="11504" y="0"/>
            <a:ext cx="12170664" cy="6858000"/>
          </a:xfrm>
          <a:prstGeom prst="rect">
            <a:avLst/>
          </a:prstGeom>
        </p:spPr>
      </p:pic>
      <p:sp>
        <p:nvSpPr>
          <p:cNvPr id="2" name="Title Placeholder 1">
            <a:extLst>
              <a:ext uri="{FF2B5EF4-FFF2-40B4-BE49-F238E27FC236}">
                <a16:creationId xmlns:a16="http://schemas.microsoft.com/office/drawing/2014/main" id="{1054CA5E-2386-0E9E-C5AD-DFD8527768A3}"/>
              </a:ext>
            </a:extLst>
          </p:cNvPr>
          <p:cNvSpPr>
            <a:spLocks noGrp="1"/>
          </p:cNvSpPr>
          <p:nvPr>
            <p:ph type="title"/>
          </p:nvPr>
        </p:nvSpPr>
        <p:spPr>
          <a:xfrm>
            <a:off x="441959" y="230555"/>
            <a:ext cx="10988039" cy="630555"/>
          </a:xfrm>
          <a:prstGeom prst="rect">
            <a:avLst/>
          </a:prstGeom>
        </p:spPr>
        <p:txBody>
          <a:bodyPr vert="horz" lIns="91440" tIns="45720" rIns="91440" bIns="45720" rtlCol="0" anchor="b">
            <a:normAutofit/>
          </a:bodyPr>
          <a:lstStyle/>
          <a:p>
            <a:r>
              <a:rPr lang="en-US"/>
              <a:t>Click to edit Master title style</a:t>
            </a:r>
            <a:endParaRPr lang="en-IN"/>
          </a:p>
        </p:txBody>
      </p:sp>
      <p:sp>
        <p:nvSpPr>
          <p:cNvPr id="3" name="Text Placeholder 2">
            <a:extLst>
              <a:ext uri="{FF2B5EF4-FFF2-40B4-BE49-F238E27FC236}">
                <a16:creationId xmlns:a16="http://schemas.microsoft.com/office/drawing/2014/main" id="{93088FE9-A8CB-C15C-34F9-6D3176A59A2F}"/>
              </a:ext>
            </a:extLst>
          </p:cNvPr>
          <p:cNvSpPr>
            <a:spLocks noGrp="1"/>
          </p:cNvSpPr>
          <p:nvPr>
            <p:ph type="body" idx="1"/>
          </p:nvPr>
        </p:nvSpPr>
        <p:spPr>
          <a:xfrm>
            <a:off x="472439" y="1243013"/>
            <a:ext cx="11036477" cy="4636134"/>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cxnSp>
        <p:nvCxnSpPr>
          <p:cNvPr id="13" name="Straight Connector 12">
            <a:extLst>
              <a:ext uri="{FF2B5EF4-FFF2-40B4-BE49-F238E27FC236}">
                <a16:creationId xmlns:a16="http://schemas.microsoft.com/office/drawing/2014/main" id="{684F64FF-F0A1-AC9D-128F-3F52051187F8}"/>
              </a:ext>
            </a:extLst>
          </p:cNvPr>
          <p:cNvCxnSpPr>
            <a:cxnSpLocks/>
          </p:cNvCxnSpPr>
          <p:nvPr userDrawn="1"/>
        </p:nvCxnSpPr>
        <p:spPr>
          <a:xfrm>
            <a:off x="548640" y="914400"/>
            <a:ext cx="894080" cy="0"/>
          </a:xfrm>
          <a:prstGeom prst="line">
            <a:avLst/>
          </a:prstGeom>
          <a:ln w="38100">
            <a:solidFill>
              <a:srgbClr val="0085BE"/>
            </a:solidFill>
          </a:ln>
        </p:spPr>
        <p:style>
          <a:lnRef idx="2">
            <a:schemeClr val="accent1"/>
          </a:lnRef>
          <a:fillRef idx="0">
            <a:schemeClr val="accent1"/>
          </a:fillRef>
          <a:effectRef idx="1">
            <a:schemeClr val="accent1"/>
          </a:effectRef>
          <a:fontRef idx="minor">
            <a:schemeClr val="tx1"/>
          </a:fontRef>
        </p:style>
      </p:cxnSp>
      <p:cxnSp>
        <p:nvCxnSpPr>
          <p:cNvPr id="14" name="Straight Connector 13">
            <a:extLst>
              <a:ext uri="{FF2B5EF4-FFF2-40B4-BE49-F238E27FC236}">
                <a16:creationId xmlns:a16="http://schemas.microsoft.com/office/drawing/2014/main" id="{795459D1-EF5D-A178-F663-D42060CB692B}"/>
              </a:ext>
            </a:extLst>
          </p:cNvPr>
          <p:cNvCxnSpPr>
            <a:cxnSpLocks/>
          </p:cNvCxnSpPr>
          <p:nvPr userDrawn="1"/>
        </p:nvCxnSpPr>
        <p:spPr>
          <a:xfrm rot="16200000">
            <a:off x="11664257" y="6661765"/>
            <a:ext cx="153787" cy="0"/>
          </a:xfrm>
          <a:prstGeom prst="line">
            <a:avLst/>
          </a:prstGeom>
          <a:ln>
            <a:solidFill>
              <a:srgbClr val="0085BE"/>
            </a:solidFill>
          </a:ln>
        </p:spPr>
        <p:style>
          <a:lnRef idx="2">
            <a:schemeClr val="accent1"/>
          </a:lnRef>
          <a:fillRef idx="0">
            <a:schemeClr val="accent1"/>
          </a:fillRef>
          <a:effectRef idx="1">
            <a:schemeClr val="accent1"/>
          </a:effectRef>
          <a:fontRef idx="minor">
            <a:schemeClr val="tx1"/>
          </a:fontRef>
        </p:style>
      </p:cxnSp>
      <p:sp>
        <p:nvSpPr>
          <p:cNvPr id="18" name="Slide Number Placeholder 5">
            <a:extLst>
              <a:ext uri="{FF2B5EF4-FFF2-40B4-BE49-F238E27FC236}">
                <a16:creationId xmlns:a16="http://schemas.microsoft.com/office/drawing/2014/main" id="{489E3337-611E-C21A-5FF2-F67F5A4955A9}"/>
              </a:ext>
            </a:extLst>
          </p:cNvPr>
          <p:cNvSpPr txBox="1">
            <a:spLocks/>
          </p:cNvSpPr>
          <p:nvPr userDrawn="1"/>
        </p:nvSpPr>
        <p:spPr>
          <a:xfrm>
            <a:off x="11704318" y="6469966"/>
            <a:ext cx="462279" cy="365125"/>
          </a:xfrm>
          <a:prstGeom prst="rect">
            <a:avLst/>
          </a:prstGeom>
        </p:spPr>
        <p:txBody>
          <a:bodyPr vert="horz" lIns="91440" tIns="45720" rIns="91440" bIns="45720" rtlCol="0" anchor="ctr"/>
          <a:lstStyle>
            <a:defPPr>
              <a:defRPr lang="en-US"/>
            </a:defPPr>
            <a:lvl1pPr marL="0" algn="l" defTabSz="914400" rtl="0" eaLnBrk="1" latinLnBrk="0" hangingPunct="1">
              <a:defRPr sz="1050" kern="1200">
                <a:solidFill>
                  <a:schemeClr val="tx1">
                    <a:tint val="82000"/>
                  </a:schemeClr>
                </a:solidFill>
                <a:latin typeface="Roboto" panose="02000000000000000000" pitchFamily="2" charset="0"/>
                <a:ea typeface="Roboto" panose="02000000000000000000" pitchFamily="2" charset="0"/>
                <a:cs typeface="Roboto" panose="02000000000000000000" pitchFamily="2"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C150780B-7B8E-48D2-81A7-58E396A0D346}" type="slidenum">
              <a:rPr lang="en-IN" sz="1000" smtClean="0">
                <a:solidFill>
                  <a:srgbClr val="161417"/>
                </a:solidFill>
              </a:rPr>
              <a:pPr/>
              <a:t>‹#›</a:t>
            </a:fld>
            <a:endParaRPr lang="en-IN" sz="1000">
              <a:solidFill>
                <a:srgbClr val="161417"/>
              </a:solidFill>
            </a:endParaRPr>
          </a:p>
        </p:txBody>
      </p:sp>
      <p:sp>
        <p:nvSpPr>
          <p:cNvPr id="22" name="Rectangle 21">
            <a:extLst>
              <a:ext uri="{FF2B5EF4-FFF2-40B4-BE49-F238E27FC236}">
                <a16:creationId xmlns:a16="http://schemas.microsoft.com/office/drawing/2014/main" id="{96F23795-A90B-EA7F-4B92-3F09C82E40FE}"/>
              </a:ext>
            </a:extLst>
          </p:cNvPr>
          <p:cNvSpPr/>
          <p:nvPr userDrawn="1"/>
        </p:nvSpPr>
        <p:spPr>
          <a:xfrm rot="5400000" flipH="1">
            <a:off x="6068340" y="745913"/>
            <a:ext cx="55320" cy="12192002"/>
          </a:xfrm>
          <a:prstGeom prst="rect">
            <a:avLst/>
          </a:prstGeom>
          <a:solidFill>
            <a:srgbClr val="0085B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nvGrpSpPr>
          <p:cNvPr id="23" name="Group 22">
            <a:extLst>
              <a:ext uri="{FF2B5EF4-FFF2-40B4-BE49-F238E27FC236}">
                <a16:creationId xmlns:a16="http://schemas.microsoft.com/office/drawing/2014/main" id="{97BF4073-692D-F303-3AB3-C6633A59B49A}"/>
              </a:ext>
            </a:extLst>
          </p:cNvPr>
          <p:cNvGrpSpPr/>
          <p:nvPr userDrawn="1"/>
        </p:nvGrpSpPr>
        <p:grpSpPr>
          <a:xfrm>
            <a:off x="10981564" y="233285"/>
            <a:ext cx="896869" cy="167744"/>
            <a:chOff x="5498465" y="7094800"/>
            <a:chExt cx="1273175" cy="238125"/>
          </a:xfrm>
        </p:grpSpPr>
        <p:sp>
          <p:nvSpPr>
            <p:cNvPr id="5" name="AutoShape 3">
              <a:extLst>
                <a:ext uri="{FF2B5EF4-FFF2-40B4-BE49-F238E27FC236}">
                  <a16:creationId xmlns:a16="http://schemas.microsoft.com/office/drawing/2014/main" id="{ACEF2FCD-7A30-C706-ACED-CE1DE12F8A75}"/>
                </a:ext>
              </a:extLst>
            </p:cNvPr>
            <p:cNvSpPr>
              <a:spLocks noChangeAspect="1" noChangeArrowheads="1" noTextEdit="1"/>
            </p:cNvSpPr>
            <p:nvPr/>
          </p:nvSpPr>
          <p:spPr bwMode="auto">
            <a:xfrm>
              <a:off x="5498465" y="7094800"/>
              <a:ext cx="1273175" cy="23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6" name="Freeform 5">
              <a:extLst>
                <a:ext uri="{FF2B5EF4-FFF2-40B4-BE49-F238E27FC236}">
                  <a16:creationId xmlns:a16="http://schemas.microsoft.com/office/drawing/2014/main" id="{15410355-9A74-8B89-8D42-EBCBDC75E127}"/>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7" name="Freeform 6">
              <a:extLst>
                <a:ext uri="{FF2B5EF4-FFF2-40B4-BE49-F238E27FC236}">
                  <a16:creationId xmlns:a16="http://schemas.microsoft.com/office/drawing/2014/main" id="{968F263E-7F4C-C441-CB43-5F21DF694BC2}"/>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8" name="Freeform 7">
              <a:extLst>
                <a:ext uri="{FF2B5EF4-FFF2-40B4-BE49-F238E27FC236}">
                  <a16:creationId xmlns:a16="http://schemas.microsoft.com/office/drawing/2014/main" id="{92839D5D-C6FB-6257-68A9-0CBA0655E501}"/>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9" name="Freeform 8">
              <a:extLst>
                <a:ext uri="{FF2B5EF4-FFF2-40B4-BE49-F238E27FC236}">
                  <a16:creationId xmlns:a16="http://schemas.microsoft.com/office/drawing/2014/main" id="{09F1C0B5-B2C5-9D9A-83C6-C87060E0BA68}"/>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Freeform 9">
              <a:extLst>
                <a:ext uri="{FF2B5EF4-FFF2-40B4-BE49-F238E27FC236}">
                  <a16:creationId xmlns:a16="http://schemas.microsoft.com/office/drawing/2014/main" id="{2B24C9C5-5D7B-D5F7-0CAE-0FE94B5D9CCD}"/>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1" name="Freeform 10">
              <a:extLst>
                <a:ext uri="{FF2B5EF4-FFF2-40B4-BE49-F238E27FC236}">
                  <a16:creationId xmlns:a16="http://schemas.microsoft.com/office/drawing/2014/main" id="{2EAB80BF-AF23-9F26-E2F0-185F28A658AE}"/>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2" name="Freeform 11">
              <a:extLst>
                <a:ext uri="{FF2B5EF4-FFF2-40B4-BE49-F238E27FC236}">
                  <a16:creationId xmlns:a16="http://schemas.microsoft.com/office/drawing/2014/main" id="{8A3E6023-0BE3-E699-82EE-B48002ED6FA6}"/>
                </a:ext>
              </a:extLst>
            </p:cNvPr>
            <p:cNvSpPr>
              <a:spLocks noEditPoints="1"/>
            </p:cNvSpPr>
            <p:nvPr/>
          </p:nvSpPr>
          <p:spPr bwMode="auto">
            <a:xfrm>
              <a:off x="5498465"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5" name="Freeform 12">
              <a:extLst>
                <a:ext uri="{FF2B5EF4-FFF2-40B4-BE49-F238E27FC236}">
                  <a16:creationId xmlns:a16="http://schemas.microsoft.com/office/drawing/2014/main" id="{49256A10-BB45-8001-4676-4BDB2CED3926}"/>
                </a:ext>
              </a:extLst>
            </p:cNvPr>
            <p:cNvSpPr>
              <a:spLocks noEditPoints="1"/>
            </p:cNvSpPr>
            <p:nvPr/>
          </p:nvSpPr>
          <p:spPr bwMode="auto">
            <a:xfrm>
              <a:off x="5752465" y="7097975"/>
              <a:ext cx="163513" cy="234950"/>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Freeform 13">
              <a:extLst>
                <a:ext uri="{FF2B5EF4-FFF2-40B4-BE49-F238E27FC236}">
                  <a16:creationId xmlns:a16="http://schemas.microsoft.com/office/drawing/2014/main" id="{AA5EAA32-799C-7138-1E9E-BBE6CD564EE2}"/>
                </a:ext>
              </a:extLst>
            </p:cNvPr>
            <p:cNvSpPr>
              <a:spLocks/>
            </p:cNvSpPr>
            <p:nvPr/>
          </p:nvSpPr>
          <p:spPr bwMode="auto">
            <a:xfrm>
              <a:off x="5933440" y="7097975"/>
              <a:ext cx="201613" cy="234950"/>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19" name="Freeform 14">
              <a:extLst>
                <a:ext uri="{FF2B5EF4-FFF2-40B4-BE49-F238E27FC236}">
                  <a16:creationId xmlns:a16="http://schemas.microsoft.com/office/drawing/2014/main" id="{203CE8B4-CB92-090D-1E2E-18E00D8EC5DD}"/>
                </a:ext>
              </a:extLst>
            </p:cNvPr>
            <p:cNvSpPr>
              <a:spLocks noEditPoints="1"/>
            </p:cNvSpPr>
            <p:nvPr/>
          </p:nvSpPr>
          <p:spPr bwMode="auto">
            <a:xfrm>
              <a:off x="6358890" y="7097975"/>
              <a:ext cx="174625" cy="234950"/>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20" name="Freeform 15">
              <a:extLst>
                <a:ext uri="{FF2B5EF4-FFF2-40B4-BE49-F238E27FC236}">
                  <a16:creationId xmlns:a16="http://schemas.microsoft.com/office/drawing/2014/main" id="{5855073B-67B4-EFF3-DE51-D9A28BFDB62A}"/>
                </a:ext>
              </a:extLst>
            </p:cNvPr>
            <p:cNvSpPr>
              <a:spLocks noEditPoints="1"/>
            </p:cNvSpPr>
            <p:nvPr/>
          </p:nvSpPr>
          <p:spPr bwMode="auto">
            <a:xfrm>
              <a:off x="6552565"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21" name="Freeform 16">
              <a:extLst>
                <a:ext uri="{FF2B5EF4-FFF2-40B4-BE49-F238E27FC236}">
                  <a16:creationId xmlns:a16="http://schemas.microsoft.com/office/drawing/2014/main" id="{204F97FD-2679-BEA6-A836-80BC5E63D021}"/>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005A84"/>
            </a:solidFill>
            <a:ln>
              <a:noFill/>
            </a:ln>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2730583137"/>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4" r:id="rId3"/>
    <p:sldLayoutId id="2147483660" r:id="rId4"/>
    <p:sldLayoutId id="2147483655" r:id="rId5"/>
    <p:sldLayoutId id="2147483661" r:id="rId6"/>
  </p:sldLayoutIdLst>
  <p:txStyles>
    <p:titleStyle>
      <a:lvl1pPr algn="l" defTabSz="914400" rtl="0" eaLnBrk="1" latinLnBrk="0" hangingPunct="1">
        <a:lnSpc>
          <a:spcPct val="90000"/>
        </a:lnSpc>
        <a:spcBef>
          <a:spcPct val="0"/>
        </a:spcBef>
        <a:buNone/>
        <a:defRPr sz="2000" kern="1200">
          <a:solidFill>
            <a:schemeClr val="tx1"/>
          </a:solidFill>
          <a:latin typeface="Roboto" panose="02000000000000000000" pitchFamily="2" charset="0"/>
          <a:ea typeface="Roboto" panose="02000000000000000000" pitchFamily="2" charset="0"/>
          <a:cs typeface="Roboto" panose="02000000000000000000" pitchFamily="2" charset="0"/>
        </a:defRPr>
      </a:lvl1pPr>
    </p:titleStyle>
    <p:bodyStyle>
      <a:lvl1pPr marL="228600" indent="-228600" algn="l" defTabSz="914400" rtl="0" eaLnBrk="1" latinLnBrk="0" hangingPunct="1">
        <a:lnSpc>
          <a:spcPct val="90000"/>
        </a:lnSpc>
        <a:spcBef>
          <a:spcPts val="1000"/>
        </a:spcBef>
        <a:buClr>
          <a:srgbClr val="4F1459"/>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1pPr>
      <a:lvl2pPr marL="685800" indent="-228600" algn="l" defTabSz="914400" rtl="0" eaLnBrk="1" latinLnBrk="0" hangingPunct="1">
        <a:lnSpc>
          <a:spcPct val="90000"/>
        </a:lnSpc>
        <a:spcBef>
          <a:spcPts val="500"/>
        </a:spcBef>
        <a:buClr>
          <a:srgbClr val="4F1459"/>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2pPr>
      <a:lvl3pPr marL="1143000" indent="-228600" algn="l" defTabSz="914400" rtl="0" eaLnBrk="1" latinLnBrk="0" hangingPunct="1">
        <a:lnSpc>
          <a:spcPct val="90000"/>
        </a:lnSpc>
        <a:spcBef>
          <a:spcPts val="500"/>
        </a:spcBef>
        <a:buClr>
          <a:srgbClr val="4F1459"/>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3pPr>
      <a:lvl4pPr marL="1600200" indent="-228600" algn="l" defTabSz="914400" rtl="0" eaLnBrk="1" latinLnBrk="0" hangingPunct="1">
        <a:lnSpc>
          <a:spcPct val="90000"/>
        </a:lnSpc>
        <a:spcBef>
          <a:spcPts val="500"/>
        </a:spcBef>
        <a:buClr>
          <a:srgbClr val="4F1459"/>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4pPr>
      <a:lvl5pPr marL="2057400" indent="-228600" algn="l" defTabSz="914400" rtl="0" eaLnBrk="1" latinLnBrk="0" hangingPunct="1">
        <a:lnSpc>
          <a:spcPct val="90000"/>
        </a:lnSpc>
        <a:spcBef>
          <a:spcPts val="500"/>
        </a:spcBef>
        <a:buClr>
          <a:srgbClr val="4F1459"/>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rgbClr val="F7F7F7">
            <a:alpha val="41000"/>
          </a:srgbClr>
        </a:solid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1054CA5E-2386-0E9E-C5AD-DFD8527768A3}"/>
              </a:ext>
            </a:extLst>
          </p:cNvPr>
          <p:cNvSpPr>
            <a:spLocks noGrp="1"/>
          </p:cNvSpPr>
          <p:nvPr>
            <p:ph type="title"/>
          </p:nvPr>
        </p:nvSpPr>
        <p:spPr>
          <a:xfrm>
            <a:off x="441959" y="230555"/>
            <a:ext cx="10988039" cy="630555"/>
          </a:xfrm>
          <a:prstGeom prst="rect">
            <a:avLst/>
          </a:prstGeom>
        </p:spPr>
        <p:txBody>
          <a:bodyPr vert="horz" lIns="91440" tIns="45720" rIns="91440" bIns="45720" rtlCol="0" anchor="b">
            <a:normAutofit/>
          </a:bodyPr>
          <a:lstStyle/>
          <a:p>
            <a:r>
              <a:rPr lang="en-US"/>
              <a:t>Click to edit Master title style</a:t>
            </a:r>
            <a:endParaRPr lang="en-IN"/>
          </a:p>
        </p:txBody>
      </p:sp>
      <p:sp>
        <p:nvSpPr>
          <p:cNvPr id="3" name="Text Placeholder 2">
            <a:extLst>
              <a:ext uri="{FF2B5EF4-FFF2-40B4-BE49-F238E27FC236}">
                <a16:creationId xmlns:a16="http://schemas.microsoft.com/office/drawing/2014/main" id="{93088FE9-A8CB-C15C-34F9-6D3176A59A2F}"/>
              </a:ext>
            </a:extLst>
          </p:cNvPr>
          <p:cNvSpPr>
            <a:spLocks noGrp="1"/>
          </p:cNvSpPr>
          <p:nvPr>
            <p:ph type="body" idx="1"/>
          </p:nvPr>
        </p:nvSpPr>
        <p:spPr>
          <a:xfrm>
            <a:off x="472439" y="1243013"/>
            <a:ext cx="11036477" cy="4636134"/>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22" name="Rectangle 21">
            <a:extLst>
              <a:ext uri="{FF2B5EF4-FFF2-40B4-BE49-F238E27FC236}">
                <a16:creationId xmlns:a16="http://schemas.microsoft.com/office/drawing/2014/main" id="{96F23795-A90B-EA7F-4B92-3F09C82E40FE}"/>
              </a:ext>
            </a:extLst>
          </p:cNvPr>
          <p:cNvSpPr/>
          <p:nvPr userDrawn="1"/>
        </p:nvSpPr>
        <p:spPr>
          <a:xfrm rot="5400000" flipH="1">
            <a:off x="6068340" y="745913"/>
            <a:ext cx="55320" cy="12192002"/>
          </a:xfrm>
          <a:prstGeom prst="rect">
            <a:avLst/>
          </a:prstGeom>
          <a:solidFill>
            <a:srgbClr val="0085B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cxnSp>
        <p:nvCxnSpPr>
          <p:cNvPr id="7" name="Straight Connector 6">
            <a:extLst>
              <a:ext uri="{FF2B5EF4-FFF2-40B4-BE49-F238E27FC236}">
                <a16:creationId xmlns:a16="http://schemas.microsoft.com/office/drawing/2014/main" id="{3BBF5FEF-57BB-BCF1-7C5B-F7EFE4EC2766}"/>
              </a:ext>
            </a:extLst>
          </p:cNvPr>
          <p:cNvCxnSpPr>
            <a:cxnSpLocks/>
          </p:cNvCxnSpPr>
          <p:nvPr userDrawn="1"/>
        </p:nvCxnSpPr>
        <p:spPr>
          <a:xfrm>
            <a:off x="548640" y="914400"/>
            <a:ext cx="894080" cy="0"/>
          </a:xfrm>
          <a:prstGeom prst="line">
            <a:avLst/>
          </a:prstGeom>
          <a:ln w="38100">
            <a:solidFill>
              <a:srgbClr val="0085BE"/>
            </a:solidFill>
          </a:ln>
        </p:spPr>
        <p:style>
          <a:lnRef idx="2">
            <a:schemeClr val="accent1"/>
          </a:lnRef>
          <a:fillRef idx="0">
            <a:schemeClr val="accent1"/>
          </a:fillRef>
          <a:effectRef idx="1">
            <a:schemeClr val="accent1"/>
          </a:effectRef>
          <a:fontRef idx="minor">
            <a:schemeClr val="tx1"/>
          </a:fontRef>
        </p:style>
      </p:cxnSp>
      <p:cxnSp>
        <p:nvCxnSpPr>
          <p:cNvPr id="8" name="Straight Connector 7">
            <a:extLst>
              <a:ext uri="{FF2B5EF4-FFF2-40B4-BE49-F238E27FC236}">
                <a16:creationId xmlns:a16="http://schemas.microsoft.com/office/drawing/2014/main" id="{5AE7E5A9-00FB-33B4-1FA2-87B87C58E098}"/>
              </a:ext>
            </a:extLst>
          </p:cNvPr>
          <p:cNvCxnSpPr>
            <a:cxnSpLocks/>
          </p:cNvCxnSpPr>
          <p:nvPr userDrawn="1"/>
        </p:nvCxnSpPr>
        <p:spPr>
          <a:xfrm rot="16200000">
            <a:off x="11664257" y="6661765"/>
            <a:ext cx="153787" cy="0"/>
          </a:xfrm>
          <a:prstGeom prst="line">
            <a:avLst/>
          </a:prstGeom>
          <a:ln>
            <a:solidFill>
              <a:srgbClr val="0085BE"/>
            </a:solidFill>
          </a:ln>
        </p:spPr>
        <p:style>
          <a:lnRef idx="2">
            <a:schemeClr val="accent1"/>
          </a:lnRef>
          <a:fillRef idx="0">
            <a:schemeClr val="accent1"/>
          </a:fillRef>
          <a:effectRef idx="1">
            <a:schemeClr val="accent1"/>
          </a:effectRef>
          <a:fontRef idx="minor">
            <a:schemeClr val="tx1"/>
          </a:fontRef>
        </p:style>
      </p:cxnSp>
      <p:sp>
        <p:nvSpPr>
          <p:cNvPr id="9" name="Slide Number Placeholder 5">
            <a:extLst>
              <a:ext uri="{FF2B5EF4-FFF2-40B4-BE49-F238E27FC236}">
                <a16:creationId xmlns:a16="http://schemas.microsoft.com/office/drawing/2014/main" id="{532B4A22-B5C0-F064-293A-F1662B34B503}"/>
              </a:ext>
            </a:extLst>
          </p:cNvPr>
          <p:cNvSpPr txBox="1">
            <a:spLocks/>
          </p:cNvSpPr>
          <p:nvPr userDrawn="1"/>
        </p:nvSpPr>
        <p:spPr>
          <a:xfrm>
            <a:off x="11704318" y="6469966"/>
            <a:ext cx="462279" cy="365125"/>
          </a:xfrm>
          <a:prstGeom prst="rect">
            <a:avLst/>
          </a:prstGeom>
        </p:spPr>
        <p:txBody>
          <a:bodyPr vert="horz" lIns="91440" tIns="45720" rIns="91440" bIns="45720" rtlCol="0" anchor="ctr"/>
          <a:lstStyle>
            <a:defPPr>
              <a:defRPr lang="en-US"/>
            </a:defPPr>
            <a:lvl1pPr marL="0" algn="l" defTabSz="914400" rtl="0" eaLnBrk="1" latinLnBrk="0" hangingPunct="1">
              <a:defRPr sz="1050" kern="1200">
                <a:solidFill>
                  <a:schemeClr val="tx1">
                    <a:tint val="82000"/>
                  </a:schemeClr>
                </a:solidFill>
                <a:latin typeface="Roboto" panose="02000000000000000000" pitchFamily="2" charset="0"/>
                <a:ea typeface="Roboto" panose="02000000000000000000" pitchFamily="2" charset="0"/>
                <a:cs typeface="Roboto" panose="02000000000000000000" pitchFamily="2"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C150780B-7B8E-48D2-81A7-58E396A0D346}" type="slidenum">
              <a:rPr lang="en-IN" sz="1000" smtClean="0">
                <a:solidFill>
                  <a:srgbClr val="161417"/>
                </a:solidFill>
              </a:rPr>
              <a:pPr/>
              <a:t>‹#›</a:t>
            </a:fld>
            <a:endParaRPr lang="en-IN" sz="1000">
              <a:solidFill>
                <a:srgbClr val="161417"/>
              </a:solidFill>
            </a:endParaRPr>
          </a:p>
        </p:txBody>
      </p:sp>
    </p:spTree>
    <p:extLst>
      <p:ext uri="{BB962C8B-B14F-4D97-AF65-F5344CB8AC3E}">
        <p14:creationId xmlns:p14="http://schemas.microsoft.com/office/powerpoint/2010/main" val="3553030696"/>
      </p:ext>
    </p:extLst>
  </p:cSld>
  <p:clrMap bg1="lt1" tx1="dk1" bg2="lt2" tx2="dk2" accent1="accent1" accent2="accent2" accent3="accent3" accent4="accent4" accent5="accent5" accent6="accent6" hlink="hlink" folHlink="folHlink"/>
  <p:sldLayoutIdLst>
    <p:sldLayoutId id="2147483664" r:id="rId1"/>
    <p:sldLayoutId id="2147483665" r:id="rId2"/>
    <p:sldLayoutId id="2147483666" r:id="rId3"/>
    <p:sldLayoutId id="2147483667" r:id="rId4"/>
    <p:sldLayoutId id="2147483668" r:id="rId5"/>
  </p:sldLayoutIdLst>
  <p:txStyles>
    <p:titleStyle>
      <a:lvl1pPr algn="l" defTabSz="914400" rtl="0" eaLnBrk="1" latinLnBrk="0" hangingPunct="1">
        <a:lnSpc>
          <a:spcPct val="90000"/>
        </a:lnSpc>
        <a:spcBef>
          <a:spcPct val="0"/>
        </a:spcBef>
        <a:buNone/>
        <a:defRPr sz="2000" kern="1200">
          <a:solidFill>
            <a:schemeClr val="tx1"/>
          </a:solidFill>
          <a:latin typeface="Roboto" panose="02000000000000000000" pitchFamily="2" charset="0"/>
          <a:ea typeface="Roboto" panose="02000000000000000000" pitchFamily="2" charset="0"/>
          <a:cs typeface="Roboto" panose="02000000000000000000" pitchFamily="2" charset="0"/>
        </a:defRPr>
      </a:lvl1pPr>
    </p:titleStyle>
    <p:bodyStyle>
      <a:lvl1pPr marL="228600" indent="-228600" algn="l" defTabSz="914400" rtl="0" eaLnBrk="1" latinLnBrk="0" hangingPunct="1">
        <a:lnSpc>
          <a:spcPct val="90000"/>
        </a:lnSpc>
        <a:spcBef>
          <a:spcPts val="1000"/>
        </a:spcBef>
        <a:buClr>
          <a:srgbClr val="0085BE"/>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1pPr>
      <a:lvl2pPr marL="685800" indent="-228600" algn="l" defTabSz="914400" rtl="0" eaLnBrk="1" latinLnBrk="0" hangingPunct="1">
        <a:lnSpc>
          <a:spcPct val="90000"/>
        </a:lnSpc>
        <a:spcBef>
          <a:spcPts val="500"/>
        </a:spcBef>
        <a:buClr>
          <a:srgbClr val="0085BE"/>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2pPr>
      <a:lvl3pPr marL="1143000" indent="-228600" algn="l" defTabSz="914400" rtl="0" eaLnBrk="1" latinLnBrk="0" hangingPunct="1">
        <a:lnSpc>
          <a:spcPct val="90000"/>
        </a:lnSpc>
        <a:spcBef>
          <a:spcPts val="500"/>
        </a:spcBef>
        <a:buClr>
          <a:srgbClr val="0085BE"/>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3pPr>
      <a:lvl4pPr marL="1600200" indent="-228600" algn="l" defTabSz="914400" rtl="0" eaLnBrk="1" latinLnBrk="0" hangingPunct="1">
        <a:lnSpc>
          <a:spcPct val="90000"/>
        </a:lnSpc>
        <a:spcBef>
          <a:spcPts val="500"/>
        </a:spcBef>
        <a:buClr>
          <a:srgbClr val="0085BE"/>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4pPr>
      <a:lvl5pPr marL="2057400" indent="-228600" algn="l" defTabSz="914400" rtl="0" eaLnBrk="1" latinLnBrk="0" hangingPunct="1">
        <a:lnSpc>
          <a:spcPct val="90000"/>
        </a:lnSpc>
        <a:spcBef>
          <a:spcPts val="500"/>
        </a:spcBef>
        <a:buClr>
          <a:srgbClr val="0085BE"/>
        </a:buClr>
        <a:buFont typeface="Arial" panose="020B0604020202020204" pitchFamily="34" charset="0"/>
        <a:buChar char="•"/>
        <a:defRPr sz="1400" kern="1200">
          <a:solidFill>
            <a:schemeClr val="tx1"/>
          </a:solidFill>
          <a:latin typeface="Roboto Light" panose="02000000000000000000" pitchFamily="2" charset="0"/>
          <a:ea typeface="Roboto Light" panose="02000000000000000000" pitchFamily="2" charset="0"/>
          <a:cs typeface="Roboto Light" panose="02000000000000000000" pitchFamily="2"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s/_rels/slide1.xml.rels><?xml version="1.0" encoding="UTF-8" standalone="yes"?>
<Relationships xmlns="http://schemas.openxmlformats.org/package/2006/relationships"><Relationship Id="rId2" Type="http://schemas.openxmlformats.org/officeDocument/2006/relationships/image" Target="../media/image16.jpeg"/><Relationship Id="rId1" Type="http://schemas.openxmlformats.org/officeDocument/2006/relationships/slideLayout" Target="../slideLayouts/slideLayout8.xml"/></Relationships>
</file>

<file path=ppt/slides/_rels/slide10.xml.rels><?xml version="1.0" encoding="UTF-8" standalone="yes"?>
<Relationships xmlns="http://schemas.openxmlformats.org/package/2006/relationships"><Relationship Id="rId8" Type="http://schemas.openxmlformats.org/officeDocument/2006/relationships/image" Target="../media/image182.png"/><Relationship Id="rId3" Type="http://schemas.openxmlformats.org/officeDocument/2006/relationships/image" Target="../media/image177.png"/><Relationship Id="rId7" Type="http://schemas.openxmlformats.org/officeDocument/2006/relationships/image" Target="../media/image181.png"/><Relationship Id="rId2" Type="http://schemas.openxmlformats.org/officeDocument/2006/relationships/image" Target="../media/image176.jpeg"/><Relationship Id="rId1" Type="http://schemas.openxmlformats.org/officeDocument/2006/relationships/slideLayout" Target="../slideLayouts/slideLayout10.xml"/><Relationship Id="rId6" Type="http://schemas.openxmlformats.org/officeDocument/2006/relationships/image" Target="../media/image180.png"/><Relationship Id="rId5" Type="http://schemas.openxmlformats.org/officeDocument/2006/relationships/image" Target="../media/image179.png"/><Relationship Id="rId10" Type="http://schemas.openxmlformats.org/officeDocument/2006/relationships/image" Target="../media/image184.png"/><Relationship Id="rId4" Type="http://schemas.openxmlformats.org/officeDocument/2006/relationships/image" Target="../media/image178.png"/><Relationship Id="rId9" Type="http://schemas.openxmlformats.org/officeDocument/2006/relationships/image" Target="../media/image183.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0.xml"/></Relationships>
</file>

<file path=ppt/slides/_rels/slide12.xml.rels><?xml version="1.0" encoding="UTF-8" standalone="yes"?>
<Relationships xmlns="http://schemas.openxmlformats.org/package/2006/relationships"><Relationship Id="rId13" Type="http://schemas.openxmlformats.org/officeDocument/2006/relationships/image" Target="../media/image195.svg"/><Relationship Id="rId18" Type="http://schemas.openxmlformats.org/officeDocument/2006/relationships/image" Target="../media/image200.png"/><Relationship Id="rId26" Type="http://schemas.openxmlformats.org/officeDocument/2006/relationships/image" Target="../media/image208.png"/><Relationship Id="rId3" Type="http://schemas.openxmlformats.org/officeDocument/2006/relationships/image" Target="../media/image186.png"/><Relationship Id="rId21" Type="http://schemas.openxmlformats.org/officeDocument/2006/relationships/image" Target="../media/image203.png"/><Relationship Id="rId34" Type="http://schemas.openxmlformats.org/officeDocument/2006/relationships/image" Target="../media/image216.png"/><Relationship Id="rId7" Type="http://schemas.microsoft.com/office/2007/relationships/hdphoto" Target="../media/hdphoto4.wdp"/><Relationship Id="rId12" Type="http://schemas.openxmlformats.org/officeDocument/2006/relationships/image" Target="../media/image194.png"/><Relationship Id="rId17" Type="http://schemas.openxmlformats.org/officeDocument/2006/relationships/image" Target="../media/image199.jpeg"/><Relationship Id="rId25" Type="http://schemas.openxmlformats.org/officeDocument/2006/relationships/image" Target="../media/image207.png"/><Relationship Id="rId33" Type="http://schemas.openxmlformats.org/officeDocument/2006/relationships/image" Target="../media/image215.png"/><Relationship Id="rId2" Type="http://schemas.openxmlformats.org/officeDocument/2006/relationships/image" Target="../media/image185.png"/><Relationship Id="rId16" Type="http://schemas.openxmlformats.org/officeDocument/2006/relationships/image" Target="../media/image198.png"/><Relationship Id="rId20" Type="http://schemas.openxmlformats.org/officeDocument/2006/relationships/image" Target="../media/image202.png"/><Relationship Id="rId29" Type="http://schemas.openxmlformats.org/officeDocument/2006/relationships/image" Target="../media/image211.png"/><Relationship Id="rId1" Type="http://schemas.openxmlformats.org/officeDocument/2006/relationships/slideLayout" Target="../slideLayouts/slideLayout10.xml"/><Relationship Id="rId6" Type="http://schemas.openxmlformats.org/officeDocument/2006/relationships/image" Target="../media/image189.png"/><Relationship Id="rId11" Type="http://schemas.openxmlformats.org/officeDocument/2006/relationships/image" Target="../media/image193.svg"/><Relationship Id="rId24" Type="http://schemas.openxmlformats.org/officeDocument/2006/relationships/image" Target="../media/image206.png"/><Relationship Id="rId32" Type="http://schemas.openxmlformats.org/officeDocument/2006/relationships/image" Target="../media/image214.png"/><Relationship Id="rId5" Type="http://schemas.openxmlformats.org/officeDocument/2006/relationships/image" Target="../media/image188.png"/><Relationship Id="rId15" Type="http://schemas.openxmlformats.org/officeDocument/2006/relationships/image" Target="../media/image197.png"/><Relationship Id="rId23" Type="http://schemas.openxmlformats.org/officeDocument/2006/relationships/image" Target="../media/image205.jpeg"/><Relationship Id="rId28" Type="http://schemas.openxmlformats.org/officeDocument/2006/relationships/image" Target="../media/image210.png"/><Relationship Id="rId10" Type="http://schemas.openxmlformats.org/officeDocument/2006/relationships/image" Target="../media/image192.png"/><Relationship Id="rId19" Type="http://schemas.openxmlformats.org/officeDocument/2006/relationships/image" Target="../media/image201.png"/><Relationship Id="rId31" Type="http://schemas.openxmlformats.org/officeDocument/2006/relationships/image" Target="../media/image213.png"/><Relationship Id="rId4" Type="http://schemas.openxmlformats.org/officeDocument/2006/relationships/image" Target="../media/image187.png"/><Relationship Id="rId9" Type="http://schemas.openxmlformats.org/officeDocument/2006/relationships/image" Target="../media/image191.png"/><Relationship Id="rId14" Type="http://schemas.openxmlformats.org/officeDocument/2006/relationships/image" Target="../media/image196.png"/><Relationship Id="rId22" Type="http://schemas.openxmlformats.org/officeDocument/2006/relationships/image" Target="../media/image204.png"/><Relationship Id="rId27" Type="http://schemas.openxmlformats.org/officeDocument/2006/relationships/image" Target="../media/image209.png"/><Relationship Id="rId30" Type="http://schemas.openxmlformats.org/officeDocument/2006/relationships/image" Target="../media/image212.png"/><Relationship Id="rId35" Type="http://schemas.openxmlformats.org/officeDocument/2006/relationships/image" Target="../media/image217.png"/><Relationship Id="rId8" Type="http://schemas.openxmlformats.org/officeDocument/2006/relationships/image" Target="../media/image190.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0.xml"/></Relationships>
</file>

<file path=ppt/slides/_rels/slide14.xml.rels><?xml version="1.0" encoding="UTF-8" standalone="yes"?>
<Relationships xmlns="http://schemas.openxmlformats.org/package/2006/relationships"><Relationship Id="rId3" Type="http://schemas.openxmlformats.org/officeDocument/2006/relationships/image" Target="../media/image219.svg"/><Relationship Id="rId2" Type="http://schemas.openxmlformats.org/officeDocument/2006/relationships/image" Target="../media/image218.png"/><Relationship Id="rId1" Type="http://schemas.openxmlformats.org/officeDocument/2006/relationships/slideLayout" Target="../slideLayouts/slideLayout10.xml"/><Relationship Id="rId5" Type="http://schemas.openxmlformats.org/officeDocument/2006/relationships/image" Target="../media/image221.png"/><Relationship Id="rId4" Type="http://schemas.openxmlformats.org/officeDocument/2006/relationships/image" Target="../media/image220.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0.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10.xml"/></Relationships>
</file>

<file path=ppt/slides/_rels/slide17.xml.rels><?xml version="1.0" encoding="UTF-8" standalone="yes"?>
<Relationships xmlns="http://schemas.openxmlformats.org/package/2006/relationships"><Relationship Id="rId3" Type="http://schemas.openxmlformats.org/officeDocument/2006/relationships/image" Target="../media/image223.jpeg"/><Relationship Id="rId2" Type="http://schemas.openxmlformats.org/officeDocument/2006/relationships/image" Target="../media/image222.jpeg"/><Relationship Id="rId1" Type="http://schemas.openxmlformats.org/officeDocument/2006/relationships/slideLayout" Target="../slideLayouts/slideLayout10.xml"/></Relationships>
</file>

<file path=ppt/slides/_rels/slide18.xml.rels><?xml version="1.0" encoding="UTF-8" standalone="yes"?>
<Relationships xmlns="http://schemas.openxmlformats.org/package/2006/relationships"><Relationship Id="rId8" Type="http://schemas.openxmlformats.org/officeDocument/2006/relationships/image" Target="../media/image229.png"/><Relationship Id="rId13" Type="http://schemas.openxmlformats.org/officeDocument/2006/relationships/image" Target="../media/image234.png"/><Relationship Id="rId18" Type="http://schemas.openxmlformats.org/officeDocument/2006/relationships/image" Target="../media/image239.png"/><Relationship Id="rId3" Type="http://schemas.openxmlformats.org/officeDocument/2006/relationships/image" Target="../media/image224.png"/><Relationship Id="rId7" Type="http://schemas.openxmlformats.org/officeDocument/2006/relationships/image" Target="../media/image228.svg"/><Relationship Id="rId12" Type="http://schemas.openxmlformats.org/officeDocument/2006/relationships/image" Target="../media/image233.png"/><Relationship Id="rId17" Type="http://schemas.openxmlformats.org/officeDocument/2006/relationships/image" Target="../media/image238.png"/><Relationship Id="rId2" Type="http://schemas.openxmlformats.org/officeDocument/2006/relationships/slideLayout" Target="../slideLayouts/slideLayout11.xml"/><Relationship Id="rId16" Type="http://schemas.openxmlformats.org/officeDocument/2006/relationships/image" Target="../media/image237.png"/><Relationship Id="rId1" Type="http://schemas.openxmlformats.org/officeDocument/2006/relationships/tags" Target="../tags/tag1.xml"/><Relationship Id="rId6" Type="http://schemas.openxmlformats.org/officeDocument/2006/relationships/image" Target="../media/image227.png"/><Relationship Id="rId11" Type="http://schemas.openxmlformats.org/officeDocument/2006/relationships/image" Target="../media/image232.png"/><Relationship Id="rId5" Type="http://schemas.openxmlformats.org/officeDocument/2006/relationships/image" Target="../media/image226.svg"/><Relationship Id="rId15" Type="http://schemas.openxmlformats.org/officeDocument/2006/relationships/image" Target="../media/image236.png"/><Relationship Id="rId10" Type="http://schemas.openxmlformats.org/officeDocument/2006/relationships/image" Target="../media/image231.svg"/><Relationship Id="rId19" Type="http://schemas.openxmlformats.org/officeDocument/2006/relationships/image" Target="../media/image240.png"/><Relationship Id="rId4" Type="http://schemas.openxmlformats.org/officeDocument/2006/relationships/image" Target="../media/image225.png"/><Relationship Id="rId9" Type="http://schemas.openxmlformats.org/officeDocument/2006/relationships/image" Target="../media/image230.png"/><Relationship Id="rId14" Type="http://schemas.openxmlformats.org/officeDocument/2006/relationships/image" Target="../media/image235.png"/></Relationships>
</file>

<file path=ppt/slides/_rels/slide19.xml.rels><?xml version="1.0" encoding="UTF-8" standalone="yes"?>
<Relationships xmlns="http://schemas.openxmlformats.org/package/2006/relationships"><Relationship Id="rId8" Type="http://schemas.openxmlformats.org/officeDocument/2006/relationships/image" Target="../media/image245.svg"/><Relationship Id="rId13" Type="http://schemas.openxmlformats.org/officeDocument/2006/relationships/image" Target="../media/image250.png"/><Relationship Id="rId18" Type="http://schemas.openxmlformats.org/officeDocument/2006/relationships/image" Target="../media/image254.png"/><Relationship Id="rId26" Type="http://schemas.openxmlformats.org/officeDocument/2006/relationships/image" Target="../media/image260.png"/><Relationship Id="rId3" Type="http://schemas.openxmlformats.org/officeDocument/2006/relationships/notesSlide" Target="../notesSlides/notesSlide1.xml"/><Relationship Id="rId21" Type="http://schemas.openxmlformats.org/officeDocument/2006/relationships/image" Target="../media/image257.png"/><Relationship Id="rId7" Type="http://schemas.openxmlformats.org/officeDocument/2006/relationships/image" Target="../media/image244.png"/><Relationship Id="rId12" Type="http://schemas.openxmlformats.org/officeDocument/2006/relationships/image" Target="../media/image249.svg"/><Relationship Id="rId17" Type="http://schemas.openxmlformats.org/officeDocument/2006/relationships/image" Target="../media/image253.png"/><Relationship Id="rId25" Type="http://schemas.openxmlformats.org/officeDocument/2006/relationships/image" Target="../media/image259.png"/><Relationship Id="rId2" Type="http://schemas.openxmlformats.org/officeDocument/2006/relationships/slideLayout" Target="../slideLayouts/slideLayout11.xml"/><Relationship Id="rId16" Type="http://schemas.openxmlformats.org/officeDocument/2006/relationships/image" Target="../media/image252.png"/><Relationship Id="rId20" Type="http://schemas.openxmlformats.org/officeDocument/2006/relationships/image" Target="../media/image256.png"/><Relationship Id="rId29" Type="http://schemas.openxmlformats.org/officeDocument/2006/relationships/image" Target="../media/image262.png"/><Relationship Id="rId1" Type="http://schemas.openxmlformats.org/officeDocument/2006/relationships/tags" Target="../tags/tag2.xml"/><Relationship Id="rId6" Type="http://schemas.openxmlformats.org/officeDocument/2006/relationships/image" Target="../media/image243.svg"/><Relationship Id="rId11" Type="http://schemas.openxmlformats.org/officeDocument/2006/relationships/image" Target="../media/image248.png"/><Relationship Id="rId24" Type="http://schemas.openxmlformats.org/officeDocument/2006/relationships/image" Target="../media/image258.png"/><Relationship Id="rId5" Type="http://schemas.openxmlformats.org/officeDocument/2006/relationships/image" Target="../media/image242.png"/><Relationship Id="rId15" Type="http://schemas.microsoft.com/office/2007/relationships/hdphoto" Target="../media/hdphoto5.wdp"/><Relationship Id="rId23" Type="http://schemas.openxmlformats.org/officeDocument/2006/relationships/image" Target="../media/image228.svg"/><Relationship Id="rId28" Type="http://schemas.openxmlformats.org/officeDocument/2006/relationships/image" Target="../media/image239.png"/><Relationship Id="rId10" Type="http://schemas.openxmlformats.org/officeDocument/2006/relationships/image" Target="../media/image247.svg"/><Relationship Id="rId19" Type="http://schemas.openxmlformats.org/officeDocument/2006/relationships/image" Target="../media/image255.png"/><Relationship Id="rId31" Type="http://schemas.openxmlformats.org/officeDocument/2006/relationships/image" Target="../media/image240.png"/><Relationship Id="rId4" Type="http://schemas.openxmlformats.org/officeDocument/2006/relationships/image" Target="../media/image241.png"/><Relationship Id="rId9" Type="http://schemas.openxmlformats.org/officeDocument/2006/relationships/image" Target="../media/image246.png"/><Relationship Id="rId14" Type="http://schemas.openxmlformats.org/officeDocument/2006/relationships/image" Target="../media/image251.png"/><Relationship Id="rId22" Type="http://schemas.openxmlformats.org/officeDocument/2006/relationships/image" Target="../media/image227.png"/><Relationship Id="rId27" Type="http://schemas.openxmlformats.org/officeDocument/2006/relationships/image" Target="../media/image261.png"/><Relationship Id="rId30" Type="http://schemas.openxmlformats.org/officeDocument/2006/relationships/image" Target="../media/image263.svg"/></Relationships>
</file>

<file path=ppt/slides/_rels/slide2.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slideLayout" Target="../slideLayouts/slideLayout9.xml"/><Relationship Id="rId1" Type="http://schemas.openxmlformats.org/officeDocument/2006/relationships/video" Target="https://www.youtube.com/embed/KRjhKMs0QmY?feature=oembed" TargetMode="External"/></Relationships>
</file>

<file path=ppt/slides/_rels/slide20.xml.rels><?xml version="1.0" encoding="UTF-8" standalone="yes"?>
<Relationships xmlns="http://schemas.openxmlformats.org/package/2006/relationships"><Relationship Id="rId8" Type="http://schemas.openxmlformats.org/officeDocument/2006/relationships/image" Target="../media/image245.svg"/><Relationship Id="rId13" Type="http://schemas.openxmlformats.org/officeDocument/2006/relationships/image" Target="../media/image227.png"/><Relationship Id="rId18" Type="http://schemas.openxmlformats.org/officeDocument/2006/relationships/image" Target="../media/image270.png"/><Relationship Id="rId3" Type="http://schemas.openxmlformats.org/officeDocument/2006/relationships/notesSlide" Target="../notesSlides/notesSlide2.xml"/><Relationship Id="rId21" Type="http://schemas.openxmlformats.org/officeDocument/2006/relationships/image" Target="../media/image239.png"/><Relationship Id="rId7" Type="http://schemas.openxmlformats.org/officeDocument/2006/relationships/image" Target="../media/image244.png"/><Relationship Id="rId12" Type="http://schemas.openxmlformats.org/officeDocument/2006/relationships/image" Target="../media/image249.svg"/><Relationship Id="rId17" Type="http://schemas.openxmlformats.org/officeDocument/2006/relationships/image" Target="../media/image269.png"/><Relationship Id="rId2" Type="http://schemas.openxmlformats.org/officeDocument/2006/relationships/slideLayout" Target="../slideLayouts/slideLayout11.xml"/><Relationship Id="rId16" Type="http://schemas.openxmlformats.org/officeDocument/2006/relationships/image" Target="../media/image268.png"/><Relationship Id="rId20" Type="http://schemas.openxmlformats.org/officeDocument/2006/relationships/image" Target="../media/image271.png"/><Relationship Id="rId1" Type="http://schemas.openxmlformats.org/officeDocument/2006/relationships/tags" Target="../tags/tag3.xml"/><Relationship Id="rId6" Type="http://schemas.openxmlformats.org/officeDocument/2006/relationships/image" Target="../media/image266.jpeg"/><Relationship Id="rId11" Type="http://schemas.openxmlformats.org/officeDocument/2006/relationships/image" Target="../media/image248.png"/><Relationship Id="rId5" Type="http://schemas.openxmlformats.org/officeDocument/2006/relationships/image" Target="../media/image265.png"/><Relationship Id="rId15" Type="http://schemas.openxmlformats.org/officeDocument/2006/relationships/image" Target="../media/image267.png"/><Relationship Id="rId10" Type="http://schemas.openxmlformats.org/officeDocument/2006/relationships/image" Target="../media/image247.svg"/><Relationship Id="rId19" Type="http://schemas.openxmlformats.org/officeDocument/2006/relationships/image" Target="../media/image238.png"/><Relationship Id="rId4" Type="http://schemas.openxmlformats.org/officeDocument/2006/relationships/image" Target="../media/image264.png"/><Relationship Id="rId9" Type="http://schemas.openxmlformats.org/officeDocument/2006/relationships/image" Target="../media/image246.png"/><Relationship Id="rId14" Type="http://schemas.openxmlformats.org/officeDocument/2006/relationships/image" Target="../media/image228.svg"/><Relationship Id="rId22" Type="http://schemas.openxmlformats.org/officeDocument/2006/relationships/image" Target="../media/image240.png"/></Relationships>
</file>

<file path=ppt/slides/_rels/slide21.xml.rels><?xml version="1.0" encoding="UTF-8" standalone="yes"?>
<Relationships xmlns="http://schemas.openxmlformats.org/package/2006/relationships"><Relationship Id="rId8" Type="http://schemas.openxmlformats.org/officeDocument/2006/relationships/image" Target="../media/image276.png"/><Relationship Id="rId13" Type="http://schemas.openxmlformats.org/officeDocument/2006/relationships/image" Target="../media/image227.png"/><Relationship Id="rId18" Type="http://schemas.openxmlformats.org/officeDocument/2006/relationships/image" Target="../media/image111.png"/><Relationship Id="rId3" Type="http://schemas.openxmlformats.org/officeDocument/2006/relationships/notesSlide" Target="../notesSlides/notesSlide3.xml"/><Relationship Id="rId7" Type="http://schemas.openxmlformats.org/officeDocument/2006/relationships/image" Target="../media/image275.png"/><Relationship Id="rId12" Type="http://schemas.microsoft.com/office/2007/relationships/hdphoto" Target="../media/hdphoto6.wdp"/><Relationship Id="rId17" Type="http://schemas.openxmlformats.org/officeDocument/2006/relationships/image" Target="../media/image239.png"/><Relationship Id="rId2" Type="http://schemas.openxmlformats.org/officeDocument/2006/relationships/slideLayout" Target="../slideLayouts/slideLayout11.xml"/><Relationship Id="rId16" Type="http://schemas.openxmlformats.org/officeDocument/2006/relationships/image" Target="../media/image280.svg"/><Relationship Id="rId20" Type="http://schemas.openxmlformats.org/officeDocument/2006/relationships/image" Target="../media/image240.png"/><Relationship Id="rId1" Type="http://schemas.openxmlformats.org/officeDocument/2006/relationships/tags" Target="../tags/tag4.xml"/><Relationship Id="rId6" Type="http://schemas.openxmlformats.org/officeDocument/2006/relationships/image" Target="../media/image274.svg"/><Relationship Id="rId11" Type="http://schemas.openxmlformats.org/officeDocument/2006/relationships/image" Target="../media/image279.png"/><Relationship Id="rId5" Type="http://schemas.openxmlformats.org/officeDocument/2006/relationships/image" Target="../media/image273.png"/><Relationship Id="rId15" Type="http://schemas.openxmlformats.org/officeDocument/2006/relationships/image" Target="../media/image230.png"/><Relationship Id="rId10" Type="http://schemas.openxmlformats.org/officeDocument/2006/relationships/image" Target="../media/image278.png"/><Relationship Id="rId19" Type="http://schemas.openxmlformats.org/officeDocument/2006/relationships/image" Target="../media/image112.svg"/><Relationship Id="rId4" Type="http://schemas.openxmlformats.org/officeDocument/2006/relationships/image" Target="../media/image272.jpeg"/><Relationship Id="rId9" Type="http://schemas.openxmlformats.org/officeDocument/2006/relationships/image" Target="../media/image277.png"/><Relationship Id="rId14" Type="http://schemas.openxmlformats.org/officeDocument/2006/relationships/image" Target="../media/image228.svg"/></Relationships>
</file>

<file path=ppt/slides/_rels/slide22.xml.rels><?xml version="1.0" encoding="UTF-8" standalone="yes"?>
<Relationships xmlns="http://schemas.openxmlformats.org/package/2006/relationships"><Relationship Id="rId3" Type="http://schemas.openxmlformats.org/officeDocument/2006/relationships/image" Target="../media/image282.png"/><Relationship Id="rId2" Type="http://schemas.openxmlformats.org/officeDocument/2006/relationships/image" Target="../media/image281.jpeg"/><Relationship Id="rId1" Type="http://schemas.openxmlformats.org/officeDocument/2006/relationships/slideLayout" Target="../slideLayouts/slideLayout5.xml"/></Relationships>
</file>

<file path=ppt/slides/_rels/slide3.xml.rels><?xml version="1.0" encoding="UTF-8" standalone="yes"?>
<Relationships xmlns="http://schemas.openxmlformats.org/package/2006/relationships"><Relationship Id="rId8" Type="http://schemas.openxmlformats.org/officeDocument/2006/relationships/image" Target="../media/image24.png"/><Relationship Id="rId13" Type="http://schemas.openxmlformats.org/officeDocument/2006/relationships/image" Target="../media/image29.svg"/><Relationship Id="rId18" Type="http://schemas.openxmlformats.org/officeDocument/2006/relationships/image" Target="../media/image34.png"/><Relationship Id="rId26" Type="http://schemas.openxmlformats.org/officeDocument/2006/relationships/image" Target="../media/image42.png"/><Relationship Id="rId3" Type="http://schemas.openxmlformats.org/officeDocument/2006/relationships/image" Target="../media/image19.svg"/><Relationship Id="rId21" Type="http://schemas.openxmlformats.org/officeDocument/2006/relationships/image" Target="../media/image37.svg"/><Relationship Id="rId7" Type="http://schemas.openxmlformats.org/officeDocument/2006/relationships/image" Target="../media/image23.svg"/><Relationship Id="rId12" Type="http://schemas.openxmlformats.org/officeDocument/2006/relationships/image" Target="../media/image28.png"/><Relationship Id="rId17" Type="http://schemas.openxmlformats.org/officeDocument/2006/relationships/image" Target="../media/image33.svg"/><Relationship Id="rId25" Type="http://schemas.openxmlformats.org/officeDocument/2006/relationships/image" Target="../media/image41.jpeg"/><Relationship Id="rId2" Type="http://schemas.openxmlformats.org/officeDocument/2006/relationships/image" Target="../media/image18.png"/><Relationship Id="rId16" Type="http://schemas.openxmlformats.org/officeDocument/2006/relationships/image" Target="../media/image32.png"/><Relationship Id="rId20" Type="http://schemas.openxmlformats.org/officeDocument/2006/relationships/image" Target="../media/image36.png"/><Relationship Id="rId29" Type="http://schemas.openxmlformats.org/officeDocument/2006/relationships/image" Target="../media/image45.jpeg"/><Relationship Id="rId1" Type="http://schemas.openxmlformats.org/officeDocument/2006/relationships/slideLayout" Target="../slideLayouts/slideLayout10.xml"/><Relationship Id="rId6" Type="http://schemas.openxmlformats.org/officeDocument/2006/relationships/image" Target="../media/image22.png"/><Relationship Id="rId11" Type="http://schemas.openxmlformats.org/officeDocument/2006/relationships/image" Target="../media/image27.svg"/><Relationship Id="rId24" Type="http://schemas.openxmlformats.org/officeDocument/2006/relationships/image" Target="../media/image40.jpeg"/><Relationship Id="rId5" Type="http://schemas.openxmlformats.org/officeDocument/2006/relationships/image" Target="../media/image21.svg"/><Relationship Id="rId15" Type="http://schemas.openxmlformats.org/officeDocument/2006/relationships/image" Target="../media/image31.svg"/><Relationship Id="rId23" Type="http://schemas.openxmlformats.org/officeDocument/2006/relationships/image" Target="../media/image39.jpeg"/><Relationship Id="rId28" Type="http://schemas.openxmlformats.org/officeDocument/2006/relationships/image" Target="../media/image44.png"/><Relationship Id="rId10" Type="http://schemas.openxmlformats.org/officeDocument/2006/relationships/image" Target="../media/image26.png"/><Relationship Id="rId19" Type="http://schemas.openxmlformats.org/officeDocument/2006/relationships/image" Target="../media/image35.svg"/><Relationship Id="rId4" Type="http://schemas.openxmlformats.org/officeDocument/2006/relationships/image" Target="../media/image20.png"/><Relationship Id="rId9" Type="http://schemas.openxmlformats.org/officeDocument/2006/relationships/image" Target="../media/image25.svg"/><Relationship Id="rId14" Type="http://schemas.openxmlformats.org/officeDocument/2006/relationships/image" Target="../media/image30.png"/><Relationship Id="rId22" Type="http://schemas.openxmlformats.org/officeDocument/2006/relationships/image" Target="../media/image38.png"/><Relationship Id="rId27" Type="http://schemas.openxmlformats.org/officeDocument/2006/relationships/image" Target="../media/image43.png"/></Relationships>
</file>

<file path=ppt/slides/_rels/slide4.xml.rels><?xml version="1.0" encoding="UTF-8" standalone="yes"?>
<Relationships xmlns="http://schemas.openxmlformats.org/package/2006/relationships"><Relationship Id="rId13" Type="http://schemas.openxmlformats.org/officeDocument/2006/relationships/image" Target="../media/image57.jpeg"/><Relationship Id="rId18" Type="http://schemas.openxmlformats.org/officeDocument/2006/relationships/image" Target="../media/image62.png"/><Relationship Id="rId26" Type="http://schemas.openxmlformats.org/officeDocument/2006/relationships/image" Target="../media/image70.jpeg"/><Relationship Id="rId39" Type="http://schemas.openxmlformats.org/officeDocument/2006/relationships/image" Target="../media/image83.png"/><Relationship Id="rId21" Type="http://schemas.openxmlformats.org/officeDocument/2006/relationships/image" Target="../media/image65.png"/><Relationship Id="rId34" Type="http://schemas.openxmlformats.org/officeDocument/2006/relationships/image" Target="../media/image78.jpeg"/><Relationship Id="rId42" Type="http://schemas.openxmlformats.org/officeDocument/2006/relationships/image" Target="../media/image86.jpeg"/><Relationship Id="rId47" Type="http://schemas.openxmlformats.org/officeDocument/2006/relationships/image" Target="../media/image91.png"/><Relationship Id="rId50" Type="http://schemas.openxmlformats.org/officeDocument/2006/relationships/image" Target="../media/image94.png"/><Relationship Id="rId55" Type="http://schemas.openxmlformats.org/officeDocument/2006/relationships/image" Target="../media/image99.png"/><Relationship Id="rId7" Type="http://schemas.openxmlformats.org/officeDocument/2006/relationships/image" Target="../media/image51.png"/><Relationship Id="rId2" Type="http://schemas.openxmlformats.org/officeDocument/2006/relationships/image" Target="../media/image46.png"/><Relationship Id="rId16" Type="http://schemas.openxmlformats.org/officeDocument/2006/relationships/image" Target="../media/image60.png"/><Relationship Id="rId29" Type="http://schemas.openxmlformats.org/officeDocument/2006/relationships/image" Target="../media/image73.png"/><Relationship Id="rId11" Type="http://schemas.openxmlformats.org/officeDocument/2006/relationships/image" Target="../media/image55.png"/><Relationship Id="rId24" Type="http://schemas.openxmlformats.org/officeDocument/2006/relationships/image" Target="../media/image68.png"/><Relationship Id="rId32" Type="http://schemas.openxmlformats.org/officeDocument/2006/relationships/image" Target="../media/image76.jpeg"/><Relationship Id="rId37" Type="http://schemas.openxmlformats.org/officeDocument/2006/relationships/image" Target="../media/image81.png"/><Relationship Id="rId40" Type="http://schemas.openxmlformats.org/officeDocument/2006/relationships/image" Target="../media/image84.jpeg"/><Relationship Id="rId45" Type="http://schemas.openxmlformats.org/officeDocument/2006/relationships/image" Target="../media/image89.png"/><Relationship Id="rId53" Type="http://schemas.openxmlformats.org/officeDocument/2006/relationships/image" Target="../media/image97.png"/><Relationship Id="rId58" Type="http://schemas.openxmlformats.org/officeDocument/2006/relationships/image" Target="../media/image102.svg"/><Relationship Id="rId5" Type="http://schemas.openxmlformats.org/officeDocument/2006/relationships/image" Target="../media/image49.jpeg"/><Relationship Id="rId61" Type="http://schemas.openxmlformats.org/officeDocument/2006/relationships/image" Target="../media/image105.svg"/><Relationship Id="rId19" Type="http://schemas.openxmlformats.org/officeDocument/2006/relationships/image" Target="../media/image63.png"/><Relationship Id="rId14" Type="http://schemas.openxmlformats.org/officeDocument/2006/relationships/image" Target="../media/image58.png"/><Relationship Id="rId22" Type="http://schemas.openxmlformats.org/officeDocument/2006/relationships/image" Target="../media/image66.png"/><Relationship Id="rId27" Type="http://schemas.openxmlformats.org/officeDocument/2006/relationships/image" Target="../media/image71.png"/><Relationship Id="rId30" Type="http://schemas.openxmlformats.org/officeDocument/2006/relationships/image" Target="../media/image74.png"/><Relationship Id="rId35" Type="http://schemas.openxmlformats.org/officeDocument/2006/relationships/image" Target="../media/image79.jpeg"/><Relationship Id="rId43" Type="http://schemas.openxmlformats.org/officeDocument/2006/relationships/image" Target="../media/image87.png"/><Relationship Id="rId48" Type="http://schemas.openxmlformats.org/officeDocument/2006/relationships/image" Target="../media/image92.jpeg"/><Relationship Id="rId56" Type="http://schemas.openxmlformats.org/officeDocument/2006/relationships/image" Target="../media/image100.svg"/><Relationship Id="rId8" Type="http://schemas.openxmlformats.org/officeDocument/2006/relationships/image" Target="../media/image52.png"/><Relationship Id="rId51" Type="http://schemas.openxmlformats.org/officeDocument/2006/relationships/image" Target="../media/image95.jpeg"/><Relationship Id="rId3" Type="http://schemas.openxmlformats.org/officeDocument/2006/relationships/image" Target="../media/image47.png"/><Relationship Id="rId12" Type="http://schemas.openxmlformats.org/officeDocument/2006/relationships/image" Target="../media/image56.png"/><Relationship Id="rId17" Type="http://schemas.openxmlformats.org/officeDocument/2006/relationships/image" Target="../media/image61.png"/><Relationship Id="rId25" Type="http://schemas.openxmlformats.org/officeDocument/2006/relationships/image" Target="../media/image69.gif"/><Relationship Id="rId33" Type="http://schemas.openxmlformats.org/officeDocument/2006/relationships/image" Target="../media/image77.png"/><Relationship Id="rId38" Type="http://schemas.openxmlformats.org/officeDocument/2006/relationships/image" Target="../media/image82.png"/><Relationship Id="rId46" Type="http://schemas.openxmlformats.org/officeDocument/2006/relationships/image" Target="../media/image90.png"/><Relationship Id="rId59" Type="http://schemas.openxmlformats.org/officeDocument/2006/relationships/image" Target="../media/image103.png"/><Relationship Id="rId20" Type="http://schemas.openxmlformats.org/officeDocument/2006/relationships/image" Target="../media/image64.png"/><Relationship Id="rId41" Type="http://schemas.openxmlformats.org/officeDocument/2006/relationships/image" Target="../media/image85.png"/><Relationship Id="rId54" Type="http://schemas.openxmlformats.org/officeDocument/2006/relationships/image" Target="../media/image98.jpeg"/><Relationship Id="rId1" Type="http://schemas.openxmlformats.org/officeDocument/2006/relationships/slideLayout" Target="../slideLayouts/slideLayout10.xml"/><Relationship Id="rId6" Type="http://schemas.openxmlformats.org/officeDocument/2006/relationships/image" Target="../media/image50.png"/><Relationship Id="rId15" Type="http://schemas.openxmlformats.org/officeDocument/2006/relationships/image" Target="../media/image59.png"/><Relationship Id="rId23" Type="http://schemas.openxmlformats.org/officeDocument/2006/relationships/image" Target="../media/image67.png"/><Relationship Id="rId28" Type="http://schemas.openxmlformats.org/officeDocument/2006/relationships/image" Target="../media/image72.png"/><Relationship Id="rId36" Type="http://schemas.openxmlformats.org/officeDocument/2006/relationships/image" Target="../media/image80.gif"/><Relationship Id="rId49" Type="http://schemas.openxmlformats.org/officeDocument/2006/relationships/image" Target="../media/image93.jpeg"/><Relationship Id="rId57" Type="http://schemas.openxmlformats.org/officeDocument/2006/relationships/image" Target="../media/image101.png"/><Relationship Id="rId10" Type="http://schemas.openxmlformats.org/officeDocument/2006/relationships/image" Target="../media/image54.png"/><Relationship Id="rId31" Type="http://schemas.openxmlformats.org/officeDocument/2006/relationships/image" Target="../media/image75.png"/><Relationship Id="rId44" Type="http://schemas.openxmlformats.org/officeDocument/2006/relationships/image" Target="../media/image88.png"/><Relationship Id="rId52" Type="http://schemas.openxmlformats.org/officeDocument/2006/relationships/image" Target="../media/image96.png"/><Relationship Id="rId60" Type="http://schemas.openxmlformats.org/officeDocument/2006/relationships/image" Target="../media/image104.png"/><Relationship Id="rId4" Type="http://schemas.openxmlformats.org/officeDocument/2006/relationships/image" Target="../media/image48.png"/><Relationship Id="rId9" Type="http://schemas.openxmlformats.org/officeDocument/2006/relationships/image" Target="../media/image53.png"/></Relationships>
</file>

<file path=ppt/slides/_rels/slide5.xml.rels><?xml version="1.0" encoding="UTF-8" standalone="yes"?>
<Relationships xmlns="http://schemas.openxmlformats.org/package/2006/relationships"><Relationship Id="rId8" Type="http://schemas.openxmlformats.org/officeDocument/2006/relationships/image" Target="../media/image112.svg"/><Relationship Id="rId13" Type="http://schemas.openxmlformats.org/officeDocument/2006/relationships/image" Target="../media/image117.png"/><Relationship Id="rId18" Type="http://schemas.openxmlformats.org/officeDocument/2006/relationships/image" Target="../media/image122.png"/><Relationship Id="rId3" Type="http://schemas.openxmlformats.org/officeDocument/2006/relationships/image" Target="../media/image107.png"/><Relationship Id="rId21" Type="http://schemas.openxmlformats.org/officeDocument/2006/relationships/image" Target="../media/image125.png"/><Relationship Id="rId7" Type="http://schemas.openxmlformats.org/officeDocument/2006/relationships/image" Target="../media/image111.png"/><Relationship Id="rId12" Type="http://schemas.openxmlformats.org/officeDocument/2006/relationships/image" Target="../media/image116.jpeg"/><Relationship Id="rId17" Type="http://schemas.openxmlformats.org/officeDocument/2006/relationships/image" Target="../media/image121.png"/><Relationship Id="rId25" Type="http://schemas.openxmlformats.org/officeDocument/2006/relationships/image" Target="../media/image129.png"/><Relationship Id="rId2" Type="http://schemas.openxmlformats.org/officeDocument/2006/relationships/image" Target="../media/image106.png"/><Relationship Id="rId16" Type="http://schemas.openxmlformats.org/officeDocument/2006/relationships/image" Target="../media/image120.svg"/><Relationship Id="rId20" Type="http://schemas.openxmlformats.org/officeDocument/2006/relationships/image" Target="../media/image124.png"/><Relationship Id="rId1" Type="http://schemas.openxmlformats.org/officeDocument/2006/relationships/slideLayout" Target="../slideLayouts/slideLayout10.xml"/><Relationship Id="rId6" Type="http://schemas.openxmlformats.org/officeDocument/2006/relationships/image" Target="../media/image110.png"/><Relationship Id="rId11" Type="http://schemas.openxmlformats.org/officeDocument/2006/relationships/image" Target="../media/image115.png"/><Relationship Id="rId24" Type="http://schemas.openxmlformats.org/officeDocument/2006/relationships/image" Target="../media/image128.png"/><Relationship Id="rId5" Type="http://schemas.openxmlformats.org/officeDocument/2006/relationships/image" Target="../media/image109.png"/><Relationship Id="rId15" Type="http://schemas.openxmlformats.org/officeDocument/2006/relationships/image" Target="../media/image119.png"/><Relationship Id="rId23" Type="http://schemas.openxmlformats.org/officeDocument/2006/relationships/image" Target="../media/image127.png"/><Relationship Id="rId10" Type="http://schemas.openxmlformats.org/officeDocument/2006/relationships/image" Target="../media/image114.png"/><Relationship Id="rId19" Type="http://schemas.openxmlformats.org/officeDocument/2006/relationships/image" Target="../media/image123.png"/><Relationship Id="rId4" Type="http://schemas.openxmlformats.org/officeDocument/2006/relationships/image" Target="../media/image108.png"/><Relationship Id="rId9" Type="http://schemas.openxmlformats.org/officeDocument/2006/relationships/image" Target="../media/image113.png"/><Relationship Id="rId14" Type="http://schemas.openxmlformats.org/officeDocument/2006/relationships/image" Target="../media/image118.png"/><Relationship Id="rId22" Type="http://schemas.openxmlformats.org/officeDocument/2006/relationships/image" Target="../media/image126.png"/></Relationships>
</file>

<file path=ppt/slides/_rels/slide6.xml.rels><?xml version="1.0" encoding="UTF-8" standalone="yes"?>
<Relationships xmlns="http://schemas.openxmlformats.org/package/2006/relationships"><Relationship Id="rId8" Type="http://schemas.openxmlformats.org/officeDocument/2006/relationships/image" Target="../media/image136.png"/><Relationship Id="rId13" Type="http://schemas.openxmlformats.org/officeDocument/2006/relationships/image" Target="../media/image141.svg"/><Relationship Id="rId3" Type="http://schemas.openxmlformats.org/officeDocument/2006/relationships/image" Target="../media/image131.svg"/><Relationship Id="rId7" Type="http://schemas.openxmlformats.org/officeDocument/2006/relationships/image" Target="../media/image135.svg"/><Relationship Id="rId12" Type="http://schemas.openxmlformats.org/officeDocument/2006/relationships/image" Target="../media/image140.png"/><Relationship Id="rId2" Type="http://schemas.openxmlformats.org/officeDocument/2006/relationships/image" Target="../media/image130.png"/><Relationship Id="rId1" Type="http://schemas.openxmlformats.org/officeDocument/2006/relationships/slideLayout" Target="../slideLayouts/slideLayout10.xml"/><Relationship Id="rId6" Type="http://schemas.openxmlformats.org/officeDocument/2006/relationships/image" Target="../media/image134.png"/><Relationship Id="rId11" Type="http://schemas.openxmlformats.org/officeDocument/2006/relationships/image" Target="../media/image139.svg"/><Relationship Id="rId5" Type="http://schemas.openxmlformats.org/officeDocument/2006/relationships/image" Target="../media/image133.svg"/><Relationship Id="rId10" Type="http://schemas.openxmlformats.org/officeDocument/2006/relationships/image" Target="../media/image138.png"/><Relationship Id="rId4" Type="http://schemas.openxmlformats.org/officeDocument/2006/relationships/image" Target="../media/image132.png"/><Relationship Id="rId9" Type="http://schemas.openxmlformats.org/officeDocument/2006/relationships/image" Target="../media/image137.svg"/></Relationships>
</file>

<file path=ppt/slides/_rels/slide7.xml.rels><?xml version="1.0" encoding="UTF-8" standalone="yes"?>
<Relationships xmlns="http://schemas.openxmlformats.org/package/2006/relationships"><Relationship Id="rId8" Type="http://schemas.openxmlformats.org/officeDocument/2006/relationships/image" Target="../media/image148.jpeg"/><Relationship Id="rId3" Type="http://schemas.openxmlformats.org/officeDocument/2006/relationships/image" Target="../media/image143.jpeg"/><Relationship Id="rId7" Type="http://schemas.openxmlformats.org/officeDocument/2006/relationships/image" Target="../media/image147.jpeg"/><Relationship Id="rId2" Type="http://schemas.openxmlformats.org/officeDocument/2006/relationships/image" Target="../media/image142.jpeg"/><Relationship Id="rId1" Type="http://schemas.openxmlformats.org/officeDocument/2006/relationships/slideLayout" Target="../slideLayouts/slideLayout10.xml"/><Relationship Id="rId6" Type="http://schemas.openxmlformats.org/officeDocument/2006/relationships/image" Target="../media/image146.png"/><Relationship Id="rId11" Type="http://schemas.microsoft.com/office/2007/relationships/hdphoto" Target="../media/hdphoto3.wdp"/><Relationship Id="rId5" Type="http://schemas.openxmlformats.org/officeDocument/2006/relationships/image" Target="../media/image145.svg"/><Relationship Id="rId10" Type="http://schemas.openxmlformats.org/officeDocument/2006/relationships/image" Target="../media/image150.png"/><Relationship Id="rId4" Type="http://schemas.openxmlformats.org/officeDocument/2006/relationships/image" Target="../media/image144.png"/><Relationship Id="rId9" Type="http://schemas.openxmlformats.org/officeDocument/2006/relationships/image" Target="../media/image149.png"/></Relationships>
</file>

<file path=ppt/slides/_rels/slide8.xml.rels><?xml version="1.0" encoding="UTF-8" standalone="yes"?>
<Relationships xmlns="http://schemas.openxmlformats.org/package/2006/relationships"><Relationship Id="rId8" Type="http://schemas.openxmlformats.org/officeDocument/2006/relationships/image" Target="../media/image157.svg"/><Relationship Id="rId13" Type="http://schemas.openxmlformats.org/officeDocument/2006/relationships/image" Target="../media/image162.png"/><Relationship Id="rId3" Type="http://schemas.openxmlformats.org/officeDocument/2006/relationships/image" Target="../media/image152.png"/><Relationship Id="rId7" Type="http://schemas.openxmlformats.org/officeDocument/2006/relationships/image" Target="../media/image156.png"/><Relationship Id="rId12" Type="http://schemas.openxmlformats.org/officeDocument/2006/relationships/image" Target="../media/image161.svg"/><Relationship Id="rId2" Type="http://schemas.openxmlformats.org/officeDocument/2006/relationships/image" Target="../media/image151.jpeg"/><Relationship Id="rId1" Type="http://schemas.openxmlformats.org/officeDocument/2006/relationships/slideLayout" Target="../slideLayouts/slideLayout10.xml"/><Relationship Id="rId6" Type="http://schemas.openxmlformats.org/officeDocument/2006/relationships/image" Target="../media/image155.svg"/><Relationship Id="rId11" Type="http://schemas.openxmlformats.org/officeDocument/2006/relationships/image" Target="../media/image160.png"/><Relationship Id="rId5" Type="http://schemas.openxmlformats.org/officeDocument/2006/relationships/image" Target="../media/image154.png"/><Relationship Id="rId10" Type="http://schemas.openxmlformats.org/officeDocument/2006/relationships/image" Target="../media/image159.svg"/><Relationship Id="rId4" Type="http://schemas.openxmlformats.org/officeDocument/2006/relationships/image" Target="../media/image153.svg"/><Relationship Id="rId9" Type="http://schemas.openxmlformats.org/officeDocument/2006/relationships/image" Target="../media/image158.png"/><Relationship Id="rId14" Type="http://schemas.openxmlformats.org/officeDocument/2006/relationships/image" Target="../media/image163.svg"/></Relationships>
</file>

<file path=ppt/slides/_rels/slide9.xml.rels><?xml version="1.0" encoding="UTF-8" standalone="yes"?>
<Relationships xmlns="http://schemas.openxmlformats.org/package/2006/relationships"><Relationship Id="rId8" Type="http://schemas.openxmlformats.org/officeDocument/2006/relationships/image" Target="../media/image169.svg"/><Relationship Id="rId13" Type="http://schemas.openxmlformats.org/officeDocument/2006/relationships/image" Target="../media/image174.png"/><Relationship Id="rId3" Type="http://schemas.openxmlformats.org/officeDocument/2006/relationships/image" Target="../media/image164.png"/><Relationship Id="rId7" Type="http://schemas.openxmlformats.org/officeDocument/2006/relationships/image" Target="../media/image168.png"/><Relationship Id="rId12" Type="http://schemas.openxmlformats.org/officeDocument/2006/relationships/image" Target="../media/image173.svg"/><Relationship Id="rId2" Type="http://schemas.openxmlformats.org/officeDocument/2006/relationships/image" Target="../media/image151.jpeg"/><Relationship Id="rId1" Type="http://schemas.openxmlformats.org/officeDocument/2006/relationships/slideLayout" Target="../slideLayouts/slideLayout10.xml"/><Relationship Id="rId6" Type="http://schemas.openxmlformats.org/officeDocument/2006/relationships/image" Target="../media/image167.svg"/><Relationship Id="rId11" Type="http://schemas.openxmlformats.org/officeDocument/2006/relationships/image" Target="../media/image172.png"/><Relationship Id="rId5" Type="http://schemas.openxmlformats.org/officeDocument/2006/relationships/image" Target="../media/image166.png"/><Relationship Id="rId10" Type="http://schemas.openxmlformats.org/officeDocument/2006/relationships/image" Target="../media/image171.svg"/><Relationship Id="rId4" Type="http://schemas.openxmlformats.org/officeDocument/2006/relationships/image" Target="../media/image165.svg"/><Relationship Id="rId9" Type="http://schemas.openxmlformats.org/officeDocument/2006/relationships/image" Target="../media/image170.png"/><Relationship Id="rId14" Type="http://schemas.openxmlformats.org/officeDocument/2006/relationships/image" Target="../media/image175.sv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Subtitle 2">
            <a:extLst>
              <a:ext uri="{FF2B5EF4-FFF2-40B4-BE49-F238E27FC236}">
                <a16:creationId xmlns:a16="http://schemas.microsoft.com/office/drawing/2014/main" id="{87797DCB-FAFB-33E6-F8AD-F7BC3F1105B2}"/>
              </a:ext>
            </a:extLst>
          </p:cNvPr>
          <p:cNvSpPr>
            <a:spLocks noGrp="1"/>
          </p:cNvSpPr>
          <p:nvPr>
            <p:ph type="subTitle" idx="1"/>
          </p:nvPr>
        </p:nvSpPr>
        <p:spPr>
          <a:xfrm>
            <a:off x="460194" y="5716227"/>
            <a:ext cx="2693553" cy="1059225"/>
          </a:xfrm>
          <a:noFill/>
        </p:spPr>
        <p:txBody>
          <a:bodyPr>
            <a:noAutofit/>
          </a:bodyPr>
          <a:lstStyle/>
          <a:p>
            <a:pPr>
              <a:lnSpc>
                <a:spcPct val="100000"/>
              </a:lnSpc>
              <a:spcBef>
                <a:spcPts val="0"/>
              </a:spcBef>
            </a:pPr>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Mohit Chaturvedi</a:t>
            </a:r>
          </a:p>
          <a:p>
            <a:pPr>
              <a:lnSpc>
                <a:spcPct val="100000"/>
              </a:lnSpc>
              <a:spcBef>
                <a:spcPts val="0"/>
              </a:spcBef>
            </a:pPr>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VP, Strategic Accounts</a:t>
            </a:r>
          </a:p>
          <a:p>
            <a:pPr>
              <a:lnSpc>
                <a:spcPct val="100000"/>
              </a:lnSpc>
              <a:spcBef>
                <a:spcPts val="0"/>
              </a:spcBef>
            </a:pPr>
            <a:r>
              <a:rPr lang="en-US" sz="1200">
                <a:solidFill>
                  <a:schemeClr val="bg1"/>
                </a:solidFill>
                <a:latin typeface="Roboto" panose="02000000000000000000" pitchFamily="2" charset="0"/>
                <a:ea typeface="Roboto" panose="02000000000000000000" pitchFamily="2" charset="0"/>
                <a:cs typeface="Roboto" panose="02000000000000000000" pitchFamily="2" charset="0"/>
              </a:rPr>
              <a:t>Mohit.Chaturvedi@aptaracorp.com           </a:t>
            </a:r>
          </a:p>
          <a:p>
            <a:pPr>
              <a:lnSpc>
                <a:spcPct val="100000"/>
              </a:lnSpc>
              <a:spcBef>
                <a:spcPts val="0"/>
              </a:spcBef>
            </a:pPr>
            <a:r>
              <a:rPr lang="en-US" sz="1200" b="1">
                <a:solidFill>
                  <a:schemeClr val="bg1"/>
                </a:solidFill>
                <a:latin typeface="Roboto" panose="02000000000000000000" pitchFamily="2" charset="0"/>
                <a:ea typeface="Roboto" panose="02000000000000000000" pitchFamily="2" charset="0"/>
                <a:cs typeface="Roboto" panose="02000000000000000000" pitchFamily="2" charset="0"/>
              </a:rPr>
              <a:t>+1.206.227.5861</a:t>
            </a:r>
          </a:p>
        </p:txBody>
      </p:sp>
      <p:sp>
        <p:nvSpPr>
          <p:cNvPr id="8" name="Title 1">
            <a:extLst>
              <a:ext uri="{FF2B5EF4-FFF2-40B4-BE49-F238E27FC236}">
                <a16:creationId xmlns:a16="http://schemas.microsoft.com/office/drawing/2014/main" id="{57670A02-824A-1CE0-D154-3DED75B1C7D8}"/>
              </a:ext>
            </a:extLst>
          </p:cNvPr>
          <p:cNvSpPr>
            <a:spLocks noGrp="1"/>
          </p:cNvSpPr>
          <p:nvPr>
            <p:ph type="ctrTitle"/>
          </p:nvPr>
        </p:nvSpPr>
        <p:spPr>
          <a:xfrm>
            <a:off x="460194" y="1515169"/>
            <a:ext cx="5362575" cy="706220"/>
          </a:xfrm>
        </p:spPr>
        <p:txBody>
          <a:bodyPr anchor="t">
            <a:normAutofit/>
          </a:bodyPr>
          <a:lstStyle/>
          <a:p>
            <a:pPr algn="l">
              <a:lnSpc>
                <a:spcPct val="100000"/>
              </a:lnSpc>
            </a:pPr>
            <a:r>
              <a:rPr lang="en-US" sz="4000" b="1">
                <a:solidFill>
                  <a:srgbClr val="229ED9"/>
                </a:solidFill>
              </a:rPr>
              <a:t>CAPABILITIES</a:t>
            </a:r>
            <a:endParaRPr lang="en-IN" sz="4000" b="1" i="1">
              <a:solidFill>
                <a:srgbClr val="229ED9"/>
              </a:solidFill>
            </a:endParaRPr>
          </a:p>
        </p:txBody>
      </p:sp>
      <p:sp>
        <p:nvSpPr>
          <p:cNvPr id="5" name="Title 1">
            <a:extLst>
              <a:ext uri="{FF2B5EF4-FFF2-40B4-BE49-F238E27FC236}">
                <a16:creationId xmlns:a16="http://schemas.microsoft.com/office/drawing/2014/main" id="{E7E0F142-A100-6AD2-03E5-F1F3556B613D}"/>
              </a:ext>
            </a:extLst>
          </p:cNvPr>
          <p:cNvSpPr txBox="1">
            <a:spLocks/>
          </p:cNvSpPr>
          <p:nvPr/>
        </p:nvSpPr>
        <p:spPr>
          <a:xfrm>
            <a:off x="460194" y="2062593"/>
            <a:ext cx="4390481" cy="904999"/>
          </a:xfrm>
          <a:prstGeom prst="rect">
            <a:avLst/>
          </a:prstGeom>
        </p:spPr>
        <p:txBody>
          <a:bodyPr vert="horz" lIns="91440" tIns="45720" rIns="91440" bIns="45720" rtlCol="0" anchor="t">
            <a:normAutofit/>
          </a:bodyPr>
          <a:lstStyle>
            <a:lvl1pPr algn="l" defTabSz="914400" rtl="0" eaLnBrk="1" latinLnBrk="0" hangingPunct="1">
              <a:lnSpc>
                <a:spcPct val="90000"/>
              </a:lnSpc>
              <a:spcBef>
                <a:spcPct val="0"/>
              </a:spcBef>
              <a:buNone/>
              <a:defRPr sz="4800" kern="1200">
                <a:solidFill>
                  <a:schemeClr val="tx1"/>
                </a:solidFill>
                <a:latin typeface="Roboto" panose="02000000000000000000" pitchFamily="2" charset="0"/>
                <a:ea typeface="Roboto" panose="02000000000000000000" pitchFamily="2" charset="0"/>
                <a:cs typeface="Roboto" panose="02000000000000000000" pitchFamily="2" charset="0"/>
              </a:defRPr>
            </a:lvl1pPr>
          </a:lstStyle>
          <a:p>
            <a:pPr>
              <a:lnSpc>
                <a:spcPct val="100000"/>
              </a:lnSpc>
            </a:pPr>
            <a:r>
              <a:rPr lang="en-US" sz="4000" b="1">
                <a:solidFill>
                  <a:srgbClr val="003E58"/>
                </a:solidFill>
              </a:rPr>
              <a:t>PRESENTATION</a:t>
            </a:r>
            <a:endParaRPr lang="en-IN" sz="4000" b="1" i="1">
              <a:solidFill>
                <a:srgbClr val="003E58"/>
              </a:solidFill>
            </a:endParaRPr>
          </a:p>
        </p:txBody>
      </p:sp>
      <p:pic>
        <p:nvPicPr>
          <p:cNvPr id="14" name="Picture 13" descr="A blue and grey logo&#10;&#10;Description automatically generated">
            <a:extLst>
              <a:ext uri="{FF2B5EF4-FFF2-40B4-BE49-F238E27FC236}">
                <a16:creationId xmlns:a16="http://schemas.microsoft.com/office/drawing/2014/main" id="{11759244-CA20-3372-B46D-D7D7C0C25670}"/>
              </a:ext>
            </a:extLst>
          </p:cNvPr>
          <p:cNvPicPr>
            <a:picLocks noChangeAspect="1"/>
          </p:cNvPicPr>
          <p:nvPr/>
        </p:nvPicPr>
        <p:blipFill>
          <a:blip r:embed="rId2" cstate="screen">
            <a:extLst>
              <a:ext uri="{28A0092B-C50C-407E-A947-70E740481C1C}">
                <a14:useLocalDpi xmlns:a14="http://schemas.microsoft.com/office/drawing/2010/main"/>
              </a:ext>
            </a:extLst>
          </a:blip>
          <a:stretch>
            <a:fillRect/>
          </a:stretch>
        </p:blipFill>
        <p:spPr>
          <a:xfrm>
            <a:off x="460194" y="612160"/>
            <a:ext cx="1747562" cy="524268"/>
          </a:xfrm>
          <a:prstGeom prst="rect">
            <a:avLst/>
          </a:prstGeom>
        </p:spPr>
      </p:pic>
      <p:cxnSp>
        <p:nvCxnSpPr>
          <p:cNvPr id="16" name="Straight Connector 15">
            <a:extLst>
              <a:ext uri="{FF2B5EF4-FFF2-40B4-BE49-F238E27FC236}">
                <a16:creationId xmlns:a16="http://schemas.microsoft.com/office/drawing/2014/main" id="{AF451119-76BD-8E5F-6E2F-A1D4D53AEAF6}"/>
              </a:ext>
            </a:extLst>
          </p:cNvPr>
          <p:cNvCxnSpPr>
            <a:cxnSpLocks/>
          </p:cNvCxnSpPr>
          <p:nvPr/>
        </p:nvCxnSpPr>
        <p:spPr>
          <a:xfrm>
            <a:off x="608942" y="1159697"/>
            <a:ext cx="1454991" cy="0"/>
          </a:xfrm>
          <a:prstGeom prst="line">
            <a:avLst/>
          </a:prstGeom>
          <a:ln>
            <a:solidFill>
              <a:srgbClr val="015983"/>
            </a:solidFill>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817040230"/>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6" name="Picture 35" descr="People in a meeting">
            <a:extLst>
              <a:ext uri="{FF2B5EF4-FFF2-40B4-BE49-F238E27FC236}">
                <a16:creationId xmlns:a16="http://schemas.microsoft.com/office/drawing/2014/main" id="{9FB27FD4-AB8A-0635-C898-388B24EE93D3}"/>
              </a:ext>
            </a:extLst>
          </p:cNvPr>
          <p:cNvPicPr>
            <a:picLocks noChangeAspect="1"/>
          </p:cNvPicPr>
          <p:nvPr/>
        </p:nvPicPr>
        <p:blipFill rotWithShape="1">
          <a:blip r:embed="rId2" cstate="print">
            <a:extLst>
              <a:ext uri="{28A0092B-C50C-407E-A947-70E740481C1C}">
                <a14:useLocalDpi xmlns:a14="http://schemas.microsoft.com/office/drawing/2010/main" val="0"/>
              </a:ext>
            </a:extLst>
          </a:blip>
          <a:srcRect t="44692" r="27393" b="34569"/>
          <a:stretch/>
        </p:blipFill>
        <p:spPr>
          <a:xfrm>
            <a:off x="1095023" y="0"/>
            <a:ext cx="11085688" cy="2111022"/>
          </a:xfrm>
          <a:prstGeom prst="rect">
            <a:avLst/>
          </a:prstGeom>
        </p:spPr>
      </p:pic>
      <p:sp>
        <p:nvSpPr>
          <p:cNvPr id="37" name="Rectangle 36">
            <a:extLst>
              <a:ext uri="{FF2B5EF4-FFF2-40B4-BE49-F238E27FC236}">
                <a16:creationId xmlns:a16="http://schemas.microsoft.com/office/drawing/2014/main" id="{6F45B034-3ACE-0E91-8A2C-402E0F10596E}"/>
              </a:ext>
            </a:extLst>
          </p:cNvPr>
          <p:cNvSpPr/>
          <p:nvPr/>
        </p:nvSpPr>
        <p:spPr>
          <a:xfrm>
            <a:off x="0" y="0"/>
            <a:ext cx="6096000" cy="2111020"/>
          </a:xfrm>
          <a:prstGeom prst="rect">
            <a:avLst/>
          </a:prstGeom>
          <a:solidFill>
            <a:srgbClr val="303B4E">
              <a:alpha val="1098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8" name="Rectangle 37">
            <a:extLst>
              <a:ext uri="{FF2B5EF4-FFF2-40B4-BE49-F238E27FC236}">
                <a16:creationId xmlns:a16="http://schemas.microsoft.com/office/drawing/2014/main" id="{4F11D3A0-DE31-4390-9E7B-20B27059B8A3}"/>
              </a:ext>
            </a:extLst>
          </p:cNvPr>
          <p:cNvSpPr/>
          <p:nvPr/>
        </p:nvSpPr>
        <p:spPr>
          <a:xfrm>
            <a:off x="0" y="1"/>
            <a:ext cx="6096000" cy="2111020"/>
          </a:xfrm>
          <a:prstGeom prst="rect">
            <a:avLst/>
          </a:prstGeom>
          <a:solidFill>
            <a:srgbClr val="303B4E">
              <a:alpha val="1098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9" name="Rectangle 38">
            <a:extLst>
              <a:ext uri="{FF2B5EF4-FFF2-40B4-BE49-F238E27FC236}">
                <a16:creationId xmlns:a16="http://schemas.microsoft.com/office/drawing/2014/main" id="{36BECADF-A994-32BC-AAE0-D23D46009486}"/>
              </a:ext>
            </a:extLst>
          </p:cNvPr>
          <p:cNvSpPr/>
          <p:nvPr/>
        </p:nvSpPr>
        <p:spPr>
          <a:xfrm>
            <a:off x="-1" y="0"/>
            <a:ext cx="6095999" cy="2111019"/>
          </a:xfrm>
          <a:prstGeom prst="rect">
            <a:avLst/>
          </a:prstGeom>
          <a:solidFill>
            <a:srgbClr val="FFFFFF">
              <a:alpha val="6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0" name="Rectangle 39">
            <a:extLst>
              <a:ext uri="{FF2B5EF4-FFF2-40B4-BE49-F238E27FC236}">
                <a16:creationId xmlns:a16="http://schemas.microsoft.com/office/drawing/2014/main" id="{BEAE46FF-EB1C-3ED7-4B68-742037899CFC}"/>
              </a:ext>
            </a:extLst>
          </p:cNvPr>
          <p:cNvSpPr/>
          <p:nvPr/>
        </p:nvSpPr>
        <p:spPr>
          <a:xfrm>
            <a:off x="0" y="1464690"/>
            <a:ext cx="12192000" cy="646331"/>
          </a:xfrm>
          <a:prstGeom prst="rect">
            <a:avLst/>
          </a:prstGeom>
          <a:solidFill>
            <a:srgbClr val="303B4E">
              <a:alpha val="1098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1" name="TextBox 40">
            <a:extLst>
              <a:ext uri="{FF2B5EF4-FFF2-40B4-BE49-F238E27FC236}">
                <a16:creationId xmlns:a16="http://schemas.microsoft.com/office/drawing/2014/main" id="{66B97F44-CE5F-A336-3593-122A973FB5BD}"/>
              </a:ext>
            </a:extLst>
          </p:cNvPr>
          <p:cNvSpPr txBox="1"/>
          <p:nvPr/>
        </p:nvSpPr>
        <p:spPr>
          <a:xfrm>
            <a:off x="2614941" y="1721201"/>
            <a:ext cx="1081503" cy="406265"/>
          </a:xfrm>
          <a:prstGeom prst="rect">
            <a:avLst/>
          </a:prstGeom>
          <a:noFill/>
        </p:spPr>
        <p:txBody>
          <a:bodyPr wrap="square" rtlCol="0" anchor="ctr">
            <a:spAutoFit/>
          </a:bodyPr>
          <a:lstStyle>
            <a:defPPr>
              <a:defRPr lang="en-US"/>
            </a:defPPr>
            <a:lvl1pPr algn="ctr">
              <a:spcBef>
                <a:spcPts val="100"/>
              </a:spcBef>
              <a:defRPr sz="1200">
                <a:solidFill>
                  <a:schemeClr val="tx1">
                    <a:lumMod val="65000"/>
                    <a:lumOff val="35000"/>
                  </a:schemeClr>
                </a:solidFill>
                <a:effectLst/>
                <a:latin typeface="Roboto" panose="02000000000000000000" pitchFamily="2" charset="0"/>
                <a:ea typeface="Roboto" panose="02000000000000000000" pitchFamily="2" charset="0"/>
                <a:cs typeface="Roboto" panose="02000000000000000000" pitchFamily="2" charset="0"/>
              </a:defRPr>
            </a:lvl1pPr>
          </a:lstStyle>
          <a:p>
            <a:r>
              <a:rPr lang="en-US" sz="900"/>
              <a:t>On-Demand Staffing</a:t>
            </a:r>
            <a:endParaRPr lang="en-IN" sz="900"/>
          </a:p>
        </p:txBody>
      </p:sp>
      <p:pic>
        <p:nvPicPr>
          <p:cNvPr id="42" name="Picture 41" descr="Shape&#10;&#10;Description automatically generated with low confidence">
            <a:extLst>
              <a:ext uri="{FF2B5EF4-FFF2-40B4-BE49-F238E27FC236}">
                <a16:creationId xmlns:a16="http://schemas.microsoft.com/office/drawing/2014/main" id="{1DD366F6-B2EB-11B8-AD9A-7E1FA8851B35}"/>
              </a:ext>
            </a:extLst>
          </p:cNvPr>
          <p:cNvPicPr>
            <a:picLocks noChangeAspect="1"/>
          </p:cNvPicPr>
          <p:nvPr/>
        </p:nvPicPr>
        <p:blipFill>
          <a:blip r:embed="rId3" cstate="email">
            <a:extLst>
              <a:ext uri="{28A0092B-C50C-407E-A947-70E740481C1C}">
                <a14:useLocalDpi xmlns:a14="http://schemas.microsoft.com/office/drawing/2010/main" val="0"/>
              </a:ext>
            </a:extLst>
          </a:blip>
          <a:stretch>
            <a:fillRect/>
          </a:stretch>
        </p:blipFill>
        <p:spPr>
          <a:xfrm>
            <a:off x="2959181" y="1299513"/>
            <a:ext cx="393022" cy="393022"/>
          </a:xfrm>
          <a:prstGeom prst="rect">
            <a:avLst/>
          </a:prstGeom>
        </p:spPr>
      </p:pic>
      <p:sp>
        <p:nvSpPr>
          <p:cNvPr id="2" name="Title 1">
            <a:extLst>
              <a:ext uri="{FF2B5EF4-FFF2-40B4-BE49-F238E27FC236}">
                <a16:creationId xmlns:a16="http://schemas.microsoft.com/office/drawing/2014/main" id="{8C127E84-696C-236A-A998-04D769A68811}"/>
              </a:ext>
            </a:extLst>
          </p:cNvPr>
          <p:cNvSpPr>
            <a:spLocks noGrp="1"/>
          </p:cNvSpPr>
          <p:nvPr>
            <p:ph type="title"/>
          </p:nvPr>
        </p:nvSpPr>
        <p:spPr/>
        <p:txBody>
          <a:bodyPr/>
          <a:lstStyle/>
          <a:p>
            <a:r>
              <a:rPr lang="en-IN"/>
              <a:t>Learning Professional Services</a:t>
            </a:r>
          </a:p>
        </p:txBody>
      </p:sp>
      <p:pic>
        <p:nvPicPr>
          <p:cNvPr id="19" name="Picture 18">
            <a:extLst>
              <a:ext uri="{FF2B5EF4-FFF2-40B4-BE49-F238E27FC236}">
                <a16:creationId xmlns:a16="http://schemas.microsoft.com/office/drawing/2014/main" id="{D87ECB09-9CD8-5291-B4B4-24ADCCE97A11}"/>
              </a:ext>
            </a:extLst>
          </p:cNvPr>
          <p:cNvPicPr>
            <a:picLocks noChangeAspect="1"/>
          </p:cNvPicPr>
          <p:nvPr/>
        </p:nvPicPr>
        <p:blipFill>
          <a:blip r:embed="rId4" cstate="email">
            <a:extLst>
              <a:ext uri="{28A0092B-C50C-407E-A947-70E740481C1C}">
                <a14:useLocalDpi xmlns:a14="http://schemas.microsoft.com/office/drawing/2010/main" val="0"/>
              </a:ext>
            </a:extLst>
          </a:blip>
          <a:srcRect/>
          <a:stretch/>
        </p:blipFill>
        <p:spPr>
          <a:xfrm>
            <a:off x="118359" y="790599"/>
            <a:ext cx="6335666" cy="6234545"/>
          </a:xfrm>
          <a:prstGeom prst="rect">
            <a:avLst/>
          </a:prstGeom>
        </p:spPr>
      </p:pic>
      <p:sp>
        <p:nvSpPr>
          <p:cNvPr id="20" name="TextBox 19">
            <a:extLst>
              <a:ext uri="{FF2B5EF4-FFF2-40B4-BE49-F238E27FC236}">
                <a16:creationId xmlns:a16="http://schemas.microsoft.com/office/drawing/2014/main" id="{9022C9A1-E63E-B02F-97BD-47D6367B2465}"/>
              </a:ext>
            </a:extLst>
          </p:cNvPr>
          <p:cNvSpPr txBox="1"/>
          <p:nvPr/>
        </p:nvSpPr>
        <p:spPr>
          <a:xfrm>
            <a:off x="2713261" y="1888345"/>
            <a:ext cx="1081503" cy="406265"/>
          </a:xfrm>
          <a:prstGeom prst="rect">
            <a:avLst/>
          </a:prstGeom>
          <a:noFill/>
        </p:spPr>
        <p:txBody>
          <a:bodyPr wrap="square" rtlCol="0" anchor="ctr">
            <a:spAutoFit/>
          </a:bodyPr>
          <a:lstStyle>
            <a:defPPr>
              <a:defRPr lang="en-US"/>
            </a:defPPr>
            <a:lvl1pPr algn="ctr">
              <a:spcBef>
                <a:spcPts val="100"/>
              </a:spcBef>
              <a:defRPr sz="1200">
                <a:solidFill>
                  <a:schemeClr val="tx1">
                    <a:lumMod val="65000"/>
                    <a:lumOff val="35000"/>
                  </a:schemeClr>
                </a:solidFill>
                <a:effectLst/>
                <a:latin typeface="Roboto" panose="02000000000000000000" pitchFamily="2" charset="0"/>
                <a:ea typeface="Roboto" panose="02000000000000000000" pitchFamily="2" charset="0"/>
                <a:cs typeface="Roboto" panose="02000000000000000000" pitchFamily="2" charset="0"/>
              </a:defRPr>
            </a:lvl1pPr>
          </a:lstStyle>
          <a:p>
            <a:r>
              <a:rPr lang="en-US" sz="900"/>
              <a:t>On-Demand Staffing</a:t>
            </a:r>
            <a:endParaRPr lang="en-IN" sz="900"/>
          </a:p>
        </p:txBody>
      </p:sp>
      <p:sp>
        <p:nvSpPr>
          <p:cNvPr id="21" name="TextBox 20">
            <a:extLst>
              <a:ext uri="{FF2B5EF4-FFF2-40B4-BE49-F238E27FC236}">
                <a16:creationId xmlns:a16="http://schemas.microsoft.com/office/drawing/2014/main" id="{B73C90F2-1640-7E79-6793-6FB37BF7E683}"/>
              </a:ext>
            </a:extLst>
          </p:cNvPr>
          <p:cNvSpPr txBox="1"/>
          <p:nvPr/>
        </p:nvSpPr>
        <p:spPr>
          <a:xfrm>
            <a:off x="4295221" y="2671638"/>
            <a:ext cx="1232773" cy="406265"/>
          </a:xfrm>
          <a:prstGeom prst="rect">
            <a:avLst/>
          </a:prstGeom>
          <a:noFill/>
        </p:spPr>
        <p:txBody>
          <a:bodyPr wrap="square" rtlCol="0" anchor="ctr">
            <a:spAutoFit/>
          </a:bodyPr>
          <a:lstStyle>
            <a:defPPr>
              <a:defRPr lang="en-US"/>
            </a:defPPr>
            <a:lvl1pPr algn="ctr">
              <a:spcBef>
                <a:spcPts val="100"/>
              </a:spcBef>
              <a:defRPr sz="1200">
                <a:solidFill>
                  <a:schemeClr val="tx1">
                    <a:lumMod val="65000"/>
                    <a:lumOff val="35000"/>
                  </a:schemeClr>
                </a:solidFill>
                <a:effectLst/>
                <a:latin typeface="Roboto" panose="02000000000000000000" pitchFamily="2" charset="0"/>
                <a:ea typeface="Roboto" panose="02000000000000000000" pitchFamily="2" charset="0"/>
                <a:cs typeface="Roboto" panose="02000000000000000000" pitchFamily="2" charset="0"/>
              </a:defRPr>
            </a:lvl1pPr>
          </a:lstStyle>
          <a:p>
            <a:r>
              <a:rPr lang="en-US" sz="900"/>
              <a:t>Strategic Needs Analysis</a:t>
            </a:r>
            <a:endParaRPr lang="en-IN" sz="900"/>
          </a:p>
        </p:txBody>
      </p:sp>
      <p:sp>
        <p:nvSpPr>
          <p:cNvPr id="22" name="TextBox 21">
            <a:extLst>
              <a:ext uri="{FF2B5EF4-FFF2-40B4-BE49-F238E27FC236}">
                <a16:creationId xmlns:a16="http://schemas.microsoft.com/office/drawing/2014/main" id="{D6BB83B2-D976-4B7C-2951-0BF21644904A}"/>
              </a:ext>
            </a:extLst>
          </p:cNvPr>
          <p:cNvSpPr txBox="1"/>
          <p:nvPr/>
        </p:nvSpPr>
        <p:spPr>
          <a:xfrm>
            <a:off x="870374" y="2671636"/>
            <a:ext cx="1491654" cy="406265"/>
          </a:xfrm>
          <a:prstGeom prst="rect">
            <a:avLst/>
          </a:prstGeom>
          <a:noFill/>
        </p:spPr>
        <p:txBody>
          <a:bodyPr wrap="square" rtlCol="0" anchor="ctr">
            <a:spAutoFit/>
          </a:bodyPr>
          <a:lstStyle/>
          <a:p>
            <a:pPr algn="ctr">
              <a:spcBef>
                <a:spcPts val="100"/>
              </a:spcBef>
            </a:pPr>
            <a:r>
              <a:rPr lang="en-US" sz="900">
                <a:solidFill>
                  <a:schemeClr val="tx1">
                    <a:lumMod val="65000"/>
                    <a:lumOff val="35000"/>
                  </a:schemeClr>
                </a:solidFill>
                <a:effectLst/>
                <a:latin typeface="Roboto" panose="02000000000000000000" pitchFamily="2" charset="0"/>
                <a:ea typeface="Roboto" panose="02000000000000000000" pitchFamily="2" charset="0"/>
                <a:cs typeface="Roboto" panose="02000000000000000000" pitchFamily="2" charset="0"/>
              </a:rPr>
              <a:t>Customer Support Specialists</a:t>
            </a:r>
            <a:endParaRPr lang="en-IN" sz="900">
              <a:solidFill>
                <a:schemeClr val="tx1">
                  <a:lumMod val="65000"/>
                  <a:lumOff val="35000"/>
                </a:schemeClr>
              </a:solidFill>
              <a:effectLst/>
              <a:latin typeface="Roboto" panose="02000000000000000000" pitchFamily="2" charset="0"/>
              <a:ea typeface="Roboto" panose="02000000000000000000" pitchFamily="2" charset="0"/>
              <a:cs typeface="Roboto" panose="02000000000000000000" pitchFamily="2" charset="0"/>
            </a:endParaRPr>
          </a:p>
        </p:txBody>
      </p:sp>
      <p:sp>
        <p:nvSpPr>
          <p:cNvPr id="23" name="TextBox 22">
            <a:extLst>
              <a:ext uri="{FF2B5EF4-FFF2-40B4-BE49-F238E27FC236}">
                <a16:creationId xmlns:a16="http://schemas.microsoft.com/office/drawing/2014/main" id="{50ADEF4D-CBBF-6535-4A4B-D24FD0DAF32D}"/>
              </a:ext>
            </a:extLst>
          </p:cNvPr>
          <p:cNvSpPr txBox="1"/>
          <p:nvPr/>
        </p:nvSpPr>
        <p:spPr>
          <a:xfrm>
            <a:off x="4732075" y="4415648"/>
            <a:ext cx="1232773" cy="558615"/>
          </a:xfrm>
          <a:prstGeom prst="rect">
            <a:avLst/>
          </a:prstGeom>
          <a:noFill/>
        </p:spPr>
        <p:txBody>
          <a:bodyPr wrap="square" rtlCol="0" anchor="ctr">
            <a:spAutoFit/>
          </a:bodyPr>
          <a:lstStyle/>
          <a:p>
            <a:pPr algn="ctr">
              <a:spcBef>
                <a:spcPts val="100"/>
              </a:spcBef>
            </a:pPr>
            <a:r>
              <a:rPr lang="en-US" sz="900">
                <a:solidFill>
                  <a:srgbClr val="7F4F99"/>
                </a:solidFill>
                <a:effectLst/>
                <a:latin typeface="Roboto" panose="02000000000000000000" pitchFamily="2" charset="0"/>
                <a:ea typeface="Roboto" panose="02000000000000000000" pitchFamily="2" charset="0"/>
                <a:cs typeface="Roboto" panose="02000000000000000000" pitchFamily="2" charset="0"/>
              </a:rPr>
              <a:t>Process Development Specialists</a:t>
            </a:r>
            <a:endParaRPr lang="en-IN" sz="900">
              <a:solidFill>
                <a:srgbClr val="7F4F99"/>
              </a:solidFill>
              <a:effectLst/>
              <a:latin typeface="Roboto" panose="02000000000000000000" pitchFamily="2" charset="0"/>
              <a:ea typeface="Roboto" panose="02000000000000000000" pitchFamily="2" charset="0"/>
              <a:cs typeface="Roboto" panose="02000000000000000000" pitchFamily="2" charset="0"/>
            </a:endParaRPr>
          </a:p>
        </p:txBody>
      </p:sp>
      <p:sp>
        <p:nvSpPr>
          <p:cNvPr id="24" name="TextBox 23">
            <a:extLst>
              <a:ext uri="{FF2B5EF4-FFF2-40B4-BE49-F238E27FC236}">
                <a16:creationId xmlns:a16="http://schemas.microsoft.com/office/drawing/2014/main" id="{07269642-3809-6483-A85C-962AD0F2906C}"/>
              </a:ext>
            </a:extLst>
          </p:cNvPr>
          <p:cNvSpPr txBox="1"/>
          <p:nvPr/>
        </p:nvSpPr>
        <p:spPr>
          <a:xfrm>
            <a:off x="629415" y="4415648"/>
            <a:ext cx="1232773" cy="558615"/>
          </a:xfrm>
          <a:prstGeom prst="rect">
            <a:avLst/>
          </a:prstGeom>
          <a:noFill/>
        </p:spPr>
        <p:txBody>
          <a:bodyPr wrap="square" rtlCol="0" anchor="ctr">
            <a:spAutoFit/>
          </a:bodyPr>
          <a:lstStyle/>
          <a:p>
            <a:pPr algn="ctr">
              <a:spcBef>
                <a:spcPts val="100"/>
              </a:spcBef>
            </a:pPr>
            <a:r>
              <a:rPr lang="en-US" sz="900">
                <a:solidFill>
                  <a:srgbClr val="03879C"/>
                </a:solidFill>
                <a:effectLst/>
                <a:latin typeface="Roboto" panose="02000000000000000000" pitchFamily="2" charset="0"/>
                <a:ea typeface="Roboto" panose="02000000000000000000" pitchFamily="2" charset="0"/>
                <a:cs typeface="Roboto" panose="02000000000000000000" pitchFamily="2" charset="0"/>
              </a:rPr>
              <a:t>Change Management Specialists</a:t>
            </a:r>
            <a:endParaRPr lang="en-IN" sz="900">
              <a:solidFill>
                <a:srgbClr val="03879C"/>
              </a:solidFill>
              <a:effectLst/>
              <a:latin typeface="Roboto" panose="02000000000000000000" pitchFamily="2" charset="0"/>
              <a:ea typeface="Roboto" panose="02000000000000000000" pitchFamily="2" charset="0"/>
              <a:cs typeface="Roboto" panose="02000000000000000000" pitchFamily="2" charset="0"/>
            </a:endParaRPr>
          </a:p>
        </p:txBody>
      </p:sp>
      <p:sp>
        <p:nvSpPr>
          <p:cNvPr id="25" name="TextBox 24">
            <a:extLst>
              <a:ext uri="{FF2B5EF4-FFF2-40B4-BE49-F238E27FC236}">
                <a16:creationId xmlns:a16="http://schemas.microsoft.com/office/drawing/2014/main" id="{B4D7FB20-512D-9124-AEFD-0446C8AEC53E}"/>
              </a:ext>
            </a:extLst>
          </p:cNvPr>
          <p:cNvSpPr txBox="1"/>
          <p:nvPr/>
        </p:nvSpPr>
        <p:spPr>
          <a:xfrm>
            <a:off x="3610973" y="5842478"/>
            <a:ext cx="1232773" cy="558615"/>
          </a:xfrm>
          <a:prstGeom prst="rect">
            <a:avLst/>
          </a:prstGeom>
          <a:noFill/>
        </p:spPr>
        <p:txBody>
          <a:bodyPr wrap="square" rtlCol="0" anchor="ctr">
            <a:spAutoFit/>
          </a:bodyPr>
          <a:lstStyle/>
          <a:p>
            <a:pPr algn="ctr">
              <a:spcBef>
                <a:spcPts val="100"/>
              </a:spcBef>
            </a:pPr>
            <a:r>
              <a:rPr lang="en-US" sz="900">
                <a:solidFill>
                  <a:srgbClr val="5D5B8D"/>
                </a:solidFill>
                <a:effectLst/>
                <a:latin typeface="Roboto" panose="02000000000000000000" pitchFamily="2" charset="0"/>
                <a:ea typeface="Roboto" panose="02000000000000000000" pitchFamily="2" charset="0"/>
                <a:cs typeface="Roboto" panose="02000000000000000000" pitchFamily="2" charset="0"/>
              </a:rPr>
              <a:t>Data Analytics and Dashboard Specialists</a:t>
            </a:r>
            <a:endParaRPr lang="en-IN" sz="900">
              <a:solidFill>
                <a:srgbClr val="5D5B8D"/>
              </a:solidFill>
              <a:effectLst/>
              <a:latin typeface="Roboto" panose="02000000000000000000" pitchFamily="2" charset="0"/>
              <a:ea typeface="Roboto" panose="02000000000000000000" pitchFamily="2" charset="0"/>
              <a:cs typeface="Roboto" panose="02000000000000000000" pitchFamily="2" charset="0"/>
            </a:endParaRPr>
          </a:p>
        </p:txBody>
      </p:sp>
      <p:sp>
        <p:nvSpPr>
          <p:cNvPr id="26" name="TextBox 25">
            <a:extLst>
              <a:ext uri="{FF2B5EF4-FFF2-40B4-BE49-F238E27FC236}">
                <a16:creationId xmlns:a16="http://schemas.microsoft.com/office/drawing/2014/main" id="{126A23F0-ED24-433A-98E9-4BF82CB0AC0D}"/>
              </a:ext>
            </a:extLst>
          </p:cNvPr>
          <p:cNvSpPr txBox="1"/>
          <p:nvPr/>
        </p:nvSpPr>
        <p:spPr>
          <a:xfrm>
            <a:off x="1808504" y="5842479"/>
            <a:ext cx="1232396" cy="558615"/>
          </a:xfrm>
          <a:prstGeom prst="rect">
            <a:avLst/>
          </a:prstGeom>
          <a:noFill/>
        </p:spPr>
        <p:txBody>
          <a:bodyPr wrap="square" rtlCol="0" anchor="ctr">
            <a:spAutoFit/>
          </a:bodyPr>
          <a:lstStyle/>
          <a:p>
            <a:pPr algn="ctr">
              <a:spcBef>
                <a:spcPts val="100"/>
              </a:spcBef>
            </a:pPr>
            <a:r>
              <a:rPr lang="en-US" sz="900">
                <a:solidFill>
                  <a:srgbClr val="027B6F"/>
                </a:solidFill>
                <a:effectLst/>
                <a:latin typeface="Roboto" panose="02000000000000000000" pitchFamily="2" charset="0"/>
                <a:ea typeface="Roboto" panose="02000000000000000000" pitchFamily="2" charset="0"/>
                <a:cs typeface="Roboto" panose="02000000000000000000" pitchFamily="2" charset="0"/>
              </a:rPr>
              <a:t>User Adoption and Transformation</a:t>
            </a:r>
            <a:endParaRPr lang="en-IN" sz="900">
              <a:solidFill>
                <a:srgbClr val="027B6F"/>
              </a:solidFill>
              <a:effectLst/>
              <a:latin typeface="Roboto" panose="02000000000000000000" pitchFamily="2" charset="0"/>
              <a:ea typeface="Roboto" panose="02000000000000000000" pitchFamily="2" charset="0"/>
              <a:cs typeface="Roboto" panose="02000000000000000000" pitchFamily="2" charset="0"/>
            </a:endParaRPr>
          </a:p>
        </p:txBody>
      </p:sp>
      <p:sp>
        <p:nvSpPr>
          <p:cNvPr id="27" name="TextBox 26">
            <a:extLst>
              <a:ext uri="{FF2B5EF4-FFF2-40B4-BE49-F238E27FC236}">
                <a16:creationId xmlns:a16="http://schemas.microsoft.com/office/drawing/2014/main" id="{23DFE355-0778-ED0D-01DF-8AE9548809F1}"/>
              </a:ext>
            </a:extLst>
          </p:cNvPr>
          <p:cNvSpPr txBox="1"/>
          <p:nvPr/>
        </p:nvSpPr>
        <p:spPr>
          <a:xfrm>
            <a:off x="2114455" y="3521542"/>
            <a:ext cx="2365349" cy="1015663"/>
          </a:xfrm>
          <a:prstGeom prst="rect">
            <a:avLst/>
          </a:prstGeom>
          <a:noFill/>
        </p:spPr>
        <p:txBody>
          <a:bodyPr wrap="square">
            <a:spAutoFit/>
          </a:bodyPr>
          <a:lstStyle/>
          <a:p>
            <a:pPr algn="ctr" fontAlgn="base"/>
            <a:r>
              <a:rPr lang="en-IN" b="1" i="0">
                <a:effectLst/>
                <a:latin typeface="Roboto" panose="02000000000000000000" pitchFamily="2" charset="0"/>
                <a:ea typeface="Roboto" panose="02000000000000000000" pitchFamily="2" charset="0"/>
                <a:cs typeface="Roboto" panose="02000000000000000000" pitchFamily="2" charset="0"/>
              </a:rPr>
              <a:t>LEARNING CONSULTING SERVICES</a:t>
            </a:r>
          </a:p>
        </p:txBody>
      </p:sp>
      <p:pic>
        <p:nvPicPr>
          <p:cNvPr id="28" name="Picture 27" descr="Shape&#10;&#10;Description automatically generated with low confidence">
            <a:extLst>
              <a:ext uri="{FF2B5EF4-FFF2-40B4-BE49-F238E27FC236}">
                <a16:creationId xmlns:a16="http://schemas.microsoft.com/office/drawing/2014/main" id="{5D366D3F-0291-931E-F1E2-DA158002BB5E}"/>
              </a:ext>
            </a:extLst>
          </p:cNvPr>
          <p:cNvPicPr>
            <a:picLocks noChangeAspect="1"/>
          </p:cNvPicPr>
          <p:nvPr/>
        </p:nvPicPr>
        <p:blipFill>
          <a:blip r:embed="rId5" cstate="email">
            <a:extLst>
              <a:ext uri="{28A0092B-C50C-407E-A947-70E740481C1C}">
                <a14:useLocalDpi xmlns:a14="http://schemas.microsoft.com/office/drawing/2010/main" val="0"/>
              </a:ext>
            </a:extLst>
          </a:blip>
          <a:stretch>
            <a:fillRect/>
          </a:stretch>
        </p:blipFill>
        <p:spPr>
          <a:xfrm>
            <a:off x="1097092" y="4044031"/>
            <a:ext cx="328225" cy="328225"/>
          </a:xfrm>
          <a:prstGeom prst="rect">
            <a:avLst/>
          </a:prstGeom>
        </p:spPr>
      </p:pic>
      <p:pic>
        <p:nvPicPr>
          <p:cNvPr id="29" name="Picture 28">
            <a:extLst>
              <a:ext uri="{FF2B5EF4-FFF2-40B4-BE49-F238E27FC236}">
                <a16:creationId xmlns:a16="http://schemas.microsoft.com/office/drawing/2014/main" id="{62CF4C38-CC5E-0DBD-1026-8D6AD9FF8526}"/>
              </a:ext>
            </a:extLst>
          </p:cNvPr>
          <p:cNvPicPr>
            <a:picLocks noChangeAspect="1"/>
          </p:cNvPicPr>
          <p:nvPr/>
        </p:nvPicPr>
        <p:blipFill>
          <a:blip r:embed="rId6" cstate="email">
            <a:extLst>
              <a:ext uri="{28A0092B-C50C-407E-A947-70E740481C1C}">
                <a14:useLocalDpi xmlns:a14="http://schemas.microsoft.com/office/drawing/2010/main" val="0"/>
              </a:ext>
            </a:extLst>
          </a:blip>
          <a:stretch>
            <a:fillRect/>
          </a:stretch>
        </p:blipFill>
        <p:spPr>
          <a:xfrm>
            <a:off x="1438772" y="2284299"/>
            <a:ext cx="354856" cy="354856"/>
          </a:xfrm>
          <a:prstGeom prst="rect">
            <a:avLst/>
          </a:prstGeom>
        </p:spPr>
      </p:pic>
      <p:pic>
        <p:nvPicPr>
          <p:cNvPr id="30" name="Picture 29" descr="Shape&#10;&#10;Description automatically generated with low confidence">
            <a:extLst>
              <a:ext uri="{FF2B5EF4-FFF2-40B4-BE49-F238E27FC236}">
                <a16:creationId xmlns:a16="http://schemas.microsoft.com/office/drawing/2014/main" id="{CEA504B0-5B3B-71C3-0047-9708FC4CAF92}"/>
              </a:ext>
            </a:extLst>
          </p:cNvPr>
          <p:cNvPicPr>
            <a:picLocks noChangeAspect="1"/>
          </p:cNvPicPr>
          <p:nvPr/>
        </p:nvPicPr>
        <p:blipFill>
          <a:blip r:embed="rId3" cstate="email">
            <a:extLst>
              <a:ext uri="{28A0092B-C50C-407E-A947-70E740481C1C}">
                <a14:useLocalDpi xmlns:a14="http://schemas.microsoft.com/office/drawing/2010/main" val="0"/>
              </a:ext>
            </a:extLst>
          </a:blip>
          <a:stretch>
            <a:fillRect/>
          </a:stretch>
        </p:blipFill>
        <p:spPr>
          <a:xfrm>
            <a:off x="3057501" y="1466657"/>
            <a:ext cx="393022" cy="393022"/>
          </a:xfrm>
          <a:prstGeom prst="rect">
            <a:avLst/>
          </a:prstGeom>
        </p:spPr>
      </p:pic>
      <p:pic>
        <p:nvPicPr>
          <p:cNvPr id="31" name="Picture 30" descr="Shape&#10;&#10;Description automatically generated with low confidence">
            <a:extLst>
              <a:ext uri="{FF2B5EF4-FFF2-40B4-BE49-F238E27FC236}">
                <a16:creationId xmlns:a16="http://schemas.microsoft.com/office/drawing/2014/main" id="{0508579C-BBBB-DA2B-70E6-DB9463D795AF}"/>
              </a:ext>
            </a:extLst>
          </p:cNvPr>
          <p:cNvPicPr>
            <a:picLocks noChangeAspect="1"/>
          </p:cNvPicPr>
          <p:nvPr/>
        </p:nvPicPr>
        <p:blipFill>
          <a:blip r:embed="rId7" cstate="email">
            <a:extLst>
              <a:ext uri="{28A0092B-C50C-407E-A947-70E740481C1C}">
                <a14:useLocalDpi xmlns:a14="http://schemas.microsoft.com/office/drawing/2010/main" val="0"/>
              </a:ext>
            </a:extLst>
          </a:blip>
          <a:stretch>
            <a:fillRect/>
          </a:stretch>
        </p:blipFill>
        <p:spPr>
          <a:xfrm>
            <a:off x="4041386" y="5438838"/>
            <a:ext cx="371945" cy="371945"/>
          </a:xfrm>
          <a:prstGeom prst="rect">
            <a:avLst/>
          </a:prstGeom>
        </p:spPr>
      </p:pic>
      <p:pic>
        <p:nvPicPr>
          <p:cNvPr id="32" name="Picture 31" descr="Shape&#10;&#10;Description automatically generated with low confidence">
            <a:extLst>
              <a:ext uri="{FF2B5EF4-FFF2-40B4-BE49-F238E27FC236}">
                <a16:creationId xmlns:a16="http://schemas.microsoft.com/office/drawing/2014/main" id="{B8970F2C-B617-1F7D-28AF-89BB447C7BC4}"/>
              </a:ext>
            </a:extLst>
          </p:cNvPr>
          <p:cNvPicPr>
            <a:picLocks noChangeAspect="1"/>
          </p:cNvPicPr>
          <p:nvPr/>
        </p:nvPicPr>
        <p:blipFill>
          <a:blip r:embed="rId8" cstate="email">
            <a:extLst>
              <a:ext uri="{28A0092B-C50C-407E-A947-70E740481C1C}">
                <a14:useLocalDpi xmlns:a14="http://schemas.microsoft.com/office/drawing/2010/main" val="0"/>
              </a:ext>
            </a:extLst>
          </a:blip>
          <a:stretch>
            <a:fillRect/>
          </a:stretch>
        </p:blipFill>
        <p:spPr>
          <a:xfrm>
            <a:off x="5162487" y="4027601"/>
            <a:ext cx="371945" cy="371945"/>
          </a:xfrm>
          <a:prstGeom prst="rect">
            <a:avLst/>
          </a:prstGeom>
        </p:spPr>
      </p:pic>
      <p:pic>
        <p:nvPicPr>
          <p:cNvPr id="33" name="Picture 32">
            <a:extLst>
              <a:ext uri="{FF2B5EF4-FFF2-40B4-BE49-F238E27FC236}">
                <a16:creationId xmlns:a16="http://schemas.microsoft.com/office/drawing/2014/main" id="{D562B558-4BD8-DBB6-1A12-0147B032A285}"/>
              </a:ext>
            </a:extLst>
          </p:cNvPr>
          <p:cNvPicPr>
            <a:picLocks noChangeAspect="1"/>
          </p:cNvPicPr>
          <p:nvPr/>
        </p:nvPicPr>
        <p:blipFill>
          <a:blip r:embed="rId9" cstate="email">
            <a:extLst>
              <a:ext uri="{28A0092B-C50C-407E-A947-70E740481C1C}">
                <a14:useLocalDpi xmlns:a14="http://schemas.microsoft.com/office/drawing/2010/main" val="0"/>
              </a:ext>
            </a:extLst>
          </a:blip>
          <a:stretch>
            <a:fillRect/>
          </a:stretch>
        </p:blipFill>
        <p:spPr>
          <a:xfrm>
            <a:off x="2238533" y="5449290"/>
            <a:ext cx="372339" cy="372339"/>
          </a:xfrm>
          <a:prstGeom prst="rect">
            <a:avLst/>
          </a:prstGeom>
        </p:spPr>
      </p:pic>
      <p:pic>
        <p:nvPicPr>
          <p:cNvPr id="34" name="Picture 33" descr="Shape&#10;&#10;Description automatically generated with low confidence">
            <a:extLst>
              <a:ext uri="{FF2B5EF4-FFF2-40B4-BE49-F238E27FC236}">
                <a16:creationId xmlns:a16="http://schemas.microsoft.com/office/drawing/2014/main" id="{AC815FF1-CCD5-47DC-0C97-5E33CFCB0752}"/>
              </a:ext>
            </a:extLst>
          </p:cNvPr>
          <p:cNvPicPr>
            <a:picLocks noChangeAspect="1"/>
          </p:cNvPicPr>
          <p:nvPr/>
        </p:nvPicPr>
        <p:blipFill>
          <a:blip r:embed="rId10" cstate="email">
            <a:extLst>
              <a:ext uri="{28A0092B-C50C-407E-A947-70E740481C1C}">
                <a14:useLocalDpi xmlns:a14="http://schemas.microsoft.com/office/drawing/2010/main" val="0"/>
              </a:ext>
            </a:extLst>
          </a:blip>
          <a:stretch>
            <a:fillRect/>
          </a:stretch>
        </p:blipFill>
        <p:spPr>
          <a:xfrm>
            <a:off x="4725634" y="2236600"/>
            <a:ext cx="371945" cy="371945"/>
          </a:xfrm>
          <a:prstGeom prst="rect">
            <a:avLst/>
          </a:prstGeom>
        </p:spPr>
      </p:pic>
      <p:graphicFrame>
        <p:nvGraphicFramePr>
          <p:cNvPr id="35" name="Table 34">
            <a:extLst>
              <a:ext uri="{FF2B5EF4-FFF2-40B4-BE49-F238E27FC236}">
                <a16:creationId xmlns:a16="http://schemas.microsoft.com/office/drawing/2014/main" id="{A39BFDEF-0D55-4330-7D37-37FFFA663BA9}"/>
              </a:ext>
            </a:extLst>
          </p:cNvPr>
          <p:cNvGraphicFramePr>
            <a:graphicFrameLocks noGrp="1"/>
          </p:cNvGraphicFramePr>
          <p:nvPr/>
        </p:nvGraphicFramePr>
        <p:xfrm>
          <a:off x="2453102" y="4634635"/>
          <a:ext cx="1752044" cy="63193"/>
        </p:xfrm>
        <a:graphic>
          <a:graphicData uri="http://schemas.openxmlformats.org/drawingml/2006/table">
            <a:tbl>
              <a:tblPr firstRow="1" bandRow="1">
                <a:tableStyleId>{5C22544A-7EE6-4342-B048-85BDC9FD1C3A}</a:tableStyleId>
              </a:tblPr>
              <a:tblGrid>
                <a:gridCol w="250292">
                  <a:extLst>
                    <a:ext uri="{9D8B030D-6E8A-4147-A177-3AD203B41FA5}">
                      <a16:colId xmlns:a16="http://schemas.microsoft.com/office/drawing/2014/main" val="1423692743"/>
                    </a:ext>
                  </a:extLst>
                </a:gridCol>
                <a:gridCol w="250292">
                  <a:extLst>
                    <a:ext uri="{9D8B030D-6E8A-4147-A177-3AD203B41FA5}">
                      <a16:colId xmlns:a16="http://schemas.microsoft.com/office/drawing/2014/main" val="1692161566"/>
                    </a:ext>
                  </a:extLst>
                </a:gridCol>
                <a:gridCol w="250292">
                  <a:extLst>
                    <a:ext uri="{9D8B030D-6E8A-4147-A177-3AD203B41FA5}">
                      <a16:colId xmlns:a16="http://schemas.microsoft.com/office/drawing/2014/main" val="281665169"/>
                    </a:ext>
                  </a:extLst>
                </a:gridCol>
                <a:gridCol w="250292">
                  <a:extLst>
                    <a:ext uri="{9D8B030D-6E8A-4147-A177-3AD203B41FA5}">
                      <a16:colId xmlns:a16="http://schemas.microsoft.com/office/drawing/2014/main" val="3619462369"/>
                    </a:ext>
                  </a:extLst>
                </a:gridCol>
                <a:gridCol w="250292">
                  <a:extLst>
                    <a:ext uri="{9D8B030D-6E8A-4147-A177-3AD203B41FA5}">
                      <a16:colId xmlns:a16="http://schemas.microsoft.com/office/drawing/2014/main" val="3039608560"/>
                    </a:ext>
                  </a:extLst>
                </a:gridCol>
                <a:gridCol w="250292">
                  <a:extLst>
                    <a:ext uri="{9D8B030D-6E8A-4147-A177-3AD203B41FA5}">
                      <a16:colId xmlns:a16="http://schemas.microsoft.com/office/drawing/2014/main" val="2187291478"/>
                    </a:ext>
                  </a:extLst>
                </a:gridCol>
                <a:gridCol w="250292">
                  <a:extLst>
                    <a:ext uri="{9D8B030D-6E8A-4147-A177-3AD203B41FA5}">
                      <a16:colId xmlns:a16="http://schemas.microsoft.com/office/drawing/2014/main" val="324529852"/>
                    </a:ext>
                  </a:extLst>
                </a:gridCol>
              </a:tblGrid>
              <a:tr h="63193">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314BA1"/>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48609C"/>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7F4F99"/>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5D5B8D"/>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27B6F"/>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3879C"/>
                    </a:solidFill>
                  </a:tcPr>
                </a:tc>
                <a:tc>
                  <a:txBody>
                    <a:bodyPr/>
                    <a:lstStyle/>
                    <a:p>
                      <a:endParaRPr lang="en-IN" sz="100"/>
                    </a:p>
                  </a:txBody>
                  <a:tcPr marL="32049" marR="32049" marT="17626" marB="17626">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929DB3"/>
                    </a:solidFill>
                  </a:tcPr>
                </a:tc>
                <a:extLst>
                  <a:ext uri="{0D108BD9-81ED-4DB2-BD59-A6C34878D82A}">
                    <a16:rowId xmlns:a16="http://schemas.microsoft.com/office/drawing/2014/main" val="839580262"/>
                  </a:ext>
                </a:extLst>
              </a:tr>
            </a:tbl>
          </a:graphicData>
        </a:graphic>
      </p:graphicFrame>
      <p:sp>
        <p:nvSpPr>
          <p:cNvPr id="44" name="Rounded Rectangle 11">
            <a:extLst>
              <a:ext uri="{FF2B5EF4-FFF2-40B4-BE49-F238E27FC236}">
                <a16:creationId xmlns:a16="http://schemas.microsoft.com/office/drawing/2014/main" id="{211038F2-66B4-C780-B6E9-9B24A3BC3F67}"/>
              </a:ext>
            </a:extLst>
          </p:cNvPr>
          <p:cNvSpPr/>
          <p:nvPr/>
        </p:nvSpPr>
        <p:spPr>
          <a:xfrm>
            <a:off x="6647381" y="2593940"/>
            <a:ext cx="4998777" cy="3515990"/>
          </a:xfrm>
          <a:prstGeom prst="roundRect">
            <a:avLst>
              <a:gd name="adj" fmla="val 1231"/>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45" name="Straight Connector 44">
            <a:extLst>
              <a:ext uri="{FF2B5EF4-FFF2-40B4-BE49-F238E27FC236}">
                <a16:creationId xmlns:a16="http://schemas.microsoft.com/office/drawing/2014/main" id="{6815F726-A42C-ED71-2AE3-91F3AB4A62D4}"/>
              </a:ext>
            </a:extLst>
          </p:cNvPr>
          <p:cNvCxnSpPr/>
          <p:nvPr/>
        </p:nvCxnSpPr>
        <p:spPr>
          <a:xfrm>
            <a:off x="6857420" y="2593940"/>
            <a:ext cx="0" cy="609522"/>
          </a:xfrm>
          <a:prstGeom prst="line">
            <a:avLst/>
          </a:prstGeom>
          <a:ln w="25400">
            <a:solidFill>
              <a:schemeClr val="tx1">
                <a:alpha val="10000"/>
              </a:schemeClr>
            </a:solidFill>
          </a:ln>
        </p:spPr>
        <p:style>
          <a:lnRef idx="1">
            <a:schemeClr val="accent1"/>
          </a:lnRef>
          <a:fillRef idx="0">
            <a:schemeClr val="accent1"/>
          </a:fillRef>
          <a:effectRef idx="0">
            <a:schemeClr val="accent1"/>
          </a:effectRef>
          <a:fontRef idx="minor">
            <a:schemeClr val="tx1"/>
          </a:fontRef>
        </p:style>
      </p:cxnSp>
      <p:sp>
        <p:nvSpPr>
          <p:cNvPr id="46" name="TextBox 45">
            <a:extLst>
              <a:ext uri="{FF2B5EF4-FFF2-40B4-BE49-F238E27FC236}">
                <a16:creationId xmlns:a16="http://schemas.microsoft.com/office/drawing/2014/main" id="{62D684CE-90A9-A785-66FF-896E3543BC54}"/>
              </a:ext>
            </a:extLst>
          </p:cNvPr>
          <p:cNvSpPr txBox="1"/>
          <p:nvPr/>
        </p:nvSpPr>
        <p:spPr>
          <a:xfrm>
            <a:off x="6952876" y="3551959"/>
            <a:ext cx="4259851" cy="1623521"/>
          </a:xfrm>
          <a:prstGeom prst="rect">
            <a:avLst/>
          </a:prstGeom>
          <a:noFill/>
        </p:spPr>
        <p:txBody>
          <a:bodyPr wrap="square">
            <a:spAutoFit/>
          </a:bodyPr>
          <a:lstStyle/>
          <a:p>
            <a:pPr>
              <a:spcAft>
                <a:spcPts val="600"/>
              </a:spcAft>
            </a:pPr>
            <a:r>
              <a:rPr lang="en-US" sz="1050">
                <a:latin typeface="Roboto Light" panose="02000000000000000000" pitchFamily="2" charset="0"/>
                <a:ea typeface="Roboto Light" panose="02000000000000000000" pitchFamily="2" charset="0"/>
                <a:cs typeface="Roboto Light" panose="02000000000000000000" pitchFamily="2" charset="0"/>
              </a:rPr>
              <a:t>Aptara places expert consultants with our clients on a flexible timeline or a dedicated basis, allowing organizations to expand their teams’ skills and support without the expense of adding permanent headcount.</a:t>
            </a:r>
          </a:p>
          <a:p>
            <a:pPr>
              <a:spcAft>
                <a:spcPts val="600"/>
              </a:spcAft>
            </a:pPr>
            <a:r>
              <a:rPr lang="en-IN" sz="1050">
                <a:latin typeface="Roboto Light" panose="02000000000000000000" pitchFamily="2" charset="0"/>
                <a:ea typeface="Roboto Light" panose="02000000000000000000" pitchFamily="2" charset="0"/>
                <a:cs typeface="Roboto Light" panose="02000000000000000000" pitchFamily="2" charset="0"/>
              </a:rPr>
              <a:t>Aptara provides consultants with a cross cultural training and multilingual capabilities. Our consultants work closely with you on a variety of requirements from process transformation, CX support and helpdesk to systems administration and maintenance. Our teams help bridge the cultural gap and boost your training initiatives.</a:t>
            </a:r>
          </a:p>
        </p:txBody>
      </p:sp>
      <p:sp>
        <p:nvSpPr>
          <p:cNvPr id="47" name="TextBox 46">
            <a:extLst>
              <a:ext uri="{FF2B5EF4-FFF2-40B4-BE49-F238E27FC236}">
                <a16:creationId xmlns:a16="http://schemas.microsoft.com/office/drawing/2014/main" id="{8AEBA369-DE47-9338-B3E6-43E3A1585553}"/>
              </a:ext>
            </a:extLst>
          </p:cNvPr>
          <p:cNvSpPr txBox="1"/>
          <p:nvPr/>
        </p:nvSpPr>
        <p:spPr>
          <a:xfrm>
            <a:off x="6940819" y="2948369"/>
            <a:ext cx="4621941" cy="307777"/>
          </a:xfrm>
          <a:prstGeom prst="rect">
            <a:avLst/>
          </a:prstGeom>
          <a:noFill/>
        </p:spPr>
        <p:txBody>
          <a:bodyPr wrap="square">
            <a:spAutoFit/>
          </a:bodyPr>
          <a:lstStyle/>
          <a:p>
            <a:pPr lvl="0"/>
            <a:r>
              <a:rPr lang="en-US" sz="1400" b="1">
                <a:latin typeface="Roboto" panose="02000000000000000000" pitchFamily="2" charset="0"/>
                <a:ea typeface="Roboto" panose="02000000000000000000" pitchFamily="2" charset="0"/>
                <a:cs typeface="Roboto" panose="02000000000000000000" pitchFamily="2" charset="0"/>
              </a:rPr>
              <a:t>FLEXIBLE/DEDICATED STAFFING MODELS</a:t>
            </a:r>
          </a:p>
        </p:txBody>
      </p:sp>
      <p:graphicFrame>
        <p:nvGraphicFramePr>
          <p:cNvPr id="48" name="Table 33">
            <a:extLst>
              <a:ext uri="{FF2B5EF4-FFF2-40B4-BE49-F238E27FC236}">
                <a16:creationId xmlns:a16="http://schemas.microsoft.com/office/drawing/2014/main" id="{FEBB0D8E-5A90-5E6A-5C87-354947B1CB0D}"/>
              </a:ext>
            </a:extLst>
          </p:cNvPr>
          <p:cNvGraphicFramePr>
            <a:graphicFrameLocks noGrp="1"/>
          </p:cNvGraphicFramePr>
          <p:nvPr/>
        </p:nvGraphicFramePr>
        <p:xfrm>
          <a:off x="6647381" y="6073755"/>
          <a:ext cx="4998777" cy="54534"/>
        </p:xfrm>
        <a:graphic>
          <a:graphicData uri="http://schemas.openxmlformats.org/drawingml/2006/table">
            <a:tbl>
              <a:tblPr firstRow="1" bandRow="1">
                <a:tableStyleId>{5C22544A-7EE6-4342-B048-85BDC9FD1C3A}</a:tableStyleId>
              </a:tblPr>
              <a:tblGrid>
                <a:gridCol w="714111">
                  <a:extLst>
                    <a:ext uri="{9D8B030D-6E8A-4147-A177-3AD203B41FA5}">
                      <a16:colId xmlns:a16="http://schemas.microsoft.com/office/drawing/2014/main" val="1423692743"/>
                    </a:ext>
                  </a:extLst>
                </a:gridCol>
                <a:gridCol w="714111">
                  <a:extLst>
                    <a:ext uri="{9D8B030D-6E8A-4147-A177-3AD203B41FA5}">
                      <a16:colId xmlns:a16="http://schemas.microsoft.com/office/drawing/2014/main" val="1692161566"/>
                    </a:ext>
                  </a:extLst>
                </a:gridCol>
                <a:gridCol w="714111">
                  <a:extLst>
                    <a:ext uri="{9D8B030D-6E8A-4147-A177-3AD203B41FA5}">
                      <a16:colId xmlns:a16="http://schemas.microsoft.com/office/drawing/2014/main" val="281665169"/>
                    </a:ext>
                  </a:extLst>
                </a:gridCol>
                <a:gridCol w="714111">
                  <a:extLst>
                    <a:ext uri="{9D8B030D-6E8A-4147-A177-3AD203B41FA5}">
                      <a16:colId xmlns:a16="http://schemas.microsoft.com/office/drawing/2014/main" val="3619462369"/>
                    </a:ext>
                  </a:extLst>
                </a:gridCol>
                <a:gridCol w="714111">
                  <a:extLst>
                    <a:ext uri="{9D8B030D-6E8A-4147-A177-3AD203B41FA5}">
                      <a16:colId xmlns:a16="http://schemas.microsoft.com/office/drawing/2014/main" val="3039608560"/>
                    </a:ext>
                  </a:extLst>
                </a:gridCol>
                <a:gridCol w="714111">
                  <a:extLst>
                    <a:ext uri="{9D8B030D-6E8A-4147-A177-3AD203B41FA5}">
                      <a16:colId xmlns:a16="http://schemas.microsoft.com/office/drawing/2014/main" val="2187291478"/>
                    </a:ext>
                  </a:extLst>
                </a:gridCol>
                <a:gridCol w="714111">
                  <a:extLst>
                    <a:ext uri="{9D8B030D-6E8A-4147-A177-3AD203B41FA5}">
                      <a16:colId xmlns:a16="http://schemas.microsoft.com/office/drawing/2014/main" val="324529852"/>
                    </a:ext>
                  </a:extLst>
                </a:gridCol>
              </a:tblGrid>
              <a:tr h="0">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314BA1"/>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48609C"/>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7F4F99"/>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5D5B8D"/>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27B6F"/>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3879C"/>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929DB3"/>
                    </a:solidFill>
                  </a:tcPr>
                </a:tc>
                <a:extLst>
                  <a:ext uri="{0D108BD9-81ED-4DB2-BD59-A6C34878D82A}">
                    <a16:rowId xmlns:a16="http://schemas.microsoft.com/office/drawing/2014/main" val="839580262"/>
                  </a:ext>
                </a:extLst>
              </a:tr>
            </a:tbl>
          </a:graphicData>
        </a:graphic>
      </p:graphicFrame>
      <p:cxnSp>
        <p:nvCxnSpPr>
          <p:cNvPr id="3" name="Straight Connector 2">
            <a:extLst>
              <a:ext uri="{FF2B5EF4-FFF2-40B4-BE49-F238E27FC236}">
                <a16:creationId xmlns:a16="http://schemas.microsoft.com/office/drawing/2014/main" id="{BD4AC4DF-9B6B-E1F2-FB60-D35EED5DA356}"/>
              </a:ext>
            </a:extLst>
          </p:cNvPr>
          <p:cNvCxnSpPr>
            <a:cxnSpLocks/>
          </p:cNvCxnSpPr>
          <p:nvPr/>
        </p:nvCxnSpPr>
        <p:spPr>
          <a:xfrm>
            <a:off x="548640" y="914400"/>
            <a:ext cx="894080" cy="0"/>
          </a:xfrm>
          <a:prstGeom prst="line">
            <a:avLst/>
          </a:prstGeom>
          <a:ln w="38100">
            <a:solidFill>
              <a:srgbClr val="0085BE"/>
            </a:solidFill>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2123236093"/>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2CEFB7-B5FF-7808-6F88-7A65BE5E2E1F}"/>
              </a:ext>
            </a:extLst>
          </p:cNvPr>
          <p:cNvSpPr>
            <a:spLocks noGrp="1"/>
          </p:cNvSpPr>
          <p:nvPr>
            <p:ph type="title"/>
          </p:nvPr>
        </p:nvSpPr>
        <p:spPr/>
        <p:txBody>
          <a:bodyPr>
            <a:normAutofit/>
          </a:bodyPr>
          <a:lstStyle/>
          <a:p>
            <a:r>
              <a:rPr lang="en-IN"/>
              <a:t>Aptara Translation Capabilities</a:t>
            </a:r>
          </a:p>
        </p:txBody>
      </p:sp>
      <p:sp>
        <p:nvSpPr>
          <p:cNvPr id="4" name="Content Placeholder 23">
            <a:extLst>
              <a:ext uri="{FF2B5EF4-FFF2-40B4-BE49-F238E27FC236}">
                <a16:creationId xmlns:a16="http://schemas.microsoft.com/office/drawing/2014/main" id="{DE8AFFD8-7553-DC24-807A-5E3E7B3F144F}"/>
              </a:ext>
            </a:extLst>
          </p:cNvPr>
          <p:cNvSpPr>
            <a:spLocks noGrp="1"/>
          </p:cNvSpPr>
          <p:nvPr>
            <p:ph idx="1"/>
          </p:nvPr>
        </p:nvSpPr>
        <p:spPr>
          <a:xfrm>
            <a:off x="436390" y="1066475"/>
            <a:ext cx="10957560" cy="347379"/>
          </a:xfrm>
        </p:spPr>
        <p:txBody>
          <a:bodyPr>
            <a:normAutofit/>
          </a:bodyPr>
          <a:lstStyle/>
          <a:p>
            <a:pPr marL="0" indent="0">
              <a:buNone/>
            </a:pPr>
            <a:r>
              <a:rPr lang="en-IN" b="1">
                <a:solidFill>
                  <a:srgbClr val="045694"/>
                </a:solidFill>
                <a:latin typeface="Roboto "/>
                <a:cs typeface="Poppins Medium" panose="00000600000000000000" pitchFamily="2" charset="0"/>
              </a:rPr>
              <a:t>Content Localization:</a:t>
            </a:r>
          </a:p>
          <a:p>
            <a:pPr marL="0" indent="0">
              <a:buNone/>
            </a:pPr>
            <a:endParaRPr lang="en-IN" b="1">
              <a:solidFill>
                <a:srgbClr val="045694"/>
              </a:solidFill>
              <a:latin typeface="Roboto "/>
              <a:cs typeface="Poppins Medium" panose="00000600000000000000" pitchFamily="2" charset="0"/>
            </a:endParaRPr>
          </a:p>
          <a:p>
            <a:pPr marL="0" indent="0">
              <a:buNone/>
            </a:pPr>
            <a:endParaRPr lang="en-IN" b="1">
              <a:solidFill>
                <a:srgbClr val="045694"/>
              </a:solidFill>
              <a:latin typeface="Roboto "/>
              <a:cs typeface="Poppins Medium" panose="00000600000000000000" pitchFamily="2" charset="0"/>
            </a:endParaRPr>
          </a:p>
          <a:p>
            <a:endParaRPr lang="en-IN" b="1">
              <a:solidFill>
                <a:srgbClr val="045694"/>
              </a:solidFill>
              <a:latin typeface="Roboto "/>
              <a:cs typeface="Poppins Medium" panose="00000600000000000000" pitchFamily="2" charset="0"/>
            </a:endParaRPr>
          </a:p>
        </p:txBody>
      </p:sp>
      <p:sp>
        <p:nvSpPr>
          <p:cNvPr id="5" name="TextBox 4">
            <a:extLst>
              <a:ext uri="{FF2B5EF4-FFF2-40B4-BE49-F238E27FC236}">
                <a16:creationId xmlns:a16="http://schemas.microsoft.com/office/drawing/2014/main" id="{166B8DED-1870-3795-656D-663EF116808B}"/>
              </a:ext>
            </a:extLst>
          </p:cNvPr>
          <p:cNvSpPr txBox="1"/>
          <p:nvPr/>
        </p:nvSpPr>
        <p:spPr>
          <a:xfrm>
            <a:off x="436390" y="1353557"/>
            <a:ext cx="2661005" cy="600164"/>
          </a:xfrm>
          <a:prstGeom prst="rect">
            <a:avLst/>
          </a:prstGeom>
        </p:spPr>
        <p:txBody>
          <a:bodyPr vert="horz" lIns="91440" tIns="45720" rIns="91440" bIns="45720" rtlCol="0">
            <a:normAutofit/>
          </a:bodyPr>
          <a:lstStyle>
            <a:lvl1pPr indent="0" fontAlgn="base">
              <a:lnSpc>
                <a:spcPct val="100000"/>
              </a:lnSpc>
              <a:spcBef>
                <a:spcPts val="600"/>
              </a:spcBef>
              <a:buFont typeface="Arial" panose="020B0604020202020204" pitchFamily="34" charset="0"/>
              <a:buNone/>
              <a:defRPr sz="1100">
                <a:latin typeface="Poppins Light" panose="00000400000000000000" pitchFamily="2" charset="0"/>
                <a:ea typeface="Roboto Light" panose="02000000000000000000" pitchFamily="2" charset="0"/>
                <a:cs typeface="Poppins Light" panose="00000400000000000000" pitchFamily="2" charset="0"/>
              </a:defRPr>
            </a:lvl1pPr>
            <a:lvl2pPr marL="6858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2pPr>
            <a:lvl3pPr marL="11430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3pPr>
            <a:lvl4pPr marL="16002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4pPr>
            <a:lvl5pPr marL="20574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r>
              <a:rPr lang="en-US">
                <a:latin typeface="Roboto Light" panose="02000000000000000000" pitchFamily="2" charset="0"/>
                <a:cs typeface="Roboto Light" panose="02000000000000000000" pitchFamily="2" charset="0"/>
              </a:rPr>
              <a:t>Localization expands audience reach and improves knowledge retention</a:t>
            </a:r>
          </a:p>
        </p:txBody>
      </p:sp>
      <p:sp>
        <p:nvSpPr>
          <p:cNvPr id="6" name="TextBox 5">
            <a:extLst>
              <a:ext uri="{FF2B5EF4-FFF2-40B4-BE49-F238E27FC236}">
                <a16:creationId xmlns:a16="http://schemas.microsoft.com/office/drawing/2014/main" id="{D06EAA41-53AA-EFB3-CA72-9BA7DB002FE7}"/>
              </a:ext>
            </a:extLst>
          </p:cNvPr>
          <p:cNvSpPr txBox="1"/>
          <p:nvPr/>
        </p:nvSpPr>
        <p:spPr>
          <a:xfrm>
            <a:off x="3220129" y="1353557"/>
            <a:ext cx="2505139" cy="483081"/>
          </a:xfrm>
          <a:prstGeom prst="rect">
            <a:avLst/>
          </a:prstGeom>
        </p:spPr>
        <p:txBody>
          <a:bodyPr vert="horz" lIns="91440" tIns="45720" rIns="91440" bIns="45720" rtlCol="0">
            <a:normAutofit/>
          </a:bodyPr>
          <a:lstStyle>
            <a:defPPr>
              <a:defRPr lang="en-US"/>
            </a:defPPr>
            <a:lvl1pPr indent="0" fontAlgn="base">
              <a:lnSpc>
                <a:spcPct val="100000"/>
              </a:lnSpc>
              <a:spcBef>
                <a:spcPts val="600"/>
              </a:spcBef>
              <a:buFont typeface="Arial" panose="020B0604020202020204" pitchFamily="34" charset="0"/>
              <a:buNone/>
              <a:defRPr sz="1100">
                <a:latin typeface="Poppins Light" panose="00000400000000000000" pitchFamily="2" charset="0"/>
                <a:ea typeface="Roboto Light" panose="02000000000000000000" pitchFamily="2" charset="0"/>
                <a:cs typeface="Poppins Light" panose="00000400000000000000" pitchFamily="2" charset="0"/>
              </a:defRPr>
            </a:lvl1pPr>
            <a:lvl2pPr marL="6858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2pPr>
            <a:lvl3pPr marL="11430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3pPr>
            <a:lvl4pPr marL="16002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4pPr>
            <a:lvl5pPr marL="20574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r>
              <a:rPr lang="en-US">
                <a:latin typeface="Roboto Light" panose="02000000000000000000" pitchFamily="2" charset="0"/>
                <a:cs typeface="Roboto Light" panose="02000000000000000000" pitchFamily="2" charset="0"/>
              </a:rPr>
              <a:t>Effective learning requires audience understanding</a:t>
            </a:r>
          </a:p>
        </p:txBody>
      </p:sp>
      <p:sp>
        <p:nvSpPr>
          <p:cNvPr id="7" name="TextBox 6">
            <a:extLst>
              <a:ext uri="{FF2B5EF4-FFF2-40B4-BE49-F238E27FC236}">
                <a16:creationId xmlns:a16="http://schemas.microsoft.com/office/drawing/2014/main" id="{0360A55C-43EF-E9ED-3B3F-E660B7263E16}"/>
              </a:ext>
            </a:extLst>
          </p:cNvPr>
          <p:cNvSpPr txBox="1"/>
          <p:nvPr/>
        </p:nvSpPr>
        <p:spPr>
          <a:xfrm>
            <a:off x="5848002" y="1353557"/>
            <a:ext cx="2355707" cy="861323"/>
          </a:xfrm>
          <a:prstGeom prst="rect">
            <a:avLst/>
          </a:prstGeom>
        </p:spPr>
        <p:txBody>
          <a:bodyPr vert="horz" lIns="91440" tIns="45720" rIns="91440" bIns="45720" rtlCol="0">
            <a:normAutofit/>
          </a:bodyPr>
          <a:lstStyle>
            <a:defPPr>
              <a:defRPr lang="en-US"/>
            </a:defPPr>
            <a:lvl1pPr indent="0" fontAlgn="base">
              <a:lnSpc>
                <a:spcPct val="100000"/>
              </a:lnSpc>
              <a:spcBef>
                <a:spcPts val="600"/>
              </a:spcBef>
              <a:buFont typeface="Arial" panose="020B0604020202020204" pitchFamily="34" charset="0"/>
              <a:buNone/>
              <a:defRPr sz="1100">
                <a:latin typeface="Poppins Light" panose="00000400000000000000" pitchFamily="2" charset="0"/>
                <a:ea typeface="Roboto Light" panose="02000000000000000000" pitchFamily="2" charset="0"/>
                <a:cs typeface="Poppins Light" panose="00000400000000000000" pitchFamily="2" charset="0"/>
              </a:defRPr>
            </a:lvl1pPr>
            <a:lvl2pPr marL="6858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2pPr>
            <a:lvl3pPr marL="11430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3pPr>
            <a:lvl4pPr marL="16002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4pPr>
            <a:lvl5pPr marL="20574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r>
              <a:rPr lang="en-US">
                <a:latin typeface="Roboto Light" panose="02000000000000000000" pitchFamily="2" charset="0"/>
                <a:cs typeface="Roboto Light" panose="02000000000000000000" pitchFamily="2" charset="0"/>
              </a:rPr>
              <a:t>For multilingual audiences, eLearning localization is essential</a:t>
            </a:r>
          </a:p>
        </p:txBody>
      </p:sp>
      <p:sp>
        <p:nvSpPr>
          <p:cNvPr id="8" name="TextBox 7">
            <a:extLst>
              <a:ext uri="{FF2B5EF4-FFF2-40B4-BE49-F238E27FC236}">
                <a16:creationId xmlns:a16="http://schemas.microsoft.com/office/drawing/2014/main" id="{C1350FDE-5D5C-9D41-685C-37856BC91C4C}"/>
              </a:ext>
            </a:extLst>
          </p:cNvPr>
          <p:cNvSpPr txBox="1"/>
          <p:nvPr/>
        </p:nvSpPr>
        <p:spPr>
          <a:xfrm>
            <a:off x="8469889" y="1353557"/>
            <a:ext cx="3046795" cy="600164"/>
          </a:xfrm>
          <a:prstGeom prst="rect">
            <a:avLst/>
          </a:prstGeom>
        </p:spPr>
        <p:txBody>
          <a:bodyPr vert="horz" lIns="91440" tIns="45720" rIns="91440" bIns="45720" rtlCol="0">
            <a:normAutofit/>
          </a:bodyPr>
          <a:lstStyle>
            <a:defPPr>
              <a:defRPr lang="en-US"/>
            </a:defPPr>
            <a:lvl1pPr indent="0" fontAlgn="base">
              <a:lnSpc>
                <a:spcPct val="100000"/>
              </a:lnSpc>
              <a:spcBef>
                <a:spcPts val="600"/>
              </a:spcBef>
              <a:buFont typeface="Arial" panose="020B0604020202020204" pitchFamily="34" charset="0"/>
              <a:buNone/>
              <a:defRPr sz="1100">
                <a:latin typeface="Poppins Light" panose="00000400000000000000" pitchFamily="2" charset="0"/>
                <a:ea typeface="Roboto Light" panose="02000000000000000000" pitchFamily="2" charset="0"/>
                <a:cs typeface="Poppins Light" panose="00000400000000000000" pitchFamily="2" charset="0"/>
              </a:defRPr>
            </a:lvl1pPr>
            <a:lvl2pPr marL="6858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2pPr>
            <a:lvl3pPr marL="11430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3pPr>
            <a:lvl4pPr marL="16002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4pPr>
            <a:lvl5pPr marL="2057400" indent="-228600">
              <a:lnSpc>
                <a:spcPct val="100000"/>
              </a:lnSpc>
              <a:spcBef>
                <a:spcPts val="600"/>
              </a:spcBef>
              <a:buFont typeface="Arial" panose="020B0604020202020204" pitchFamily="34" charset="0"/>
              <a:buChar char="•"/>
              <a:defRPr sz="1100">
                <a:latin typeface="Poppins Light" panose="00000400000000000000" pitchFamily="2" charset="0"/>
                <a:cs typeface="Poppins Light" panose="00000400000000000000" pitchFamily="2" charset="0"/>
              </a:defRP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r>
              <a:rPr lang="en-US">
                <a:latin typeface="Roboto Light" panose="02000000000000000000" pitchFamily="2" charset="0"/>
                <a:cs typeface="Roboto Light" panose="02000000000000000000" pitchFamily="2" charset="0"/>
              </a:rPr>
              <a:t>Accurate and culturally appropriate translation is crucial for comprehension and retention.</a:t>
            </a:r>
          </a:p>
        </p:txBody>
      </p:sp>
      <p:cxnSp>
        <p:nvCxnSpPr>
          <p:cNvPr id="9" name="Straight Connector 8">
            <a:extLst>
              <a:ext uri="{FF2B5EF4-FFF2-40B4-BE49-F238E27FC236}">
                <a16:creationId xmlns:a16="http://schemas.microsoft.com/office/drawing/2014/main" id="{F82D1C12-1490-0ADB-5865-BB4EFEE04D52}"/>
              </a:ext>
            </a:extLst>
          </p:cNvPr>
          <p:cNvCxnSpPr>
            <a:cxnSpLocks/>
          </p:cNvCxnSpPr>
          <p:nvPr/>
        </p:nvCxnSpPr>
        <p:spPr>
          <a:xfrm>
            <a:off x="3122050" y="1413854"/>
            <a:ext cx="0" cy="586364"/>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8A2144AA-98C7-33AB-1B9A-7215D94DCE1C}"/>
              </a:ext>
            </a:extLst>
          </p:cNvPr>
          <p:cNvCxnSpPr>
            <a:cxnSpLocks/>
          </p:cNvCxnSpPr>
          <p:nvPr/>
        </p:nvCxnSpPr>
        <p:spPr>
          <a:xfrm>
            <a:off x="5760889" y="1413854"/>
            <a:ext cx="0" cy="586364"/>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609BAF66-9BCD-658F-B020-5A8098CFECB0}"/>
              </a:ext>
            </a:extLst>
          </p:cNvPr>
          <p:cNvCxnSpPr>
            <a:cxnSpLocks/>
          </p:cNvCxnSpPr>
          <p:nvPr/>
        </p:nvCxnSpPr>
        <p:spPr>
          <a:xfrm>
            <a:off x="8399728" y="1413854"/>
            <a:ext cx="0" cy="586364"/>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graphicFrame>
        <p:nvGraphicFramePr>
          <p:cNvPr id="12" name="Table 11">
            <a:extLst>
              <a:ext uri="{FF2B5EF4-FFF2-40B4-BE49-F238E27FC236}">
                <a16:creationId xmlns:a16="http://schemas.microsoft.com/office/drawing/2014/main" id="{D6236412-048A-E8F7-AA09-20F8452BA008}"/>
              </a:ext>
            </a:extLst>
          </p:cNvPr>
          <p:cNvGraphicFramePr>
            <a:graphicFrameLocks noGrp="1"/>
          </p:cNvGraphicFramePr>
          <p:nvPr/>
        </p:nvGraphicFramePr>
        <p:xfrm>
          <a:off x="519159" y="2035822"/>
          <a:ext cx="11171391" cy="3977284"/>
        </p:xfrm>
        <a:graphic>
          <a:graphicData uri="http://schemas.openxmlformats.org/drawingml/2006/table">
            <a:tbl>
              <a:tblPr firstRow="1" bandRow="1">
                <a:tableStyleId>{C083E6E3-FA7D-4D7B-A595-EF9225AFEA82}</a:tableStyleId>
              </a:tblPr>
              <a:tblGrid>
                <a:gridCol w="2619724">
                  <a:extLst>
                    <a:ext uri="{9D8B030D-6E8A-4147-A177-3AD203B41FA5}">
                      <a16:colId xmlns:a16="http://schemas.microsoft.com/office/drawing/2014/main" val="20000"/>
                    </a:ext>
                  </a:extLst>
                </a:gridCol>
                <a:gridCol w="2667209">
                  <a:extLst>
                    <a:ext uri="{9D8B030D-6E8A-4147-A177-3AD203B41FA5}">
                      <a16:colId xmlns:a16="http://schemas.microsoft.com/office/drawing/2014/main" val="20001"/>
                    </a:ext>
                  </a:extLst>
                </a:gridCol>
                <a:gridCol w="2626332">
                  <a:extLst>
                    <a:ext uri="{9D8B030D-6E8A-4147-A177-3AD203B41FA5}">
                      <a16:colId xmlns:a16="http://schemas.microsoft.com/office/drawing/2014/main" val="20002"/>
                    </a:ext>
                  </a:extLst>
                </a:gridCol>
                <a:gridCol w="3258126">
                  <a:extLst>
                    <a:ext uri="{9D8B030D-6E8A-4147-A177-3AD203B41FA5}">
                      <a16:colId xmlns:a16="http://schemas.microsoft.com/office/drawing/2014/main" val="20003"/>
                    </a:ext>
                  </a:extLst>
                </a:gridCol>
              </a:tblGrid>
              <a:tr h="317922">
                <a:tc>
                  <a:txBody>
                    <a:bodyPr/>
                    <a:lstStyle/>
                    <a:p>
                      <a:pPr algn="ctr"/>
                      <a:r>
                        <a:rPr lang="en-IN" sz="1100" b="0">
                          <a:solidFill>
                            <a:schemeClr val="bg1"/>
                          </a:solidFill>
                          <a:latin typeface="Roboto" panose="02000000000000000000" pitchFamily="2" charset="0"/>
                          <a:ea typeface="Roboto" panose="02000000000000000000" pitchFamily="2" charset="0"/>
                          <a:cs typeface="Roboto" panose="02000000000000000000" pitchFamily="2" charset="0"/>
                        </a:rPr>
                        <a:t>ASIAN</a:t>
                      </a: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045694"/>
                    </a:solidFill>
                  </a:tcPr>
                </a:tc>
                <a:tc>
                  <a:txBody>
                    <a:bodyPr/>
                    <a:lstStyle/>
                    <a:p>
                      <a:pPr algn="ctr"/>
                      <a:r>
                        <a:rPr lang="en-IN" sz="1100" b="0">
                          <a:solidFill>
                            <a:schemeClr val="bg1"/>
                          </a:solidFill>
                          <a:latin typeface="Roboto" panose="02000000000000000000" pitchFamily="2" charset="0"/>
                          <a:ea typeface="Roboto" panose="02000000000000000000" pitchFamily="2" charset="0"/>
                          <a:cs typeface="Roboto" panose="02000000000000000000" pitchFamily="2" charset="0"/>
                        </a:rPr>
                        <a:t>BALTIC</a:t>
                      </a: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045694"/>
                    </a:solidFill>
                  </a:tcPr>
                </a:tc>
                <a:tc>
                  <a:txBody>
                    <a:bodyPr/>
                    <a:lstStyle/>
                    <a:p>
                      <a:pPr algn="ctr"/>
                      <a:r>
                        <a:rPr lang="en-IN" sz="1100" b="0">
                          <a:solidFill>
                            <a:schemeClr val="bg1"/>
                          </a:solidFill>
                          <a:latin typeface="Roboto" panose="02000000000000000000" pitchFamily="2" charset="0"/>
                          <a:ea typeface="Roboto" panose="02000000000000000000" pitchFamily="2" charset="0"/>
                          <a:cs typeface="Roboto" panose="02000000000000000000" pitchFamily="2" charset="0"/>
                        </a:rPr>
                        <a:t>EAST EUROPEAN</a:t>
                      </a: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045694"/>
                    </a:solidFill>
                  </a:tcPr>
                </a:tc>
                <a:tc>
                  <a:txBody>
                    <a:bodyPr/>
                    <a:lstStyle/>
                    <a:p>
                      <a:pPr algn="ctr"/>
                      <a:r>
                        <a:rPr lang="en-IN" sz="1100" b="0">
                          <a:solidFill>
                            <a:schemeClr val="bg1"/>
                          </a:solidFill>
                          <a:latin typeface="Roboto" panose="02000000000000000000" pitchFamily="2" charset="0"/>
                          <a:ea typeface="Roboto" panose="02000000000000000000" pitchFamily="2" charset="0"/>
                          <a:cs typeface="Roboto" panose="02000000000000000000" pitchFamily="2" charset="0"/>
                        </a:rPr>
                        <a:t>AMERICAN</a:t>
                      </a: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045694"/>
                    </a:solidFill>
                  </a:tcPr>
                </a:tc>
                <a:extLst>
                  <a:ext uri="{0D108BD9-81ED-4DB2-BD59-A6C34878D82A}">
                    <a16:rowId xmlns:a16="http://schemas.microsoft.com/office/drawing/2014/main" val="10000"/>
                  </a:ext>
                </a:extLst>
              </a:tr>
              <a:tr h="262652">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Chinese S.</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Lithuan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lumMod val="85000"/>
                        <a:alpha val="20000"/>
                      </a:scheme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Roman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lumMod val="85000"/>
                        <a:alpha val="20000"/>
                      </a:scheme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French (Canada)</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lumMod val="85000"/>
                        <a:alpha val="20000"/>
                      </a:schemeClr>
                    </a:solidFill>
                  </a:tcPr>
                </a:tc>
                <a:extLst>
                  <a:ext uri="{0D108BD9-81ED-4DB2-BD59-A6C34878D82A}">
                    <a16:rowId xmlns:a16="http://schemas.microsoft.com/office/drawing/2014/main" val="10001"/>
                  </a:ext>
                </a:extLst>
              </a:tr>
              <a:tr h="210559">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Chinese T. HK</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Eston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Polis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Portuguese  (Br)</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10002"/>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Chinese T TW</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Latv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Hungar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Spanish - Mexic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extLst>
                  <a:ext uri="{0D108BD9-81ED-4DB2-BD59-A6C34878D82A}">
                    <a16:rowId xmlns:a16="http://schemas.microsoft.com/office/drawing/2014/main" val="273325881"/>
                  </a:ext>
                </a:extLst>
              </a:tr>
              <a:tr h="28404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Japanese</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algn="ctr" defTabSz="914400" rtl="0" eaLnBrk="1" latinLnBrk="0" hangingPunct="1"/>
                      <a:r>
                        <a:rPr kumimoji="0" lang="en-IN" sz="900" u="none" strike="noStrike" kern="1200" cap="none" normalizeH="0" baseline="0">
                          <a:ln>
                            <a:noFill/>
                          </a:ln>
                          <a:solidFill>
                            <a:srgbClr val="045694"/>
                          </a:solidFill>
                          <a:effectLst/>
                          <a:latin typeface="Roboto Light" panose="02000000000000000000" pitchFamily="2" charset="0"/>
                          <a:ea typeface="Roboto Light" panose="02000000000000000000" pitchFamily="2" charset="0"/>
                          <a:cs typeface="Roboto Light" panose="02000000000000000000" pitchFamily="2" charset="0"/>
                        </a:rPr>
                        <a:t>WESTERN EUROPE</a:t>
                      </a: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00A4DE">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Czec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Spanish - Latin Americ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3236524503"/>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Korean</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Frenc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Bulgar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Haitian Creole</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extLst>
                  <a:ext uri="{0D108BD9-81ED-4DB2-BD59-A6C34878D82A}">
                    <a16:rowId xmlns:a16="http://schemas.microsoft.com/office/drawing/2014/main" val="1861691772"/>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Thai</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Germ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Ukrain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r>
                        <a:rPr kumimoji="0" lang="en-IN" sz="900" u="none" strike="noStrike" kern="1200" cap="none" normalizeH="0" baseline="0">
                          <a:ln>
                            <a:noFill/>
                          </a:ln>
                          <a:solidFill>
                            <a:srgbClr val="045694"/>
                          </a:solidFill>
                          <a:effectLst/>
                          <a:latin typeface="Roboto Light" panose="02000000000000000000" pitchFamily="2" charset="0"/>
                          <a:ea typeface="Roboto Light" panose="02000000000000000000" pitchFamily="2" charset="0"/>
                          <a:cs typeface="Roboto Light" panose="02000000000000000000" pitchFamily="2" charset="0"/>
                        </a:rPr>
                        <a:t>NORDIC</a:t>
                      </a: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00A4DE">
                        <a:alpha val="20000"/>
                      </a:srgbClr>
                    </a:solidFill>
                  </a:tcPr>
                </a:tc>
                <a:extLst>
                  <a:ext uri="{0D108BD9-81ED-4DB2-BD59-A6C34878D82A}">
                    <a16:rowId xmlns:a16="http://schemas.microsoft.com/office/drawing/2014/main" val="387833476"/>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Indian Languages - 10</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Ital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Slovak</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Finnis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extLst>
                  <a:ext uri="{0D108BD9-81ED-4DB2-BD59-A6C34878D82A}">
                    <a16:rowId xmlns:a16="http://schemas.microsoft.com/office/drawing/2014/main" val="4060678607"/>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Malay</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Portuguese</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Russ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Norwegian</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880041066"/>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Laos</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Spanis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algn="ctr" defTabSz="914400" rtl="0" eaLnBrk="1" latinLnBrk="0" hangingPunct="1"/>
                      <a:r>
                        <a:rPr kumimoji="0" lang="en-IN" sz="900" u="none" strike="noStrike" kern="1200" cap="none" normalizeH="0" baseline="0">
                          <a:ln>
                            <a:noFill/>
                          </a:ln>
                          <a:solidFill>
                            <a:srgbClr val="045694"/>
                          </a:solidFill>
                          <a:effectLst/>
                          <a:latin typeface="Roboto Light" panose="02000000000000000000" pitchFamily="2" charset="0"/>
                          <a:ea typeface="Roboto Light" panose="02000000000000000000" pitchFamily="2" charset="0"/>
                          <a:cs typeface="Roboto Light" panose="02000000000000000000" pitchFamily="2" charset="0"/>
                        </a:rPr>
                        <a:t>MIDDLE EAST</a:t>
                      </a: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00A4DE">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Swedis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extLst>
                  <a:ext uri="{0D108BD9-81ED-4DB2-BD59-A6C34878D82A}">
                    <a16:rowId xmlns:a16="http://schemas.microsoft.com/office/drawing/2014/main" val="3331311098"/>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Khmer</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Greek</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Arabic</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Danis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2208037141"/>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Indonesian</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Dutc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Farsi</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algn="ctr"/>
                      <a:endParaRPr lang="en-IN" sz="900">
                        <a:latin typeface="Roboto Light" panose="02000000000000000000" pitchFamily="2" charset="0"/>
                        <a:ea typeface="Roboto Light" panose="02000000000000000000" pitchFamily="2" charset="0"/>
                        <a:cs typeface="Roboto Light" panose="02000000000000000000" pitchFamily="2" charset="0"/>
                      </a:endParaRP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extLst>
                  <a:ext uri="{0D108BD9-81ED-4DB2-BD59-A6C34878D82A}">
                    <a16:rowId xmlns:a16="http://schemas.microsoft.com/office/drawing/2014/main" val="837931167"/>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Tagalog</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Turkis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Hebrew</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endParaRPr lang="en-IN" sz="900">
                        <a:latin typeface="Roboto Light" panose="02000000000000000000" pitchFamily="2" charset="0"/>
                        <a:ea typeface="Roboto Light" panose="02000000000000000000" pitchFamily="2" charset="0"/>
                        <a:cs typeface="Roboto Light" panose="02000000000000000000" pitchFamily="2" charset="0"/>
                      </a:endParaRP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3175"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1509732141"/>
                  </a:ext>
                </a:extLst>
              </a:tr>
              <a:tr h="290211">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Vietnamese</a:t>
                      </a:r>
                      <a:endParaRPr kumimoji="0" lang="en-US" sz="900" b="0" i="0" u="none" strike="noStrike"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endParaRP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Frenc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marL="0" marR="0" lvl="0" indent="0" algn="ctr" defTabSz="914400" rtl="0" eaLnBrk="0" fontAlgn="b" latinLnBrk="0" hangingPunct="0">
                        <a:lnSpc>
                          <a:spcPct val="100000"/>
                        </a:lnSpc>
                        <a:spcBef>
                          <a:spcPct val="0"/>
                        </a:spcBef>
                        <a:spcAft>
                          <a:spcPct val="0"/>
                        </a:spcAft>
                        <a:buClrTx/>
                        <a:buSzTx/>
                        <a:buFontTx/>
                        <a:buNone/>
                        <a:tabLst/>
                      </a:pPr>
                      <a:r>
                        <a:rPr kumimoji="0" lang="en-US" sz="900" u="none" strike="noStrike" kern="1200" cap="none" normalizeH="0" baseline="0">
                          <a:ln>
                            <a:noFill/>
                          </a:ln>
                          <a:solidFill>
                            <a:schemeClr val="tx1"/>
                          </a:solidFill>
                          <a:effectLst/>
                          <a:latin typeface="Roboto Light" panose="02000000000000000000" pitchFamily="2" charset="0"/>
                          <a:ea typeface="Roboto Light" panose="02000000000000000000" pitchFamily="2" charset="0"/>
                          <a:cs typeface="Roboto Light" panose="02000000000000000000" pitchFamily="2" charset="0"/>
                        </a:rPr>
                        <a:t>Turkish</a:t>
                      </a:r>
                    </a:p>
                  </a:txBody>
                  <a:tcPr marL="0" marR="87804" marT="0" marB="43902" anchor="ctr" anchorCtr="1" horzOverflow="overflow">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tc>
                  <a:txBody>
                    <a:bodyPr/>
                    <a:lstStyle/>
                    <a:p>
                      <a:pPr algn="ctr"/>
                      <a:endParaRPr lang="en-IN" sz="900">
                        <a:latin typeface="Roboto Light" panose="02000000000000000000" pitchFamily="2" charset="0"/>
                        <a:ea typeface="Roboto Light" panose="02000000000000000000" pitchFamily="2" charset="0"/>
                        <a:cs typeface="Roboto Light" panose="02000000000000000000" pitchFamily="2" charset="0"/>
                      </a:endParaRPr>
                    </a:p>
                  </a:txBody>
                  <a:tcPr anchor="ctr">
                    <a:lnL w="3175" cap="flat" cmpd="sng" algn="ctr">
                      <a:noFill/>
                      <a:prstDash val="solid"/>
                      <a:round/>
                      <a:headEnd type="none" w="med" len="med"/>
                      <a:tailEnd type="none" w="med" len="med"/>
                    </a:lnL>
                    <a:lnR w="3175" cap="flat" cmpd="sng" algn="ctr">
                      <a:noFill/>
                      <a:prstDash val="solid"/>
                      <a:round/>
                      <a:headEnd type="none" w="med" len="med"/>
                      <a:tailEnd type="none" w="med" len="med"/>
                    </a:lnR>
                    <a:lnT w="3175"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D9D9D9">
                        <a:alpha val="20000"/>
                      </a:srgbClr>
                    </a:solidFill>
                  </a:tcPr>
                </a:tc>
                <a:extLst>
                  <a:ext uri="{0D108BD9-81ED-4DB2-BD59-A6C34878D82A}">
                    <a16:rowId xmlns:a16="http://schemas.microsoft.com/office/drawing/2014/main" val="4051394554"/>
                  </a:ext>
                </a:extLst>
              </a:tr>
            </a:tbl>
          </a:graphicData>
        </a:graphic>
      </p:graphicFrame>
      <p:sp>
        <p:nvSpPr>
          <p:cNvPr id="17" name="TextBox 16">
            <a:extLst>
              <a:ext uri="{FF2B5EF4-FFF2-40B4-BE49-F238E27FC236}">
                <a16:creationId xmlns:a16="http://schemas.microsoft.com/office/drawing/2014/main" id="{AF2A34A8-F084-6689-C8ED-A38E2D23833C}"/>
              </a:ext>
            </a:extLst>
          </p:cNvPr>
          <p:cNvSpPr txBox="1"/>
          <p:nvPr/>
        </p:nvSpPr>
        <p:spPr>
          <a:xfrm>
            <a:off x="656810" y="6189296"/>
            <a:ext cx="7334251" cy="473976"/>
          </a:xfrm>
          <a:prstGeom prst="rect">
            <a:avLst/>
          </a:prstGeom>
          <a:solidFill>
            <a:schemeClr val="accent4">
              <a:lumMod val="40000"/>
              <a:lumOff val="60000"/>
            </a:schemeClr>
          </a:solidFill>
        </p:spPr>
        <p:txBody>
          <a:bodyPr wrap="square" anchor="ctr">
            <a:noAutofit/>
          </a:bodyPr>
          <a:lstStyle/>
          <a:p>
            <a:pPr algn="ctr"/>
            <a:endParaRPr lang="en-IN" sz="900" b="1" i="0">
              <a:solidFill>
                <a:schemeClr val="tx1">
                  <a:alpha val="75000"/>
                </a:schemeClr>
              </a:solidFill>
              <a:latin typeface="Roboto" panose="02000000000000000000" pitchFamily="2" charset="0"/>
              <a:ea typeface="Roboto" panose="02000000000000000000" pitchFamily="2" charset="0"/>
              <a:cs typeface="Roboto" panose="02000000000000000000" pitchFamily="2" charset="0"/>
            </a:endParaRPr>
          </a:p>
        </p:txBody>
      </p:sp>
      <p:sp>
        <p:nvSpPr>
          <p:cNvPr id="14" name="TextBox 13">
            <a:extLst>
              <a:ext uri="{FF2B5EF4-FFF2-40B4-BE49-F238E27FC236}">
                <a16:creationId xmlns:a16="http://schemas.microsoft.com/office/drawing/2014/main" id="{8ACAB93E-3B91-E759-A11A-F1512C353A40}"/>
              </a:ext>
            </a:extLst>
          </p:cNvPr>
          <p:cNvSpPr txBox="1"/>
          <p:nvPr/>
        </p:nvSpPr>
        <p:spPr>
          <a:xfrm>
            <a:off x="687280" y="6210841"/>
            <a:ext cx="7293842" cy="430887"/>
          </a:xfrm>
          <a:prstGeom prst="rect">
            <a:avLst/>
          </a:prstGeom>
          <a:noFill/>
        </p:spPr>
        <p:txBody>
          <a:bodyPr wrap="square" rtlCol="0">
            <a:spAutoFit/>
          </a:bodyPr>
          <a:lstStyle/>
          <a:p>
            <a:pPr marL="63450" fontAlgn="base">
              <a:spcBef>
                <a:spcPts val="1200"/>
              </a:spcBef>
              <a:buClr>
                <a:srgbClr val="0072AE"/>
              </a:buClr>
              <a:defRPr/>
            </a:pPr>
            <a:r>
              <a:rPr lang="en-US" sz="1050" b="1" i="1">
                <a:latin typeface="Roboto" panose="02000000000000000000" pitchFamily="2" charset="0"/>
                <a:ea typeface="Roboto" panose="02000000000000000000" pitchFamily="2" charset="0"/>
                <a:cs typeface="Roboto" panose="02000000000000000000" pitchFamily="2" charset="0"/>
              </a:rPr>
              <a:t>Note: </a:t>
            </a:r>
            <a:r>
              <a:rPr lang="en-US" sz="1050" i="1">
                <a:latin typeface="Roboto Light" panose="02000000000000000000" pitchFamily="2" charset="0"/>
                <a:ea typeface="Roboto Light" panose="02000000000000000000" pitchFamily="2" charset="0"/>
                <a:cs typeface="Roboto Light" panose="02000000000000000000" pitchFamily="2" charset="0"/>
              </a:rPr>
              <a:t>Aptara has localized more than </a:t>
            </a:r>
            <a:r>
              <a:rPr lang="en-US" sz="1050" b="1" i="1">
                <a:latin typeface="Roboto" panose="02000000000000000000" pitchFamily="2" charset="0"/>
                <a:ea typeface="Roboto" panose="02000000000000000000" pitchFamily="2" charset="0"/>
                <a:cs typeface="Roboto" panose="02000000000000000000" pitchFamily="2" charset="0"/>
              </a:rPr>
              <a:t>2,000</a:t>
            </a:r>
            <a:r>
              <a:rPr lang="en-US" sz="1050" i="1">
                <a:latin typeface="Roboto Light" panose="02000000000000000000" pitchFamily="2" charset="0"/>
                <a:ea typeface="Roboto Light" panose="02000000000000000000" pitchFamily="2" charset="0"/>
                <a:cs typeface="Roboto Light" panose="02000000000000000000" pitchFamily="2" charset="0"/>
              </a:rPr>
              <a:t> hours of content (yearly) in </a:t>
            </a:r>
            <a:r>
              <a:rPr lang="en-US" sz="1050" b="1" i="1">
                <a:latin typeface="Roboto" panose="02000000000000000000" pitchFamily="2" charset="0"/>
                <a:ea typeface="Roboto" panose="02000000000000000000" pitchFamily="2" charset="0"/>
                <a:cs typeface="Roboto" panose="02000000000000000000" pitchFamily="2" charset="0"/>
              </a:rPr>
              <a:t>50+</a:t>
            </a:r>
            <a:r>
              <a:rPr lang="en-US" sz="1050" b="1" i="1">
                <a:latin typeface="Roboto Light" panose="02000000000000000000" pitchFamily="2" charset="0"/>
                <a:ea typeface="Roboto Light" panose="02000000000000000000" pitchFamily="2" charset="0"/>
                <a:cs typeface="Roboto Light" panose="02000000000000000000" pitchFamily="2" charset="0"/>
              </a:rPr>
              <a:t> </a:t>
            </a:r>
            <a:r>
              <a:rPr lang="en-US" sz="1050" i="1">
                <a:latin typeface="Roboto Light" panose="02000000000000000000" pitchFamily="2" charset="0"/>
                <a:ea typeface="Roboto Light" panose="02000000000000000000" pitchFamily="2" charset="0"/>
                <a:cs typeface="Roboto Light" panose="02000000000000000000" pitchFamily="2" charset="0"/>
              </a:rPr>
              <a:t>different languages. Our capabilities include translation, voice-over recordings, integration, and templatization of learning materials for reusability.</a:t>
            </a:r>
          </a:p>
        </p:txBody>
      </p:sp>
    </p:spTree>
    <p:extLst>
      <p:ext uri="{BB962C8B-B14F-4D97-AF65-F5344CB8AC3E}">
        <p14:creationId xmlns:p14="http://schemas.microsoft.com/office/powerpoint/2010/main" val="3204578778"/>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40AE8C1-35A7-9299-DC12-721D63A0CF8E}"/>
              </a:ext>
            </a:extLst>
          </p:cNvPr>
          <p:cNvSpPr>
            <a:spLocks noGrp="1"/>
          </p:cNvSpPr>
          <p:nvPr>
            <p:ph type="title"/>
          </p:nvPr>
        </p:nvSpPr>
        <p:spPr/>
        <p:txBody>
          <a:bodyPr/>
          <a:lstStyle/>
          <a:p>
            <a:r>
              <a:rPr lang="en-US"/>
              <a:t>Tools and Technologies Expertise</a:t>
            </a:r>
            <a:endParaRPr lang="en-IN"/>
          </a:p>
        </p:txBody>
      </p:sp>
      <p:sp>
        <p:nvSpPr>
          <p:cNvPr id="3" name="Content Placeholder 2">
            <a:extLst>
              <a:ext uri="{FF2B5EF4-FFF2-40B4-BE49-F238E27FC236}">
                <a16:creationId xmlns:a16="http://schemas.microsoft.com/office/drawing/2014/main" id="{883DD0D4-F257-606A-3C7D-367D6961C3B9}"/>
              </a:ext>
            </a:extLst>
          </p:cNvPr>
          <p:cNvSpPr>
            <a:spLocks noGrp="1"/>
          </p:cNvSpPr>
          <p:nvPr>
            <p:ph idx="1"/>
          </p:nvPr>
        </p:nvSpPr>
        <p:spPr>
          <a:xfrm>
            <a:off x="472438" y="1243013"/>
            <a:ext cx="11483583" cy="2306267"/>
          </a:xfrm>
        </p:spPr>
        <p:txBody>
          <a:bodyPr vert="horz" lIns="91440" tIns="45720" rIns="91440" bIns="45720" rtlCol="0">
            <a:normAutofit/>
          </a:bodyPr>
          <a:lstStyle/>
          <a:p>
            <a:pPr marL="0" indent="0" fontAlgn="base">
              <a:buNone/>
            </a:pPr>
            <a:r>
              <a:rPr lang="en-US" sz="1200"/>
              <a:t>Aptara uses the latest industry standard tools and technologies to develop courses that are Tin Can, SCORM 1.2/2004 or AICC compliant. We have developed thousands of hours of eLearning courses using the latest tools and technologies. Our courses are developed to support multiple platforms (desktop, laptop, tablets and smartphones).</a:t>
            </a:r>
          </a:p>
          <a:p>
            <a:pPr marL="0" indent="0" fontAlgn="base">
              <a:buNone/>
            </a:pPr>
            <a:r>
              <a:rPr lang="en-US" sz="1200"/>
              <a:t>The list of tools and platforms below is from industry standards; Aptara is a tool agnostic company and can easily adapt to any new technology or client’s proprietary tool.</a:t>
            </a:r>
            <a:endParaRPr lang="en-IN" sz="1200"/>
          </a:p>
        </p:txBody>
      </p:sp>
      <p:sp>
        <p:nvSpPr>
          <p:cNvPr id="4" name="TextBox 3">
            <a:extLst>
              <a:ext uri="{FF2B5EF4-FFF2-40B4-BE49-F238E27FC236}">
                <a16:creationId xmlns:a16="http://schemas.microsoft.com/office/drawing/2014/main" id="{3882CBF9-8D95-A811-89A2-2D5ABD4DB4C2}"/>
              </a:ext>
            </a:extLst>
          </p:cNvPr>
          <p:cNvSpPr txBox="1"/>
          <p:nvPr/>
        </p:nvSpPr>
        <p:spPr>
          <a:xfrm>
            <a:off x="4047376" y="2243313"/>
            <a:ext cx="4002686" cy="320182"/>
          </a:xfrm>
          <a:prstGeom prst="rect">
            <a:avLst/>
          </a:prstGeom>
          <a:solidFill>
            <a:schemeClr val="accent6">
              <a:lumMod val="75000"/>
            </a:schemeClr>
          </a:solidFill>
          <a:ln>
            <a:noFill/>
          </a:ln>
          <a:effectLst/>
        </p:spPr>
        <p:style>
          <a:lnRef idx="1">
            <a:schemeClr val="accent1"/>
          </a:lnRef>
          <a:fillRef idx="3">
            <a:schemeClr val="accent1"/>
          </a:fillRef>
          <a:effectRef idx="2">
            <a:schemeClr val="accent1"/>
          </a:effectRef>
          <a:fontRef idx="minor">
            <a:schemeClr val="lt1"/>
          </a:fontRef>
        </p:style>
        <p:txBody>
          <a:bodyPr wrap="square" lIns="90357" tIns="45171" rIns="90357" bIns="45171"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MOBILE/AR &amp; VR TOOLS</a:t>
            </a:r>
          </a:p>
        </p:txBody>
      </p:sp>
      <p:pic>
        <p:nvPicPr>
          <p:cNvPr id="5" name="Picture 17" descr="D:\02_Project\2013\Tools_presentation\05_images\resize\HTML5_Logo_256.png">
            <a:extLst>
              <a:ext uri="{FF2B5EF4-FFF2-40B4-BE49-F238E27FC236}">
                <a16:creationId xmlns:a16="http://schemas.microsoft.com/office/drawing/2014/main" id="{8E764C45-13D1-50CA-AC91-10442221E4B1}"/>
              </a:ext>
            </a:extLst>
          </p:cNvPr>
          <p:cNvPicPr>
            <a:picLocks noChangeAspect="1" noChangeArrowheads="1"/>
          </p:cNvPicPr>
          <p:nvPr/>
        </p:nvPicPr>
        <p:blipFill>
          <a:blip r:embed="rId2" cstate="screen">
            <a:extLst>
              <a:ext uri="{28A0092B-C50C-407E-A947-70E740481C1C}">
                <a14:useLocalDpi xmlns:a14="http://schemas.microsoft.com/office/drawing/2010/main" val="0"/>
              </a:ext>
            </a:extLst>
          </a:blip>
          <a:srcRect/>
          <a:stretch>
            <a:fillRect/>
          </a:stretch>
        </p:blipFill>
        <p:spPr bwMode="auto">
          <a:xfrm>
            <a:off x="4803437" y="2827602"/>
            <a:ext cx="511443" cy="649117"/>
          </a:xfrm>
          <a:prstGeom prst="rect">
            <a:avLst/>
          </a:prstGeom>
          <a:noFill/>
          <a:ln w="9525">
            <a:noFill/>
            <a:miter lim="800000"/>
            <a:headEnd/>
            <a:tailEnd/>
          </a:ln>
        </p:spPr>
      </p:pic>
      <p:pic>
        <p:nvPicPr>
          <p:cNvPr id="6" name="Picture 18" descr="D:\02_Project\2013\Tools_presentation\05_images\resize\jquery-logo1.png">
            <a:extLst>
              <a:ext uri="{FF2B5EF4-FFF2-40B4-BE49-F238E27FC236}">
                <a16:creationId xmlns:a16="http://schemas.microsoft.com/office/drawing/2014/main" id="{0E2A5295-3681-5633-E7A3-D47092543485}"/>
              </a:ext>
            </a:extLst>
          </p:cNvPr>
          <p:cNvPicPr>
            <a:picLocks noChangeAspect="1" noChangeArrowheads="1"/>
          </p:cNvPicPr>
          <p:nvPr/>
        </p:nvPicPr>
        <p:blipFill>
          <a:blip r:embed="rId3" cstate="screen">
            <a:extLst>
              <a:ext uri="{28A0092B-C50C-407E-A947-70E740481C1C}">
                <a14:useLocalDpi xmlns:a14="http://schemas.microsoft.com/office/drawing/2010/main" val="0"/>
              </a:ext>
            </a:extLst>
          </a:blip>
          <a:srcRect/>
          <a:stretch>
            <a:fillRect/>
          </a:stretch>
        </p:blipFill>
        <p:spPr bwMode="auto">
          <a:xfrm>
            <a:off x="6535505" y="3056130"/>
            <a:ext cx="1066605" cy="265939"/>
          </a:xfrm>
          <a:prstGeom prst="rect">
            <a:avLst/>
          </a:prstGeom>
          <a:noFill/>
          <a:ln w="9525">
            <a:noFill/>
            <a:miter lim="800000"/>
            <a:headEnd/>
            <a:tailEnd/>
          </a:ln>
        </p:spPr>
      </p:pic>
      <p:pic>
        <p:nvPicPr>
          <p:cNvPr id="7" name="Picture 12" descr="D:\02_Project\2013\Tools_presentation\05_images\resize\CSS3.png">
            <a:extLst>
              <a:ext uri="{FF2B5EF4-FFF2-40B4-BE49-F238E27FC236}">
                <a16:creationId xmlns:a16="http://schemas.microsoft.com/office/drawing/2014/main" id="{A9FDDEC9-4335-3566-2D8C-6FA5FEAF8AD5}"/>
              </a:ext>
            </a:extLst>
          </p:cNvPr>
          <p:cNvPicPr>
            <a:picLocks noChangeAspect="1" noChangeArrowheads="1"/>
          </p:cNvPicPr>
          <p:nvPr/>
        </p:nvPicPr>
        <p:blipFill>
          <a:blip r:embed="rId4" cstate="screen">
            <a:extLst>
              <a:ext uri="{28A0092B-C50C-407E-A947-70E740481C1C}">
                <a14:useLocalDpi xmlns:a14="http://schemas.microsoft.com/office/drawing/2010/main" val="0"/>
              </a:ext>
            </a:extLst>
          </a:blip>
          <a:srcRect/>
          <a:stretch>
            <a:fillRect/>
          </a:stretch>
        </p:blipFill>
        <p:spPr bwMode="auto">
          <a:xfrm>
            <a:off x="5912694" y="2842191"/>
            <a:ext cx="455327" cy="648605"/>
          </a:xfrm>
          <a:prstGeom prst="rect">
            <a:avLst/>
          </a:prstGeom>
          <a:noFill/>
          <a:ln w="9525">
            <a:noFill/>
            <a:miter lim="800000"/>
            <a:headEnd/>
            <a:tailEnd/>
          </a:ln>
        </p:spPr>
      </p:pic>
      <p:sp>
        <p:nvSpPr>
          <p:cNvPr id="9" name="TextBox 8">
            <a:extLst>
              <a:ext uri="{FF2B5EF4-FFF2-40B4-BE49-F238E27FC236}">
                <a16:creationId xmlns:a16="http://schemas.microsoft.com/office/drawing/2014/main" id="{766EC56F-B2AF-E631-B32C-734865FA55A6}"/>
              </a:ext>
            </a:extLst>
          </p:cNvPr>
          <p:cNvSpPr txBox="1"/>
          <p:nvPr/>
        </p:nvSpPr>
        <p:spPr>
          <a:xfrm>
            <a:off x="575637" y="2239417"/>
            <a:ext cx="3622793" cy="325707"/>
          </a:xfrm>
          <a:prstGeom prst="rect">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txBody>
          <a:bodyPr wrap="square" lIns="90357" tIns="45171" rIns="90357" bIns="45171"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DIGITAL/WEB CONTENT TOOLS</a:t>
            </a:r>
          </a:p>
        </p:txBody>
      </p:sp>
      <p:pic>
        <p:nvPicPr>
          <p:cNvPr id="10" name="Picture 9">
            <a:extLst>
              <a:ext uri="{FF2B5EF4-FFF2-40B4-BE49-F238E27FC236}">
                <a16:creationId xmlns:a16="http://schemas.microsoft.com/office/drawing/2014/main" id="{AEF0FEAD-016B-3FBA-E165-B18C3B1843BC}"/>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589886" y="3416990"/>
            <a:ext cx="1372994" cy="341638"/>
          </a:xfrm>
          <a:prstGeom prst="rect">
            <a:avLst/>
          </a:prstGeom>
        </p:spPr>
      </p:pic>
      <p:pic>
        <p:nvPicPr>
          <p:cNvPr id="11" name="Picture 10">
            <a:extLst>
              <a:ext uri="{FF2B5EF4-FFF2-40B4-BE49-F238E27FC236}">
                <a16:creationId xmlns:a16="http://schemas.microsoft.com/office/drawing/2014/main" id="{B49929DA-E59E-4268-9C45-C965EC843DF3}"/>
              </a:ext>
            </a:extLst>
          </p:cNvPr>
          <p:cNvPicPr>
            <a:picLocks noChangeAspect="1"/>
          </p:cNvPicPr>
          <p:nvPr/>
        </p:nvPicPr>
        <p:blipFill>
          <a:blip r:embed="rId6" cstate="screen">
            <a:extLst>
              <a:ext uri="{BEBA8EAE-BF5A-486C-A8C5-ECC9F3942E4B}">
                <a14:imgProps xmlns:a14="http://schemas.microsoft.com/office/drawing/2010/main">
                  <a14:imgLayer r:embed="rId7">
                    <a14:imgEffect>
                      <a14:brightnessContrast bright="-20000" contrast="40000"/>
                    </a14:imgEffect>
                  </a14:imgLayer>
                </a14:imgProps>
              </a:ext>
              <a:ext uri="{28A0092B-C50C-407E-A947-70E740481C1C}">
                <a14:useLocalDpi xmlns:a14="http://schemas.microsoft.com/office/drawing/2010/main" val="0"/>
              </a:ext>
            </a:extLst>
          </a:blip>
          <a:stretch>
            <a:fillRect/>
          </a:stretch>
        </p:blipFill>
        <p:spPr>
          <a:xfrm>
            <a:off x="589886" y="4026964"/>
            <a:ext cx="934342" cy="381986"/>
          </a:xfrm>
          <a:prstGeom prst="rect">
            <a:avLst/>
          </a:prstGeom>
        </p:spPr>
      </p:pic>
      <p:pic>
        <p:nvPicPr>
          <p:cNvPr id="12" name="Picture 11">
            <a:extLst>
              <a:ext uri="{FF2B5EF4-FFF2-40B4-BE49-F238E27FC236}">
                <a16:creationId xmlns:a16="http://schemas.microsoft.com/office/drawing/2014/main" id="{90930DB9-2F89-58B1-322A-3F8F687E8BB0}"/>
              </a:ext>
            </a:extLst>
          </p:cNvPr>
          <p:cNvPicPr>
            <a:picLocks noChangeAspect="1"/>
          </p:cNvPicPr>
          <p:nvPr/>
        </p:nvPicPr>
        <p:blipFill>
          <a:blip r:embed="rId8" cstate="screen">
            <a:clrChange>
              <a:clrFrom>
                <a:srgbClr val="FFFFFF"/>
              </a:clrFrom>
              <a:clrTo>
                <a:srgbClr val="FFFFFF">
                  <a:alpha val="0"/>
                </a:srgbClr>
              </a:clrTo>
            </a:clrChange>
            <a:extLst>
              <a:ext uri="{28A0092B-C50C-407E-A947-70E740481C1C}">
                <a14:useLocalDpi xmlns:a14="http://schemas.microsoft.com/office/drawing/2010/main" val="0"/>
              </a:ext>
            </a:extLst>
          </a:blip>
          <a:stretch>
            <a:fillRect/>
          </a:stretch>
        </p:blipFill>
        <p:spPr>
          <a:xfrm>
            <a:off x="1973980" y="4038154"/>
            <a:ext cx="743606" cy="272656"/>
          </a:xfrm>
          <a:prstGeom prst="rect">
            <a:avLst/>
          </a:prstGeom>
        </p:spPr>
      </p:pic>
      <p:pic>
        <p:nvPicPr>
          <p:cNvPr id="13" name="Picture 12">
            <a:extLst>
              <a:ext uri="{FF2B5EF4-FFF2-40B4-BE49-F238E27FC236}">
                <a16:creationId xmlns:a16="http://schemas.microsoft.com/office/drawing/2014/main" id="{22BBE72D-9B1A-D69F-5352-12766227EA60}"/>
              </a:ext>
            </a:extLst>
          </p:cNvPr>
          <p:cNvPicPr>
            <a:picLocks noChangeAspect="1"/>
          </p:cNvPicPr>
          <p:nvPr/>
        </p:nvPicPr>
        <p:blipFill>
          <a:blip r:embed="rId9">
            <a:clrChange>
              <a:clrFrom>
                <a:srgbClr val="FFFFFF"/>
              </a:clrFrom>
              <a:clrTo>
                <a:srgbClr val="FFFFFF">
                  <a:alpha val="0"/>
                </a:srgbClr>
              </a:clrTo>
            </a:clrChange>
            <a:extLst>
              <a:ext uri="{28A0092B-C50C-407E-A947-70E740481C1C}">
                <a14:useLocalDpi xmlns:a14="http://schemas.microsoft.com/office/drawing/2010/main" val="0"/>
              </a:ext>
            </a:extLst>
          </a:blip>
          <a:stretch>
            <a:fillRect/>
          </a:stretch>
        </p:blipFill>
        <p:spPr>
          <a:xfrm>
            <a:off x="589886" y="4680369"/>
            <a:ext cx="827899" cy="318424"/>
          </a:xfrm>
          <a:prstGeom prst="rect">
            <a:avLst/>
          </a:prstGeom>
        </p:spPr>
      </p:pic>
      <p:pic>
        <p:nvPicPr>
          <p:cNvPr id="14" name="Graphic 13">
            <a:extLst>
              <a:ext uri="{FF2B5EF4-FFF2-40B4-BE49-F238E27FC236}">
                <a16:creationId xmlns:a16="http://schemas.microsoft.com/office/drawing/2014/main" id="{6D0CF593-FA09-B782-4F6A-CAF603F06990}"/>
              </a:ext>
            </a:extLst>
          </p:cNvPr>
          <p:cNvPicPr>
            <a:picLocks noChangeAspect="1"/>
          </p:cNvPicPr>
          <p:nvPr/>
        </p:nvPicPr>
        <p:blipFill>
          <a:blip r:embed="rId10" cstate="hqprint">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1944590" y="3494062"/>
            <a:ext cx="961868" cy="155047"/>
          </a:xfrm>
          <a:prstGeom prst="rect">
            <a:avLst/>
          </a:prstGeom>
        </p:spPr>
      </p:pic>
      <p:pic>
        <p:nvPicPr>
          <p:cNvPr id="15" name="Graphic 14">
            <a:extLst>
              <a:ext uri="{FF2B5EF4-FFF2-40B4-BE49-F238E27FC236}">
                <a16:creationId xmlns:a16="http://schemas.microsoft.com/office/drawing/2014/main" id="{D408BBD9-127E-0B5F-90ED-5DDD68D69CF5}"/>
              </a:ext>
            </a:extLst>
          </p:cNvPr>
          <p:cNvPicPr>
            <a:picLocks noChangeAspect="1"/>
          </p:cNvPicPr>
          <p:nvPr/>
        </p:nvPicPr>
        <p:blipFill>
          <a:blip r:embed="rId12" cstate="hqprint">
            <a:extLst>
              <a:ext uri="{28A0092B-C50C-407E-A947-70E740481C1C}">
                <a14:useLocalDpi xmlns:a14="http://schemas.microsoft.com/office/drawing/2010/main" val="0"/>
              </a:ext>
              <a:ext uri="{96DAC541-7B7A-43D3-8B79-37D633B846F1}">
                <asvg:svgBlip xmlns:asvg="http://schemas.microsoft.com/office/drawing/2016/SVG/main" r:embed="rId13"/>
              </a:ext>
            </a:extLst>
          </a:blip>
          <a:stretch>
            <a:fillRect/>
          </a:stretch>
        </p:blipFill>
        <p:spPr>
          <a:xfrm>
            <a:off x="3235172" y="3447487"/>
            <a:ext cx="674775" cy="248194"/>
          </a:xfrm>
          <a:prstGeom prst="rect">
            <a:avLst/>
          </a:prstGeom>
        </p:spPr>
      </p:pic>
      <p:sp>
        <p:nvSpPr>
          <p:cNvPr id="17" name="TextBox 16">
            <a:extLst>
              <a:ext uri="{FF2B5EF4-FFF2-40B4-BE49-F238E27FC236}">
                <a16:creationId xmlns:a16="http://schemas.microsoft.com/office/drawing/2014/main" id="{340D587D-B928-0FB2-73A0-B4ECD1518065}"/>
              </a:ext>
            </a:extLst>
          </p:cNvPr>
          <p:cNvSpPr txBox="1"/>
          <p:nvPr/>
        </p:nvSpPr>
        <p:spPr>
          <a:xfrm>
            <a:off x="8050063" y="2239709"/>
            <a:ext cx="3566422" cy="336181"/>
          </a:xfrm>
          <a:prstGeom prst="rect">
            <a:avLst/>
          </a:prstGeom>
          <a:solidFill>
            <a:schemeClr val="accent2">
              <a:lumMod val="75000"/>
            </a:schemeClr>
          </a:solidFill>
          <a:ln>
            <a:noFill/>
          </a:ln>
          <a:effectLst/>
        </p:spPr>
        <p:style>
          <a:lnRef idx="1">
            <a:schemeClr val="accent1"/>
          </a:lnRef>
          <a:fillRef idx="3">
            <a:schemeClr val="accent1"/>
          </a:fillRef>
          <a:effectRef idx="2">
            <a:schemeClr val="accent1"/>
          </a:effectRef>
          <a:fontRef idx="minor">
            <a:schemeClr val="lt1"/>
          </a:fontRef>
        </p:style>
        <p:txBody>
          <a:bodyPr wrap="square" lIns="90357" tIns="45171" rIns="90357" bIns="45171"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LMS &amp; LXP PLATFORMS</a:t>
            </a:r>
          </a:p>
        </p:txBody>
      </p:sp>
      <p:pic>
        <p:nvPicPr>
          <p:cNvPr id="18" name="Picture 39" descr="ilearning_logo">
            <a:extLst>
              <a:ext uri="{FF2B5EF4-FFF2-40B4-BE49-F238E27FC236}">
                <a16:creationId xmlns:a16="http://schemas.microsoft.com/office/drawing/2014/main" id="{875E85E3-69A4-8C74-62EA-F871825706AC}"/>
              </a:ext>
            </a:extLst>
          </p:cNvPr>
          <p:cNvPicPr>
            <a:picLocks noChangeAspect="1" noChangeArrowheads="1"/>
          </p:cNvPicPr>
          <p:nvPr/>
        </p:nvPicPr>
        <p:blipFill>
          <a:blip r:embed="rId14" cstate="email">
            <a:extLst>
              <a:ext uri="{28A0092B-C50C-407E-A947-70E740481C1C}">
                <a14:useLocalDpi xmlns:a14="http://schemas.microsoft.com/office/drawing/2010/main" val="0"/>
              </a:ext>
            </a:extLst>
          </a:blip>
          <a:srcRect t="21811" r="36903" b="43808"/>
          <a:stretch>
            <a:fillRect/>
          </a:stretch>
        </p:blipFill>
        <p:spPr bwMode="auto">
          <a:xfrm>
            <a:off x="8398663" y="6042849"/>
            <a:ext cx="1532636" cy="25046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9" name="Picture 2" descr="https://www.onelogin.com/assets/img/partners/logos/app-ptr-successfactors.png">
            <a:extLst>
              <a:ext uri="{FF2B5EF4-FFF2-40B4-BE49-F238E27FC236}">
                <a16:creationId xmlns:a16="http://schemas.microsoft.com/office/drawing/2014/main" id="{1EDFF267-903A-EF8A-0465-5EB2F641FD79}"/>
              </a:ext>
            </a:extLst>
          </p:cNvPr>
          <p:cNvPicPr>
            <a:picLocks noChangeAspect="1" noChangeArrowheads="1"/>
          </p:cNvPicPr>
          <p:nvPr/>
        </p:nvPicPr>
        <p:blipFill>
          <a:blip r:embed="rId15" cstate="email">
            <a:extLst>
              <a:ext uri="{28A0092B-C50C-407E-A947-70E740481C1C}">
                <a14:useLocalDpi xmlns:a14="http://schemas.microsoft.com/office/drawing/2010/main" val="0"/>
              </a:ext>
            </a:extLst>
          </a:blip>
          <a:srcRect/>
          <a:stretch>
            <a:fillRect/>
          </a:stretch>
        </p:blipFill>
        <p:spPr bwMode="auto">
          <a:xfrm>
            <a:off x="9028733" y="4685786"/>
            <a:ext cx="1889256" cy="357257"/>
          </a:xfrm>
          <a:prstGeom prst="rect">
            <a:avLst/>
          </a:prstGeom>
          <a:noFill/>
          <a:extLst>
            <a:ext uri="{909E8E84-426E-40DD-AFC4-6F175D3DCCD1}">
              <a14:hiddenFill xmlns:a14="http://schemas.microsoft.com/office/drawing/2010/main">
                <a:solidFill>
                  <a:srgbClr val="FFFFFF"/>
                </a:solidFill>
              </a14:hiddenFill>
            </a:ext>
          </a:extLst>
        </p:spPr>
      </p:pic>
      <p:pic>
        <p:nvPicPr>
          <p:cNvPr id="20" name="Picture 5">
            <a:extLst>
              <a:ext uri="{FF2B5EF4-FFF2-40B4-BE49-F238E27FC236}">
                <a16:creationId xmlns:a16="http://schemas.microsoft.com/office/drawing/2014/main" id="{5401DCBA-6979-33FE-0C8C-A959631F56EB}"/>
              </a:ext>
            </a:extLst>
          </p:cNvPr>
          <p:cNvPicPr>
            <a:picLocks noChangeAspect="1" noChangeArrowheads="1"/>
          </p:cNvPicPr>
          <p:nvPr/>
        </p:nvPicPr>
        <p:blipFill>
          <a:blip r:embed="rId16" cstate="email">
            <a:extLst>
              <a:ext uri="{28A0092B-C50C-407E-A947-70E740481C1C}">
                <a14:useLocalDpi xmlns:a14="http://schemas.microsoft.com/office/drawing/2010/main" val="0"/>
              </a:ext>
            </a:extLst>
          </a:blip>
          <a:srcRect/>
          <a:stretch>
            <a:fillRect/>
          </a:stretch>
        </p:blipFill>
        <p:spPr bwMode="auto">
          <a:xfrm>
            <a:off x="10288998" y="3487405"/>
            <a:ext cx="1193804" cy="417831"/>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21" name="Picture 20" descr="http://joshbersin.com/wp-content/uploads/2015/04/saba.jpg">
            <a:extLst>
              <a:ext uri="{FF2B5EF4-FFF2-40B4-BE49-F238E27FC236}">
                <a16:creationId xmlns:a16="http://schemas.microsoft.com/office/drawing/2014/main" id="{1ED15969-3D8D-915C-DF60-14397EDB6B0F}"/>
              </a:ext>
            </a:extLst>
          </p:cNvPr>
          <p:cNvPicPr>
            <a:picLocks noChangeAspect="1" noChangeArrowheads="1"/>
          </p:cNvPicPr>
          <p:nvPr/>
        </p:nvPicPr>
        <p:blipFill>
          <a:blip r:embed="rId17" cstate="screen">
            <a:extLst>
              <a:ext uri="{28A0092B-C50C-407E-A947-70E740481C1C}">
                <a14:useLocalDpi xmlns:a14="http://schemas.microsoft.com/office/drawing/2010/main" val="0"/>
              </a:ext>
            </a:extLst>
          </a:blip>
          <a:srcRect/>
          <a:stretch>
            <a:fillRect/>
          </a:stretch>
        </p:blipFill>
        <p:spPr bwMode="auto">
          <a:xfrm>
            <a:off x="8506953" y="2725728"/>
            <a:ext cx="1111986" cy="521244"/>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9" descr="Moodle">
            <a:extLst>
              <a:ext uri="{FF2B5EF4-FFF2-40B4-BE49-F238E27FC236}">
                <a16:creationId xmlns:a16="http://schemas.microsoft.com/office/drawing/2014/main" id="{0EA545E9-7A65-A900-FA03-EE2BED0BCC75}"/>
              </a:ext>
            </a:extLst>
          </p:cNvPr>
          <p:cNvPicPr>
            <a:picLocks noChangeAspect="1" noChangeArrowheads="1"/>
          </p:cNvPicPr>
          <p:nvPr/>
        </p:nvPicPr>
        <p:blipFill>
          <a:blip r:embed="rId18" cstate="email">
            <a:extLst>
              <a:ext uri="{28A0092B-C50C-407E-A947-70E740481C1C}">
                <a14:useLocalDpi xmlns:a14="http://schemas.microsoft.com/office/drawing/2010/main" val="0"/>
              </a:ext>
            </a:extLst>
          </a:blip>
          <a:srcRect/>
          <a:stretch>
            <a:fillRect/>
          </a:stretch>
        </p:blipFill>
        <p:spPr bwMode="auto">
          <a:xfrm>
            <a:off x="10236182" y="4158452"/>
            <a:ext cx="1066650" cy="318950"/>
          </a:xfrm>
          <a:prstGeom prst="rect">
            <a:avLst/>
          </a:prstGeom>
          <a:noFill/>
          <a:extLst>
            <a:ext uri="{909E8E84-426E-40DD-AFC4-6F175D3DCCD1}">
              <a14:hiddenFill xmlns:a14="http://schemas.microsoft.com/office/drawing/2010/main">
                <a:solidFill>
                  <a:srgbClr val="FFFFFF"/>
                </a:solidFill>
              </a14:hiddenFill>
            </a:ext>
          </a:extLst>
        </p:spPr>
      </p:pic>
      <p:pic>
        <p:nvPicPr>
          <p:cNvPr id="23" name="Picture 10">
            <a:extLst>
              <a:ext uri="{FF2B5EF4-FFF2-40B4-BE49-F238E27FC236}">
                <a16:creationId xmlns:a16="http://schemas.microsoft.com/office/drawing/2014/main" id="{56A45C03-3F85-D3D8-44CE-1E50D6ED5975}"/>
              </a:ext>
            </a:extLst>
          </p:cNvPr>
          <p:cNvPicPr>
            <a:picLocks noChangeAspect="1" noChangeArrowheads="1"/>
          </p:cNvPicPr>
          <p:nvPr/>
        </p:nvPicPr>
        <p:blipFill>
          <a:blip r:embed="rId19" cstate="screen">
            <a:extLst>
              <a:ext uri="{28A0092B-C50C-407E-A947-70E740481C1C}">
                <a14:useLocalDpi xmlns:a14="http://schemas.microsoft.com/office/drawing/2010/main" val="0"/>
              </a:ext>
            </a:extLst>
          </a:blip>
          <a:srcRect/>
          <a:stretch>
            <a:fillRect/>
          </a:stretch>
        </p:blipFill>
        <p:spPr bwMode="auto">
          <a:xfrm>
            <a:off x="10199913" y="2822132"/>
            <a:ext cx="1182855" cy="349480"/>
          </a:xfrm>
          <a:prstGeom prst="rect">
            <a:avLst/>
          </a:prstGeom>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24" name="Picture 12" descr="http://www.onpointdigital.com/img/onpoint-logo.png">
            <a:extLst>
              <a:ext uri="{FF2B5EF4-FFF2-40B4-BE49-F238E27FC236}">
                <a16:creationId xmlns:a16="http://schemas.microsoft.com/office/drawing/2014/main" id="{705DAC17-FEC9-39C4-284A-2AEE17FB16A6}"/>
              </a:ext>
            </a:extLst>
          </p:cNvPr>
          <p:cNvPicPr>
            <a:picLocks noChangeAspect="1" noChangeArrowheads="1"/>
          </p:cNvPicPr>
          <p:nvPr/>
        </p:nvPicPr>
        <p:blipFill>
          <a:blip r:embed="rId20" cstate="email">
            <a:extLst>
              <a:ext uri="{28A0092B-C50C-407E-A947-70E740481C1C}">
                <a14:useLocalDpi xmlns:a14="http://schemas.microsoft.com/office/drawing/2010/main" val="0"/>
              </a:ext>
            </a:extLst>
          </a:blip>
          <a:srcRect/>
          <a:stretch>
            <a:fillRect/>
          </a:stretch>
        </p:blipFill>
        <p:spPr bwMode="auto">
          <a:xfrm>
            <a:off x="10156207" y="5951815"/>
            <a:ext cx="1244948" cy="323965"/>
          </a:xfrm>
          <a:prstGeom prst="rect">
            <a:avLst/>
          </a:prstGeom>
          <a:noFill/>
          <a:extLst>
            <a:ext uri="{909E8E84-426E-40DD-AFC4-6F175D3DCCD1}">
              <a14:hiddenFill xmlns:a14="http://schemas.microsoft.com/office/drawing/2010/main">
                <a:solidFill>
                  <a:srgbClr val="FFFFFF"/>
                </a:solidFill>
              </a14:hiddenFill>
            </a:ext>
          </a:extLst>
        </p:spPr>
      </p:pic>
      <p:pic>
        <p:nvPicPr>
          <p:cNvPr id="25" name="Picture 1" descr="D:\02_Project\2016\PPT_Design\Raytheon\images\og-logo.png">
            <a:extLst>
              <a:ext uri="{FF2B5EF4-FFF2-40B4-BE49-F238E27FC236}">
                <a16:creationId xmlns:a16="http://schemas.microsoft.com/office/drawing/2014/main" id="{99AA28AF-F46B-53CD-E313-A086C18CDB1D}"/>
              </a:ext>
            </a:extLst>
          </p:cNvPr>
          <p:cNvPicPr>
            <a:picLocks noChangeAspect="1" noChangeArrowheads="1"/>
          </p:cNvPicPr>
          <p:nvPr/>
        </p:nvPicPr>
        <p:blipFill>
          <a:blip r:embed="rId21" cstate="email">
            <a:extLst>
              <a:ext uri="{28A0092B-C50C-407E-A947-70E740481C1C}">
                <a14:useLocalDpi xmlns:a14="http://schemas.microsoft.com/office/drawing/2010/main" val="0"/>
              </a:ext>
            </a:extLst>
          </a:blip>
          <a:srcRect/>
          <a:stretch>
            <a:fillRect/>
          </a:stretch>
        </p:blipFill>
        <p:spPr bwMode="auto">
          <a:xfrm>
            <a:off x="8488238" y="3599713"/>
            <a:ext cx="1247375" cy="299369"/>
          </a:xfrm>
          <a:prstGeom prst="rect">
            <a:avLst/>
          </a:prstGeom>
          <a:noFill/>
        </p:spPr>
      </p:pic>
      <p:grpSp>
        <p:nvGrpSpPr>
          <p:cNvPr id="26" name="Graphic 7">
            <a:extLst>
              <a:ext uri="{FF2B5EF4-FFF2-40B4-BE49-F238E27FC236}">
                <a16:creationId xmlns:a16="http://schemas.microsoft.com/office/drawing/2014/main" id="{E4FBE885-34F0-14B9-9AF1-6B86AD5FE060}"/>
              </a:ext>
            </a:extLst>
          </p:cNvPr>
          <p:cNvGrpSpPr/>
          <p:nvPr/>
        </p:nvGrpSpPr>
        <p:grpSpPr>
          <a:xfrm>
            <a:off x="4576537" y="3827976"/>
            <a:ext cx="514117" cy="552221"/>
            <a:chOff x="5209222" y="2524125"/>
            <a:chExt cx="1773555" cy="1905000"/>
          </a:xfrm>
        </p:grpSpPr>
        <p:sp>
          <p:nvSpPr>
            <p:cNvPr id="27" name="Freeform: Shape 26">
              <a:extLst>
                <a:ext uri="{FF2B5EF4-FFF2-40B4-BE49-F238E27FC236}">
                  <a16:creationId xmlns:a16="http://schemas.microsoft.com/office/drawing/2014/main" id="{22FED2D5-1A75-B3AF-18DF-9F88B9F873B6}"/>
                </a:ext>
              </a:extLst>
            </p:cNvPr>
            <p:cNvSpPr/>
            <p:nvPr/>
          </p:nvSpPr>
          <p:spPr>
            <a:xfrm>
              <a:off x="5209222" y="2524125"/>
              <a:ext cx="1773555" cy="1905000"/>
            </a:xfrm>
            <a:custGeom>
              <a:avLst/>
              <a:gdLst>
                <a:gd name="connsiteX0" fmla="*/ 886778 w 1773555"/>
                <a:gd name="connsiteY0" fmla="*/ 0 h 1905000"/>
                <a:gd name="connsiteX1" fmla="*/ 886778 w 1773555"/>
                <a:gd name="connsiteY1" fmla="*/ 0 h 1905000"/>
                <a:gd name="connsiteX2" fmla="*/ 886778 w 1773555"/>
                <a:gd name="connsiteY2" fmla="*/ 0 h 1905000"/>
                <a:gd name="connsiteX3" fmla="*/ 0 w 1773555"/>
                <a:gd name="connsiteY3" fmla="*/ 316230 h 1905000"/>
                <a:gd name="connsiteX4" fmla="*/ 135255 w 1773555"/>
                <a:gd name="connsiteY4" fmla="*/ 1488758 h 1905000"/>
                <a:gd name="connsiteX5" fmla="*/ 886778 w 1773555"/>
                <a:gd name="connsiteY5" fmla="*/ 1905000 h 1905000"/>
                <a:gd name="connsiteX6" fmla="*/ 886778 w 1773555"/>
                <a:gd name="connsiteY6" fmla="*/ 1905000 h 1905000"/>
                <a:gd name="connsiteX7" fmla="*/ 886778 w 1773555"/>
                <a:gd name="connsiteY7" fmla="*/ 1905000 h 1905000"/>
                <a:gd name="connsiteX8" fmla="*/ 1638300 w 1773555"/>
                <a:gd name="connsiteY8" fmla="*/ 1488758 h 1905000"/>
                <a:gd name="connsiteX9" fmla="*/ 1773555 w 1773555"/>
                <a:gd name="connsiteY9" fmla="*/ 316230 h 1905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773555" h="1905000">
                  <a:moveTo>
                    <a:pt x="886778" y="0"/>
                  </a:moveTo>
                  <a:lnTo>
                    <a:pt x="886778" y="0"/>
                  </a:lnTo>
                  <a:lnTo>
                    <a:pt x="886778" y="0"/>
                  </a:lnTo>
                  <a:lnTo>
                    <a:pt x="0" y="316230"/>
                  </a:lnTo>
                  <a:lnTo>
                    <a:pt x="135255" y="1488758"/>
                  </a:lnTo>
                  <a:lnTo>
                    <a:pt x="886778" y="1905000"/>
                  </a:lnTo>
                  <a:lnTo>
                    <a:pt x="886778" y="1905000"/>
                  </a:lnTo>
                  <a:lnTo>
                    <a:pt x="886778" y="1905000"/>
                  </a:lnTo>
                  <a:lnTo>
                    <a:pt x="1638300" y="1488758"/>
                  </a:lnTo>
                  <a:lnTo>
                    <a:pt x="1773555" y="316230"/>
                  </a:lnTo>
                  <a:close/>
                </a:path>
              </a:pathLst>
            </a:custGeom>
            <a:solidFill>
              <a:srgbClr val="DD003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28" name="Freeform: Shape 27">
              <a:extLst>
                <a:ext uri="{FF2B5EF4-FFF2-40B4-BE49-F238E27FC236}">
                  <a16:creationId xmlns:a16="http://schemas.microsoft.com/office/drawing/2014/main" id="{4DB7BAF4-1874-270E-AE38-CE134E1ED66F}"/>
                </a:ext>
              </a:extLst>
            </p:cNvPr>
            <p:cNvSpPr/>
            <p:nvPr/>
          </p:nvSpPr>
          <p:spPr>
            <a:xfrm>
              <a:off x="6096000" y="2524125"/>
              <a:ext cx="886777" cy="1905000"/>
            </a:xfrm>
            <a:custGeom>
              <a:avLst/>
              <a:gdLst>
                <a:gd name="connsiteX0" fmla="*/ 0 w 886777"/>
                <a:gd name="connsiteY0" fmla="*/ 0 h 1905000"/>
                <a:gd name="connsiteX1" fmla="*/ 0 w 886777"/>
                <a:gd name="connsiteY1" fmla="*/ 211455 h 1905000"/>
                <a:gd name="connsiteX2" fmla="*/ 0 w 886777"/>
                <a:gd name="connsiteY2" fmla="*/ 210502 h 1905000"/>
                <a:gd name="connsiteX3" fmla="*/ 0 w 886777"/>
                <a:gd name="connsiteY3" fmla="*/ 1175385 h 1905000"/>
                <a:gd name="connsiteX4" fmla="*/ 0 w 886777"/>
                <a:gd name="connsiteY4" fmla="*/ 1175385 h 1905000"/>
                <a:gd name="connsiteX5" fmla="*/ 0 w 886777"/>
                <a:gd name="connsiteY5" fmla="*/ 1905000 h 1905000"/>
                <a:gd name="connsiteX6" fmla="*/ 0 w 886777"/>
                <a:gd name="connsiteY6" fmla="*/ 1905000 h 1905000"/>
                <a:gd name="connsiteX7" fmla="*/ 751522 w 886777"/>
                <a:gd name="connsiteY7" fmla="*/ 1488758 h 1905000"/>
                <a:gd name="connsiteX8" fmla="*/ 886778 w 886777"/>
                <a:gd name="connsiteY8" fmla="*/ 316230 h 1905000"/>
                <a:gd name="connsiteX9" fmla="*/ 0 w 886777"/>
                <a:gd name="connsiteY9" fmla="*/ 0 h 1905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886777" h="1905000">
                  <a:moveTo>
                    <a:pt x="0" y="0"/>
                  </a:moveTo>
                  <a:lnTo>
                    <a:pt x="0" y="211455"/>
                  </a:lnTo>
                  <a:lnTo>
                    <a:pt x="0" y="210502"/>
                  </a:lnTo>
                  <a:lnTo>
                    <a:pt x="0" y="1175385"/>
                  </a:lnTo>
                  <a:lnTo>
                    <a:pt x="0" y="1175385"/>
                  </a:lnTo>
                  <a:lnTo>
                    <a:pt x="0" y="1905000"/>
                  </a:lnTo>
                  <a:lnTo>
                    <a:pt x="0" y="1905000"/>
                  </a:lnTo>
                  <a:lnTo>
                    <a:pt x="751522" y="1488758"/>
                  </a:lnTo>
                  <a:lnTo>
                    <a:pt x="886778" y="316230"/>
                  </a:lnTo>
                  <a:lnTo>
                    <a:pt x="0" y="0"/>
                  </a:lnTo>
                  <a:close/>
                </a:path>
              </a:pathLst>
            </a:custGeom>
            <a:solidFill>
              <a:srgbClr val="C3002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29" name="Freeform: Shape 28">
              <a:extLst>
                <a:ext uri="{FF2B5EF4-FFF2-40B4-BE49-F238E27FC236}">
                  <a16:creationId xmlns:a16="http://schemas.microsoft.com/office/drawing/2014/main" id="{DBD28DDA-DCAA-36B8-C567-893E40AA4729}"/>
                </a:ext>
              </a:extLst>
            </p:cNvPr>
            <p:cNvSpPr/>
            <p:nvPr/>
          </p:nvSpPr>
          <p:spPr>
            <a:xfrm>
              <a:off x="5541645" y="2734627"/>
              <a:ext cx="1106804" cy="1243012"/>
            </a:xfrm>
            <a:custGeom>
              <a:avLst/>
              <a:gdLst>
                <a:gd name="connsiteX0" fmla="*/ 554355 w 1106804"/>
                <a:gd name="connsiteY0" fmla="*/ 0 h 1243012"/>
                <a:gd name="connsiteX1" fmla="*/ 0 w 1106804"/>
                <a:gd name="connsiteY1" fmla="*/ 1243013 h 1243012"/>
                <a:gd name="connsiteX2" fmla="*/ 0 w 1106804"/>
                <a:gd name="connsiteY2" fmla="*/ 1243013 h 1243012"/>
                <a:gd name="connsiteX3" fmla="*/ 206692 w 1106804"/>
                <a:gd name="connsiteY3" fmla="*/ 1243013 h 1243012"/>
                <a:gd name="connsiteX4" fmla="*/ 206692 w 1106804"/>
                <a:gd name="connsiteY4" fmla="*/ 1243013 h 1243012"/>
                <a:gd name="connsiteX5" fmla="*/ 318135 w 1106804"/>
                <a:gd name="connsiteY5" fmla="*/ 964882 h 1243012"/>
                <a:gd name="connsiteX6" fmla="*/ 788670 w 1106804"/>
                <a:gd name="connsiteY6" fmla="*/ 964882 h 1243012"/>
                <a:gd name="connsiteX7" fmla="*/ 900113 w 1106804"/>
                <a:gd name="connsiteY7" fmla="*/ 1243013 h 1243012"/>
                <a:gd name="connsiteX8" fmla="*/ 900113 w 1106804"/>
                <a:gd name="connsiteY8" fmla="*/ 1243013 h 1243012"/>
                <a:gd name="connsiteX9" fmla="*/ 1106805 w 1106804"/>
                <a:gd name="connsiteY9" fmla="*/ 1243013 h 1243012"/>
                <a:gd name="connsiteX10" fmla="*/ 1106805 w 1106804"/>
                <a:gd name="connsiteY10" fmla="*/ 1243013 h 1243012"/>
                <a:gd name="connsiteX11" fmla="*/ 554355 w 1106804"/>
                <a:gd name="connsiteY11" fmla="*/ 0 h 1243012"/>
                <a:gd name="connsiteX12" fmla="*/ 554355 w 1106804"/>
                <a:gd name="connsiteY12" fmla="*/ 0 h 1243012"/>
                <a:gd name="connsiteX13" fmla="*/ 554355 w 1106804"/>
                <a:gd name="connsiteY13" fmla="*/ 0 h 1243012"/>
                <a:gd name="connsiteX14" fmla="*/ 554355 w 1106804"/>
                <a:gd name="connsiteY14" fmla="*/ 0 h 1243012"/>
                <a:gd name="connsiteX15" fmla="*/ 554355 w 1106804"/>
                <a:gd name="connsiteY15" fmla="*/ 0 h 1243012"/>
                <a:gd name="connsiteX16" fmla="*/ 716280 w 1106804"/>
                <a:gd name="connsiteY16" fmla="*/ 793432 h 1243012"/>
                <a:gd name="connsiteX17" fmla="*/ 392430 w 1106804"/>
                <a:gd name="connsiteY17" fmla="*/ 793432 h 1243012"/>
                <a:gd name="connsiteX18" fmla="*/ 554355 w 1106804"/>
                <a:gd name="connsiteY18" fmla="*/ 403860 h 1243012"/>
                <a:gd name="connsiteX19" fmla="*/ 716280 w 1106804"/>
                <a:gd name="connsiteY19" fmla="*/ 793432 h 12430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1106804" h="1243012">
                  <a:moveTo>
                    <a:pt x="554355" y="0"/>
                  </a:moveTo>
                  <a:lnTo>
                    <a:pt x="0" y="1243013"/>
                  </a:lnTo>
                  <a:lnTo>
                    <a:pt x="0" y="1243013"/>
                  </a:lnTo>
                  <a:lnTo>
                    <a:pt x="206692" y="1243013"/>
                  </a:lnTo>
                  <a:lnTo>
                    <a:pt x="206692" y="1243013"/>
                  </a:lnTo>
                  <a:lnTo>
                    <a:pt x="318135" y="964882"/>
                  </a:lnTo>
                  <a:lnTo>
                    <a:pt x="788670" y="964882"/>
                  </a:lnTo>
                  <a:lnTo>
                    <a:pt x="900113" y="1243013"/>
                  </a:lnTo>
                  <a:lnTo>
                    <a:pt x="900113" y="1243013"/>
                  </a:lnTo>
                  <a:lnTo>
                    <a:pt x="1106805" y="1243013"/>
                  </a:lnTo>
                  <a:lnTo>
                    <a:pt x="1106805" y="1243013"/>
                  </a:lnTo>
                  <a:lnTo>
                    <a:pt x="554355" y="0"/>
                  </a:lnTo>
                  <a:lnTo>
                    <a:pt x="554355" y="0"/>
                  </a:lnTo>
                  <a:lnTo>
                    <a:pt x="554355" y="0"/>
                  </a:lnTo>
                  <a:lnTo>
                    <a:pt x="554355" y="0"/>
                  </a:lnTo>
                  <a:lnTo>
                    <a:pt x="554355" y="0"/>
                  </a:lnTo>
                  <a:close/>
                  <a:moveTo>
                    <a:pt x="716280" y="793432"/>
                  </a:moveTo>
                  <a:lnTo>
                    <a:pt x="392430" y="793432"/>
                  </a:lnTo>
                  <a:lnTo>
                    <a:pt x="554355" y="403860"/>
                  </a:lnTo>
                  <a:lnTo>
                    <a:pt x="716280" y="793432"/>
                  </a:lnTo>
                  <a:close/>
                </a:path>
              </a:pathLst>
            </a:custGeom>
            <a:solidFill>
              <a:srgbClr val="FFFFF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30" name="Group 29">
            <a:extLst>
              <a:ext uri="{FF2B5EF4-FFF2-40B4-BE49-F238E27FC236}">
                <a16:creationId xmlns:a16="http://schemas.microsoft.com/office/drawing/2014/main" id="{AA329AEC-5AEC-7AED-423E-F7479E1807E3}"/>
              </a:ext>
            </a:extLst>
          </p:cNvPr>
          <p:cNvGrpSpPr/>
          <p:nvPr/>
        </p:nvGrpSpPr>
        <p:grpSpPr>
          <a:xfrm>
            <a:off x="6716664" y="3835815"/>
            <a:ext cx="1108714" cy="462433"/>
            <a:chOff x="3945501" y="4551256"/>
            <a:chExt cx="5561933" cy="2108930"/>
          </a:xfrm>
        </p:grpSpPr>
        <p:grpSp>
          <p:nvGrpSpPr>
            <p:cNvPr id="31" name="Group 30">
              <a:extLst>
                <a:ext uri="{FF2B5EF4-FFF2-40B4-BE49-F238E27FC236}">
                  <a16:creationId xmlns:a16="http://schemas.microsoft.com/office/drawing/2014/main" id="{93A0D149-3659-50A3-5C1C-CC60189DE699}"/>
                </a:ext>
              </a:extLst>
            </p:cNvPr>
            <p:cNvGrpSpPr/>
            <p:nvPr/>
          </p:nvGrpSpPr>
          <p:grpSpPr>
            <a:xfrm>
              <a:off x="5558975" y="5170376"/>
              <a:ext cx="3948459" cy="873139"/>
              <a:chOff x="5558975" y="5170376"/>
              <a:chExt cx="3948459" cy="873139"/>
            </a:xfrm>
          </p:grpSpPr>
          <p:sp>
            <p:nvSpPr>
              <p:cNvPr id="33" name="Freeform: Shape 32">
                <a:extLst>
                  <a:ext uri="{FF2B5EF4-FFF2-40B4-BE49-F238E27FC236}">
                    <a16:creationId xmlns:a16="http://schemas.microsoft.com/office/drawing/2014/main" id="{055D6240-6B28-05AC-404D-4F3E2A7D145B}"/>
                  </a:ext>
                </a:extLst>
              </p:cNvPr>
              <p:cNvSpPr/>
              <p:nvPr/>
            </p:nvSpPr>
            <p:spPr>
              <a:xfrm>
                <a:off x="5558975" y="5170376"/>
                <a:ext cx="702252" cy="873139"/>
              </a:xfrm>
              <a:custGeom>
                <a:avLst/>
                <a:gdLst>
                  <a:gd name="connsiteX0" fmla="*/ 192275 w 702252"/>
                  <a:gd name="connsiteY0" fmla="*/ 648562 h 873139"/>
                  <a:gd name="connsiteX1" fmla="*/ 232661 w 702252"/>
                  <a:gd name="connsiteY1" fmla="*/ 696187 h 873139"/>
                  <a:gd name="connsiteX2" fmla="*/ 291621 w 702252"/>
                  <a:gd name="connsiteY2" fmla="*/ 723047 h 873139"/>
                  <a:gd name="connsiteX3" fmla="*/ 361820 w 702252"/>
                  <a:gd name="connsiteY3" fmla="*/ 731810 h 873139"/>
                  <a:gd name="connsiteX4" fmla="*/ 414398 w 702252"/>
                  <a:gd name="connsiteY4" fmla="*/ 727714 h 873139"/>
                  <a:gd name="connsiteX5" fmla="*/ 467071 w 702252"/>
                  <a:gd name="connsiteY5" fmla="*/ 711903 h 873139"/>
                  <a:gd name="connsiteX6" fmla="*/ 508029 w 702252"/>
                  <a:gd name="connsiteY6" fmla="*/ 679804 h 873139"/>
                  <a:gd name="connsiteX7" fmla="*/ 524317 w 702252"/>
                  <a:gd name="connsiteY7" fmla="*/ 627702 h 873139"/>
                  <a:gd name="connsiteX8" fmla="*/ 502695 w 702252"/>
                  <a:gd name="connsiteY8" fmla="*/ 572743 h 873139"/>
                  <a:gd name="connsiteX9" fmla="*/ 446021 w 702252"/>
                  <a:gd name="connsiteY9" fmla="*/ 537691 h 873139"/>
                  <a:gd name="connsiteX10" fmla="*/ 366487 w 702252"/>
                  <a:gd name="connsiteY10" fmla="*/ 513116 h 873139"/>
                  <a:gd name="connsiteX11" fmla="*/ 276476 w 702252"/>
                  <a:gd name="connsiteY11" fmla="*/ 489780 h 873139"/>
                  <a:gd name="connsiteX12" fmla="*/ 185227 w 702252"/>
                  <a:gd name="connsiteY12" fmla="*/ 461205 h 873139"/>
                  <a:gd name="connsiteX13" fmla="*/ 105788 w 702252"/>
                  <a:gd name="connsiteY13" fmla="*/ 417390 h 873139"/>
                  <a:gd name="connsiteX14" fmla="*/ 27016 w 702252"/>
                  <a:gd name="connsiteY14" fmla="*/ 252512 h 873139"/>
                  <a:gd name="connsiteX15" fmla="*/ 54734 w 702252"/>
                  <a:gd name="connsiteY15" fmla="*/ 140498 h 873139"/>
                  <a:gd name="connsiteX16" fmla="*/ 126648 w 702252"/>
                  <a:gd name="connsiteY16" fmla="*/ 61631 h 873139"/>
                  <a:gd name="connsiteX17" fmla="*/ 227137 w 702252"/>
                  <a:gd name="connsiteY17" fmla="*/ 14863 h 873139"/>
                  <a:gd name="connsiteX18" fmla="*/ 339627 w 702252"/>
                  <a:gd name="connsiteY18" fmla="*/ 4 h 873139"/>
                  <a:gd name="connsiteX19" fmla="*/ 465262 w 702252"/>
                  <a:gd name="connsiteY19" fmla="*/ 14673 h 873139"/>
                  <a:gd name="connsiteX20" fmla="*/ 572323 w 702252"/>
                  <a:gd name="connsiteY20" fmla="*/ 62298 h 873139"/>
                  <a:gd name="connsiteX21" fmla="*/ 646522 w 702252"/>
                  <a:gd name="connsiteY21" fmla="*/ 145927 h 873139"/>
                  <a:gd name="connsiteX22" fmla="*/ 673859 w 702252"/>
                  <a:gd name="connsiteY22" fmla="*/ 268705 h 873139"/>
                  <a:gd name="connsiteX23" fmla="*/ 496313 w 702252"/>
                  <a:gd name="connsiteY23" fmla="*/ 268705 h 873139"/>
                  <a:gd name="connsiteX24" fmla="*/ 480502 w 702252"/>
                  <a:gd name="connsiteY24" fmla="*/ 206697 h 873139"/>
                  <a:gd name="connsiteX25" fmla="*/ 444878 w 702252"/>
                  <a:gd name="connsiteY25" fmla="*/ 168597 h 873139"/>
                  <a:gd name="connsiteX26" fmla="*/ 394015 w 702252"/>
                  <a:gd name="connsiteY26" fmla="*/ 148690 h 873139"/>
                  <a:gd name="connsiteX27" fmla="*/ 331435 w 702252"/>
                  <a:gd name="connsiteY27" fmla="*/ 142879 h 873139"/>
                  <a:gd name="connsiteX28" fmla="*/ 286954 w 702252"/>
                  <a:gd name="connsiteY28" fmla="*/ 147547 h 873139"/>
                  <a:gd name="connsiteX29" fmla="*/ 246663 w 702252"/>
                  <a:gd name="connsiteY29" fmla="*/ 163930 h 873139"/>
                  <a:gd name="connsiteX30" fmla="*/ 216659 w 702252"/>
                  <a:gd name="connsiteY30" fmla="*/ 192505 h 873139"/>
                  <a:gd name="connsiteX31" fmla="*/ 204943 w 702252"/>
                  <a:gd name="connsiteY31" fmla="*/ 236891 h 873139"/>
                  <a:gd name="connsiteX32" fmla="*/ 214468 w 702252"/>
                  <a:gd name="connsiteY32" fmla="*/ 276706 h 873139"/>
                  <a:gd name="connsiteX33" fmla="*/ 251330 w 702252"/>
                  <a:gd name="connsiteY33" fmla="*/ 304804 h 873139"/>
                  <a:gd name="connsiteX34" fmla="*/ 327530 w 702252"/>
                  <a:gd name="connsiteY34" fmla="*/ 330522 h 873139"/>
                  <a:gd name="connsiteX35" fmla="*/ 454403 w 702252"/>
                  <a:gd name="connsiteY35" fmla="*/ 363288 h 873139"/>
                  <a:gd name="connsiteX36" fmla="*/ 519268 w 702252"/>
                  <a:gd name="connsiteY36" fmla="*/ 380242 h 873139"/>
                  <a:gd name="connsiteX37" fmla="*/ 601755 w 702252"/>
                  <a:gd name="connsiteY37" fmla="*/ 419390 h 873139"/>
                  <a:gd name="connsiteX38" fmla="*/ 672430 w 702252"/>
                  <a:gd name="connsiteY38" fmla="*/ 491304 h 873139"/>
                  <a:gd name="connsiteX39" fmla="*/ 702244 w 702252"/>
                  <a:gd name="connsiteY39" fmla="*/ 606461 h 873139"/>
                  <a:gd name="connsiteX40" fmla="*/ 680050 w 702252"/>
                  <a:gd name="connsiteY40" fmla="*/ 712951 h 873139"/>
                  <a:gd name="connsiteX41" fmla="*/ 614042 w 702252"/>
                  <a:gd name="connsiteY41" fmla="*/ 797723 h 873139"/>
                  <a:gd name="connsiteX42" fmla="*/ 505267 w 702252"/>
                  <a:gd name="connsiteY42" fmla="*/ 853254 h 873139"/>
                  <a:gd name="connsiteX43" fmla="*/ 354962 w 702252"/>
                  <a:gd name="connsiteY43" fmla="*/ 873066 h 873139"/>
                  <a:gd name="connsiteX44" fmla="*/ 221612 w 702252"/>
                  <a:gd name="connsiteY44" fmla="*/ 856112 h 873139"/>
                  <a:gd name="connsiteX45" fmla="*/ 107312 w 702252"/>
                  <a:gd name="connsiteY45" fmla="*/ 802962 h 873139"/>
                  <a:gd name="connsiteX46" fmla="*/ 28350 w 702252"/>
                  <a:gd name="connsiteY46" fmla="*/ 710570 h 873139"/>
                  <a:gd name="connsiteX47" fmla="*/ 251 w 702252"/>
                  <a:gd name="connsiteY47" fmla="*/ 577219 h 873139"/>
                  <a:gd name="connsiteX48" fmla="*/ 177226 w 702252"/>
                  <a:gd name="connsiteY48" fmla="*/ 577219 h 873139"/>
                  <a:gd name="connsiteX49" fmla="*/ 192275 w 702252"/>
                  <a:gd name="connsiteY49" fmla="*/ 648562 h 8731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Lst>
                <a:rect l="l" t="t" r="r" b="b"/>
                <a:pathLst>
                  <a:path w="702252" h="873139">
                    <a:moveTo>
                      <a:pt x="192275" y="648562"/>
                    </a:moveTo>
                    <a:cubicBezTo>
                      <a:pt x="201733" y="667440"/>
                      <a:pt x="215583" y="683776"/>
                      <a:pt x="232661" y="696187"/>
                    </a:cubicBezTo>
                    <a:cubicBezTo>
                      <a:pt x="250454" y="708769"/>
                      <a:pt x="270456" y="717875"/>
                      <a:pt x="291621" y="723047"/>
                    </a:cubicBezTo>
                    <a:cubicBezTo>
                      <a:pt x="314557" y="728915"/>
                      <a:pt x="338141" y="731858"/>
                      <a:pt x="361820" y="731810"/>
                    </a:cubicBezTo>
                    <a:cubicBezTo>
                      <a:pt x="379422" y="731734"/>
                      <a:pt x="396996" y="730362"/>
                      <a:pt x="414398" y="727714"/>
                    </a:cubicBezTo>
                    <a:cubicBezTo>
                      <a:pt x="432658" y="725143"/>
                      <a:pt x="450412" y="719809"/>
                      <a:pt x="467071" y="711903"/>
                    </a:cubicBezTo>
                    <a:cubicBezTo>
                      <a:pt x="482997" y="704474"/>
                      <a:pt x="497008" y="693491"/>
                      <a:pt x="508029" y="679804"/>
                    </a:cubicBezTo>
                    <a:cubicBezTo>
                      <a:pt x="519345" y="664859"/>
                      <a:pt x="525107" y="646438"/>
                      <a:pt x="524317" y="627702"/>
                    </a:cubicBezTo>
                    <a:cubicBezTo>
                      <a:pt x="525155" y="607157"/>
                      <a:pt x="517306" y="587211"/>
                      <a:pt x="502695" y="572743"/>
                    </a:cubicBezTo>
                    <a:cubicBezTo>
                      <a:pt x="486255" y="557493"/>
                      <a:pt x="467005" y="545587"/>
                      <a:pt x="446021" y="537691"/>
                    </a:cubicBezTo>
                    <a:cubicBezTo>
                      <a:pt x="420132" y="527604"/>
                      <a:pt x="393548" y="519393"/>
                      <a:pt x="366487" y="513116"/>
                    </a:cubicBezTo>
                    <a:cubicBezTo>
                      <a:pt x="336836" y="506192"/>
                      <a:pt x="306832" y="498419"/>
                      <a:pt x="276476" y="489780"/>
                    </a:cubicBezTo>
                    <a:cubicBezTo>
                      <a:pt x="245520" y="482074"/>
                      <a:pt x="215049" y="472530"/>
                      <a:pt x="185227" y="461205"/>
                    </a:cubicBezTo>
                    <a:cubicBezTo>
                      <a:pt x="156756" y="450537"/>
                      <a:pt x="129991" y="435783"/>
                      <a:pt x="105788" y="417390"/>
                    </a:cubicBezTo>
                    <a:cubicBezTo>
                      <a:pt x="53877" y="378842"/>
                      <a:pt x="24387" y="317117"/>
                      <a:pt x="27016" y="252512"/>
                    </a:cubicBezTo>
                    <a:cubicBezTo>
                      <a:pt x="26045" y="213365"/>
                      <a:pt x="35617" y="174675"/>
                      <a:pt x="54734" y="140498"/>
                    </a:cubicBezTo>
                    <a:cubicBezTo>
                      <a:pt x="72660" y="109276"/>
                      <a:pt x="97206" y="82358"/>
                      <a:pt x="126648" y="61631"/>
                    </a:cubicBezTo>
                    <a:cubicBezTo>
                      <a:pt x="157061" y="40122"/>
                      <a:pt x="191104" y="24278"/>
                      <a:pt x="227137" y="14863"/>
                    </a:cubicBezTo>
                    <a:cubicBezTo>
                      <a:pt x="263817" y="4978"/>
                      <a:pt x="301641" y="-18"/>
                      <a:pt x="339627" y="4"/>
                    </a:cubicBezTo>
                    <a:cubicBezTo>
                      <a:pt x="381946" y="-170"/>
                      <a:pt x="424123" y="4755"/>
                      <a:pt x="465262" y="14673"/>
                    </a:cubicBezTo>
                    <a:cubicBezTo>
                      <a:pt x="503619" y="23697"/>
                      <a:pt x="539938" y="39852"/>
                      <a:pt x="572323" y="62298"/>
                    </a:cubicBezTo>
                    <a:cubicBezTo>
                      <a:pt x="603298" y="83943"/>
                      <a:pt x="628720" y="112597"/>
                      <a:pt x="646522" y="145927"/>
                    </a:cubicBezTo>
                    <a:cubicBezTo>
                      <a:pt x="665687" y="183948"/>
                      <a:pt x="675078" y="226144"/>
                      <a:pt x="673859" y="268705"/>
                    </a:cubicBezTo>
                    <a:lnTo>
                      <a:pt x="496313" y="268705"/>
                    </a:lnTo>
                    <a:cubicBezTo>
                      <a:pt x="495627" y="247130"/>
                      <a:pt x="490227" y="225966"/>
                      <a:pt x="480502" y="206697"/>
                    </a:cubicBezTo>
                    <a:cubicBezTo>
                      <a:pt x="472100" y="191147"/>
                      <a:pt x="459832" y="178026"/>
                      <a:pt x="444878" y="168597"/>
                    </a:cubicBezTo>
                    <a:cubicBezTo>
                      <a:pt x="429257" y="158967"/>
                      <a:pt x="412026" y="152224"/>
                      <a:pt x="394015" y="148690"/>
                    </a:cubicBezTo>
                    <a:cubicBezTo>
                      <a:pt x="373402" y="144663"/>
                      <a:pt x="352438" y="142717"/>
                      <a:pt x="331435" y="142879"/>
                    </a:cubicBezTo>
                    <a:cubicBezTo>
                      <a:pt x="316481" y="142861"/>
                      <a:pt x="301574" y="144425"/>
                      <a:pt x="286954" y="147547"/>
                    </a:cubicBezTo>
                    <a:cubicBezTo>
                      <a:pt x="272628" y="150487"/>
                      <a:pt x="258969" y="156041"/>
                      <a:pt x="246663" y="163930"/>
                    </a:cubicBezTo>
                    <a:cubicBezTo>
                      <a:pt x="234785" y="171267"/>
                      <a:pt x="224565" y="180999"/>
                      <a:pt x="216659" y="192505"/>
                    </a:cubicBezTo>
                    <a:cubicBezTo>
                      <a:pt x="208372" y="205784"/>
                      <a:pt x="204286" y="221254"/>
                      <a:pt x="204943" y="236891"/>
                    </a:cubicBezTo>
                    <a:cubicBezTo>
                      <a:pt x="204429" y="250783"/>
                      <a:pt x="207725" y="264552"/>
                      <a:pt x="214468" y="276706"/>
                    </a:cubicBezTo>
                    <a:cubicBezTo>
                      <a:pt x="223889" y="289329"/>
                      <a:pt x="236662" y="299062"/>
                      <a:pt x="251330" y="304804"/>
                    </a:cubicBezTo>
                    <a:cubicBezTo>
                      <a:pt x="275943" y="315558"/>
                      <a:pt x="301432" y="324163"/>
                      <a:pt x="327530" y="330522"/>
                    </a:cubicBezTo>
                    <a:cubicBezTo>
                      <a:pt x="359791" y="339094"/>
                      <a:pt x="402082" y="350020"/>
                      <a:pt x="454403" y="363288"/>
                    </a:cubicBezTo>
                    <a:cubicBezTo>
                      <a:pt x="469929" y="366431"/>
                      <a:pt x="491646" y="372051"/>
                      <a:pt x="519268" y="380242"/>
                    </a:cubicBezTo>
                    <a:cubicBezTo>
                      <a:pt x="548529" y="389177"/>
                      <a:pt x="576323" y="402369"/>
                      <a:pt x="601755" y="419390"/>
                    </a:cubicBezTo>
                    <a:cubicBezTo>
                      <a:pt x="629968" y="438297"/>
                      <a:pt x="654019" y="462767"/>
                      <a:pt x="672430" y="491304"/>
                    </a:cubicBezTo>
                    <a:cubicBezTo>
                      <a:pt x="692309" y="521336"/>
                      <a:pt x="702244" y="559722"/>
                      <a:pt x="702244" y="606461"/>
                    </a:cubicBezTo>
                    <a:cubicBezTo>
                      <a:pt x="702548" y="643133"/>
                      <a:pt x="694976" y="679451"/>
                      <a:pt x="680050" y="712951"/>
                    </a:cubicBezTo>
                    <a:cubicBezTo>
                      <a:pt x="664991" y="745983"/>
                      <a:pt x="642379" y="775025"/>
                      <a:pt x="614042" y="797723"/>
                    </a:cubicBezTo>
                    <a:cubicBezTo>
                      <a:pt x="581695" y="823060"/>
                      <a:pt x="544757" y="841919"/>
                      <a:pt x="505267" y="853254"/>
                    </a:cubicBezTo>
                    <a:cubicBezTo>
                      <a:pt x="456422" y="867246"/>
                      <a:pt x="405768" y="873923"/>
                      <a:pt x="354962" y="873066"/>
                    </a:cubicBezTo>
                    <a:cubicBezTo>
                      <a:pt x="309975" y="873114"/>
                      <a:pt x="265160" y="867418"/>
                      <a:pt x="221612" y="856112"/>
                    </a:cubicBezTo>
                    <a:cubicBezTo>
                      <a:pt x="180483" y="845796"/>
                      <a:pt x="141697" y="827765"/>
                      <a:pt x="107312" y="802962"/>
                    </a:cubicBezTo>
                    <a:cubicBezTo>
                      <a:pt x="74137" y="778749"/>
                      <a:pt x="47095" y="747107"/>
                      <a:pt x="28350" y="710570"/>
                    </a:cubicBezTo>
                    <a:cubicBezTo>
                      <a:pt x="7947" y="669183"/>
                      <a:pt x="-1721" y="623321"/>
                      <a:pt x="251" y="577219"/>
                    </a:cubicBezTo>
                    <a:lnTo>
                      <a:pt x="177226" y="577219"/>
                    </a:lnTo>
                    <a:cubicBezTo>
                      <a:pt x="176454" y="601861"/>
                      <a:pt x="181617" y="626330"/>
                      <a:pt x="192275" y="648562"/>
                    </a:cubicBez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34" name="Freeform: Shape 33">
                <a:extLst>
                  <a:ext uri="{FF2B5EF4-FFF2-40B4-BE49-F238E27FC236}">
                    <a16:creationId xmlns:a16="http://schemas.microsoft.com/office/drawing/2014/main" id="{0E57541F-D598-169E-7FBD-6FC044DD6351}"/>
                  </a:ext>
                </a:extLst>
              </p:cNvPr>
              <p:cNvSpPr/>
              <p:nvPr/>
            </p:nvSpPr>
            <p:spPr>
              <a:xfrm>
                <a:off x="6300821" y="5403762"/>
                <a:ext cx="603301" cy="636287"/>
              </a:xfrm>
              <a:custGeom>
                <a:avLst/>
                <a:gdLst>
                  <a:gd name="connsiteX0" fmla="*/ 206904 w 603301"/>
                  <a:gd name="connsiteY0" fmla="*/ 476041 h 636287"/>
                  <a:gd name="connsiteX1" fmla="*/ 314536 w 603301"/>
                  <a:gd name="connsiteY1" fmla="*/ 512236 h 636287"/>
                  <a:gd name="connsiteX2" fmla="*/ 401024 w 603301"/>
                  <a:gd name="connsiteY2" fmla="*/ 487090 h 636287"/>
                  <a:gd name="connsiteX3" fmla="*/ 445410 w 603301"/>
                  <a:gd name="connsiteY3" fmla="*/ 433940 h 636287"/>
                  <a:gd name="connsiteX4" fmla="*/ 591619 w 603301"/>
                  <a:gd name="connsiteY4" fmla="*/ 433940 h 636287"/>
                  <a:gd name="connsiteX5" fmla="*/ 484082 w 603301"/>
                  <a:gd name="connsiteY5" fmla="*/ 589388 h 636287"/>
                  <a:gd name="connsiteX6" fmla="*/ 308631 w 603301"/>
                  <a:gd name="connsiteY6" fmla="*/ 636251 h 636287"/>
                  <a:gd name="connsiteX7" fmla="*/ 180043 w 603301"/>
                  <a:gd name="connsiteY7" fmla="*/ 613391 h 636287"/>
                  <a:gd name="connsiteX8" fmla="*/ 83079 w 603301"/>
                  <a:gd name="connsiteY8" fmla="*/ 548526 h 636287"/>
                  <a:gd name="connsiteX9" fmla="*/ 21643 w 603301"/>
                  <a:gd name="connsiteY9" fmla="*/ 447942 h 636287"/>
                  <a:gd name="connsiteX10" fmla="*/ 21 w 603301"/>
                  <a:gd name="connsiteY10" fmla="*/ 319354 h 636287"/>
                  <a:gd name="connsiteX11" fmla="*/ 22214 w 603301"/>
                  <a:gd name="connsiteY11" fmla="*/ 193053 h 636287"/>
                  <a:gd name="connsiteX12" fmla="*/ 182996 w 603301"/>
                  <a:gd name="connsiteY12" fmla="*/ 24651 h 636287"/>
                  <a:gd name="connsiteX13" fmla="*/ 308726 w 603301"/>
                  <a:gd name="connsiteY13" fmla="*/ 76 h 636287"/>
                  <a:gd name="connsiteX14" fmla="*/ 443219 w 603301"/>
                  <a:gd name="connsiteY14" fmla="*/ 29890 h 636287"/>
                  <a:gd name="connsiteX15" fmla="*/ 537326 w 603301"/>
                  <a:gd name="connsiteY15" fmla="*/ 109995 h 636287"/>
                  <a:gd name="connsiteX16" fmla="*/ 590571 w 603301"/>
                  <a:gd name="connsiteY16" fmla="*/ 224295 h 636287"/>
                  <a:gd name="connsiteX17" fmla="*/ 602192 w 603301"/>
                  <a:gd name="connsiteY17" fmla="*/ 358788 h 636287"/>
                  <a:gd name="connsiteX18" fmla="*/ 166327 w 603301"/>
                  <a:gd name="connsiteY18" fmla="*/ 358788 h 636287"/>
                  <a:gd name="connsiteX19" fmla="*/ 206904 w 603301"/>
                  <a:gd name="connsiteY19" fmla="*/ 476041 h 636287"/>
                  <a:gd name="connsiteX20" fmla="*/ 394547 w 603301"/>
                  <a:gd name="connsiteY20" fmla="*/ 158001 h 636287"/>
                  <a:gd name="connsiteX21" fmla="*/ 303964 w 603301"/>
                  <a:gd name="connsiteY21" fmla="*/ 125235 h 636287"/>
                  <a:gd name="connsiteX22" fmla="*/ 237860 w 603301"/>
                  <a:gd name="connsiteY22" fmla="*/ 138665 h 636287"/>
                  <a:gd name="connsiteX23" fmla="*/ 195760 w 603301"/>
                  <a:gd name="connsiteY23" fmla="*/ 172003 h 636287"/>
                  <a:gd name="connsiteX24" fmla="*/ 173567 w 603301"/>
                  <a:gd name="connsiteY24" fmla="*/ 214198 h 636287"/>
                  <a:gd name="connsiteX25" fmla="*/ 165947 w 603301"/>
                  <a:gd name="connsiteY25" fmla="*/ 253918 h 636287"/>
                  <a:gd name="connsiteX26" fmla="*/ 436457 w 603301"/>
                  <a:gd name="connsiteY26" fmla="*/ 253918 h 636287"/>
                  <a:gd name="connsiteX27" fmla="*/ 394927 w 603301"/>
                  <a:gd name="connsiteY27" fmla="*/ 158001 h 6362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Lst>
                <a:rect l="l" t="t" r="r" b="b"/>
                <a:pathLst>
                  <a:path w="603301" h="636287">
                    <a:moveTo>
                      <a:pt x="206904" y="476041"/>
                    </a:moveTo>
                    <a:cubicBezTo>
                      <a:pt x="231859" y="500234"/>
                      <a:pt x="267740" y="512302"/>
                      <a:pt x="314536" y="512236"/>
                    </a:cubicBezTo>
                    <a:cubicBezTo>
                      <a:pt x="345274" y="513017"/>
                      <a:pt x="375497" y="504225"/>
                      <a:pt x="401024" y="487090"/>
                    </a:cubicBezTo>
                    <a:cubicBezTo>
                      <a:pt x="425122" y="470421"/>
                      <a:pt x="439981" y="452609"/>
                      <a:pt x="445410" y="433940"/>
                    </a:cubicBezTo>
                    <a:lnTo>
                      <a:pt x="591619" y="433940"/>
                    </a:lnTo>
                    <a:cubicBezTo>
                      <a:pt x="568187" y="506397"/>
                      <a:pt x="532345" y="558213"/>
                      <a:pt x="484082" y="589388"/>
                    </a:cubicBezTo>
                    <a:cubicBezTo>
                      <a:pt x="435818" y="620563"/>
                      <a:pt x="377335" y="636184"/>
                      <a:pt x="308631" y="636251"/>
                    </a:cubicBezTo>
                    <a:cubicBezTo>
                      <a:pt x="264702" y="636889"/>
                      <a:pt x="221058" y="629126"/>
                      <a:pt x="180043" y="613391"/>
                    </a:cubicBezTo>
                    <a:cubicBezTo>
                      <a:pt x="143334" y="599189"/>
                      <a:pt x="110216" y="577034"/>
                      <a:pt x="83079" y="548526"/>
                    </a:cubicBezTo>
                    <a:cubicBezTo>
                      <a:pt x="56047" y="519465"/>
                      <a:pt x="35149" y="485261"/>
                      <a:pt x="21643" y="447942"/>
                    </a:cubicBezTo>
                    <a:cubicBezTo>
                      <a:pt x="6869" y="406699"/>
                      <a:pt x="-446" y="363160"/>
                      <a:pt x="21" y="319354"/>
                    </a:cubicBezTo>
                    <a:cubicBezTo>
                      <a:pt x="-370" y="276254"/>
                      <a:pt x="7155" y="233439"/>
                      <a:pt x="22214" y="193053"/>
                    </a:cubicBezTo>
                    <a:cubicBezTo>
                      <a:pt x="50180" y="117072"/>
                      <a:pt x="108396" y="56099"/>
                      <a:pt x="182996" y="24651"/>
                    </a:cubicBezTo>
                    <a:cubicBezTo>
                      <a:pt x="222763" y="7884"/>
                      <a:pt x="265568" y="-483"/>
                      <a:pt x="308726" y="76"/>
                    </a:cubicBezTo>
                    <a:cubicBezTo>
                      <a:pt x="355303" y="-995"/>
                      <a:pt x="401452" y="9235"/>
                      <a:pt x="443219" y="29890"/>
                    </a:cubicBezTo>
                    <a:cubicBezTo>
                      <a:pt x="480367" y="48952"/>
                      <a:pt x="512580" y="76373"/>
                      <a:pt x="537326" y="109995"/>
                    </a:cubicBezTo>
                    <a:cubicBezTo>
                      <a:pt x="562282" y="144304"/>
                      <a:pt x="580370" y="183118"/>
                      <a:pt x="590571" y="224295"/>
                    </a:cubicBezTo>
                    <a:cubicBezTo>
                      <a:pt x="601525" y="268234"/>
                      <a:pt x="605449" y="313620"/>
                      <a:pt x="602192" y="358788"/>
                    </a:cubicBezTo>
                    <a:lnTo>
                      <a:pt x="166327" y="358788"/>
                    </a:lnTo>
                    <a:cubicBezTo>
                      <a:pt x="168928" y="412823"/>
                      <a:pt x="182453" y="451914"/>
                      <a:pt x="206904" y="476041"/>
                    </a:cubicBezTo>
                    <a:close/>
                    <a:moveTo>
                      <a:pt x="394547" y="158001"/>
                    </a:moveTo>
                    <a:cubicBezTo>
                      <a:pt x="374734" y="136189"/>
                      <a:pt x="344445" y="125235"/>
                      <a:pt x="303964" y="125235"/>
                    </a:cubicBezTo>
                    <a:cubicBezTo>
                      <a:pt x="281180" y="124463"/>
                      <a:pt x="258539" y="129064"/>
                      <a:pt x="237860" y="138665"/>
                    </a:cubicBezTo>
                    <a:cubicBezTo>
                      <a:pt x="221611" y="146647"/>
                      <a:pt x="207256" y="158010"/>
                      <a:pt x="195760" y="172003"/>
                    </a:cubicBezTo>
                    <a:cubicBezTo>
                      <a:pt x="185682" y="184490"/>
                      <a:pt x="178139" y="198815"/>
                      <a:pt x="173567" y="214198"/>
                    </a:cubicBezTo>
                    <a:cubicBezTo>
                      <a:pt x="169661" y="227143"/>
                      <a:pt x="167099" y="240449"/>
                      <a:pt x="165947" y="253918"/>
                    </a:cubicBezTo>
                    <a:lnTo>
                      <a:pt x="436457" y="253918"/>
                    </a:lnTo>
                    <a:cubicBezTo>
                      <a:pt x="428646" y="211750"/>
                      <a:pt x="414806" y="179784"/>
                      <a:pt x="394927" y="158001"/>
                    </a:cubicBez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35" name="Freeform: Shape 34">
                <a:extLst>
                  <a:ext uri="{FF2B5EF4-FFF2-40B4-BE49-F238E27FC236}">
                    <a16:creationId xmlns:a16="http://schemas.microsoft.com/office/drawing/2014/main" id="{92799E9A-6A70-55A1-43CC-1B7BFE25733B}"/>
                  </a:ext>
                </a:extLst>
              </p:cNvPr>
              <p:cNvSpPr/>
              <p:nvPr/>
            </p:nvSpPr>
            <p:spPr>
              <a:xfrm>
                <a:off x="6974451" y="5404064"/>
                <a:ext cx="566660" cy="620709"/>
              </a:xfrm>
              <a:custGeom>
                <a:avLst/>
                <a:gdLst>
                  <a:gd name="connsiteX0" fmla="*/ 157353 w 566660"/>
                  <a:gd name="connsiteY0" fmla="*/ 16157 h 620709"/>
                  <a:gd name="connsiteX1" fmla="*/ 157353 w 566660"/>
                  <a:gd name="connsiteY1" fmla="*/ 100358 h 620709"/>
                  <a:gd name="connsiteX2" fmla="*/ 160877 w 566660"/>
                  <a:gd name="connsiteY2" fmla="*/ 100358 h 620709"/>
                  <a:gd name="connsiteX3" fmla="*/ 242697 w 566660"/>
                  <a:gd name="connsiteY3" fmla="*/ 24158 h 620709"/>
                  <a:gd name="connsiteX4" fmla="*/ 345567 w 566660"/>
                  <a:gd name="connsiteY4" fmla="*/ 155 h 620709"/>
                  <a:gd name="connsiteX5" fmla="*/ 454914 w 566660"/>
                  <a:gd name="connsiteY5" fmla="*/ 18348 h 620709"/>
                  <a:gd name="connsiteX6" fmla="*/ 522161 w 566660"/>
                  <a:gd name="connsiteY6" fmla="*/ 68640 h 620709"/>
                  <a:gd name="connsiteX7" fmla="*/ 556641 w 566660"/>
                  <a:gd name="connsiteY7" fmla="*/ 146936 h 620709"/>
                  <a:gd name="connsiteX8" fmla="*/ 566642 w 566660"/>
                  <a:gd name="connsiteY8" fmla="*/ 249234 h 620709"/>
                  <a:gd name="connsiteX9" fmla="*/ 566642 w 566660"/>
                  <a:gd name="connsiteY9" fmla="*/ 620709 h 620709"/>
                  <a:gd name="connsiteX10" fmla="*/ 400621 w 566660"/>
                  <a:gd name="connsiteY10" fmla="*/ 620709 h 620709"/>
                  <a:gd name="connsiteX11" fmla="*/ 400621 w 566660"/>
                  <a:gd name="connsiteY11" fmla="*/ 279238 h 620709"/>
                  <a:gd name="connsiteX12" fmla="*/ 377190 w 566660"/>
                  <a:gd name="connsiteY12" fmla="*/ 167605 h 620709"/>
                  <a:gd name="connsiteX13" fmla="*/ 294132 w 566660"/>
                  <a:gd name="connsiteY13" fmla="*/ 130743 h 620709"/>
                  <a:gd name="connsiteX14" fmla="*/ 195929 w 566660"/>
                  <a:gd name="connsiteY14" fmla="*/ 171129 h 620709"/>
                  <a:gd name="connsiteX15" fmla="*/ 165545 w 566660"/>
                  <a:gd name="connsiteY15" fmla="*/ 303812 h 620709"/>
                  <a:gd name="connsiteX16" fmla="*/ 165545 w 566660"/>
                  <a:gd name="connsiteY16" fmla="*/ 620709 h 620709"/>
                  <a:gd name="connsiteX17" fmla="*/ 0 w 566660"/>
                  <a:gd name="connsiteY17" fmla="*/ 620709 h 620709"/>
                  <a:gd name="connsiteX18" fmla="*/ 0 w 566660"/>
                  <a:gd name="connsiteY18" fmla="*/ 16157 h 62070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566660" h="620709">
                    <a:moveTo>
                      <a:pt x="157353" y="16157"/>
                    </a:moveTo>
                    <a:lnTo>
                      <a:pt x="157353" y="100358"/>
                    </a:lnTo>
                    <a:lnTo>
                      <a:pt x="160877" y="100358"/>
                    </a:lnTo>
                    <a:cubicBezTo>
                      <a:pt x="179918" y="67347"/>
                      <a:pt x="208417" y="40803"/>
                      <a:pt x="242697" y="24158"/>
                    </a:cubicBezTo>
                    <a:cubicBezTo>
                      <a:pt x="274739" y="8497"/>
                      <a:pt x="309906" y="292"/>
                      <a:pt x="345567" y="155"/>
                    </a:cubicBezTo>
                    <a:cubicBezTo>
                      <a:pt x="382857" y="-1084"/>
                      <a:pt x="420033" y="5101"/>
                      <a:pt x="454914" y="18348"/>
                    </a:cubicBezTo>
                    <a:cubicBezTo>
                      <a:pt x="481365" y="28908"/>
                      <a:pt x="504558" y="46254"/>
                      <a:pt x="522161" y="68640"/>
                    </a:cubicBezTo>
                    <a:cubicBezTo>
                      <a:pt x="539325" y="91854"/>
                      <a:pt x="551107" y="118599"/>
                      <a:pt x="556641" y="146936"/>
                    </a:cubicBezTo>
                    <a:cubicBezTo>
                      <a:pt x="563585" y="180587"/>
                      <a:pt x="566938" y="214877"/>
                      <a:pt x="566642" y="249234"/>
                    </a:cubicBezTo>
                    <a:lnTo>
                      <a:pt x="566642" y="620709"/>
                    </a:lnTo>
                    <a:lnTo>
                      <a:pt x="400621" y="620709"/>
                    </a:lnTo>
                    <a:lnTo>
                      <a:pt x="400621" y="279238"/>
                    </a:lnTo>
                    <a:cubicBezTo>
                      <a:pt x="400621" y="229451"/>
                      <a:pt x="392811" y="192246"/>
                      <a:pt x="377190" y="167605"/>
                    </a:cubicBezTo>
                    <a:cubicBezTo>
                      <a:pt x="361569" y="142964"/>
                      <a:pt x="333880" y="130676"/>
                      <a:pt x="294132" y="130743"/>
                    </a:cubicBezTo>
                    <a:cubicBezTo>
                      <a:pt x="248984" y="130743"/>
                      <a:pt x="216246" y="144202"/>
                      <a:pt x="195929" y="171129"/>
                    </a:cubicBezTo>
                    <a:cubicBezTo>
                      <a:pt x="175613" y="198056"/>
                      <a:pt x="165478" y="242281"/>
                      <a:pt x="165545" y="303812"/>
                    </a:cubicBezTo>
                    <a:lnTo>
                      <a:pt x="165545" y="620709"/>
                    </a:lnTo>
                    <a:lnTo>
                      <a:pt x="0" y="620709"/>
                    </a:lnTo>
                    <a:lnTo>
                      <a:pt x="0" y="16157"/>
                    </a:ln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36" name="Freeform: Shape 35">
                <a:extLst>
                  <a:ext uri="{FF2B5EF4-FFF2-40B4-BE49-F238E27FC236}">
                    <a16:creationId xmlns:a16="http://schemas.microsoft.com/office/drawing/2014/main" id="{C5F9F8CF-A7BD-AFD3-8631-E6E93FE93B94}"/>
                  </a:ext>
                </a:extLst>
              </p:cNvPr>
              <p:cNvSpPr/>
              <p:nvPr/>
            </p:nvSpPr>
            <p:spPr>
              <a:xfrm>
                <a:off x="7614604" y="5404161"/>
                <a:ext cx="596286" cy="635875"/>
              </a:xfrm>
              <a:custGeom>
                <a:avLst/>
                <a:gdLst>
                  <a:gd name="connsiteX0" fmla="*/ 307488 w 596286"/>
                  <a:gd name="connsiteY0" fmla="*/ 124836 h 635875"/>
                  <a:gd name="connsiteX1" fmla="*/ 240813 w 596286"/>
                  <a:gd name="connsiteY1" fmla="*/ 142933 h 635875"/>
                  <a:gd name="connsiteX2" fmla="*/ 196903 w 596286"/>
                  <a:gd name="connsiteY2" fmla="*/ 189701 h 635875"/>
                  <a:gd name="connsiteX3" fmla="*/ 172995 w 596286"/>
                  <a:gd name="connsiteY3" fmla="*/ 252852 h 635875"/>
                  <a:gd name="connsiteX4" fmla="*/ 165947 w 596286"/>
                  <a:gd name="connsiteY4" fmla="*/ 321241 h 635875"/>
                  <a:gd name="connsiteX5" fmla="*/ 172995 w 596286"/>
                  <a:gd name="connsiteY5" fmla="*/ 387916 h 635875"/>
                  <a:gd name="connsiteX6" fmla="*/ 195760 w 596286"/>
                  <a:gd name="connsiteY6" fmla="*/ 449258 h 635875"/>
                  <a:gd name="connsiteX7" fmla="*/ 238432 w 596286"/>
                  <a:gd name="connsiteY7" fmla="*/ 494311 h 635875"/>
                  <a:gd name="connsiteX8" fmla="*/ 303964 w 596286"/>
                  <a:gd name="connsiteY8" fmla="*/ 511837 h 635875"/>
                  <a:gd name="connsiteX9" fmla="*/ 395690 w 596286"/>
                  <a:gd name="connsiteY9" fmla="*/ 478499 h 635875"/>
                  <a:gd name="connsiteX10" fmla="*/ 436076 w 596286"/>
                  <a:gd name="connsiteY10" fmla="*/ 389059 h 635875"/>
                  <a:gd name="connsiteX11" fmla="*/ 596286 w 596286"/>
                  <a:gd name="connsiteY11" fmla="*/ 389059 h 635875"/>
                  <a:gd name="connsiteX12" fmla="*/ 502846 w 596286"/>
                  <a:gd name="connsiteY12" fmla="*/ 572701 h 635875"/>
                  <a:gd name="connsiteX13" fmla="*/ 305298 w 596286"/>
                  <a:gd name="connsiteY13" fmla="*/ 635852 h 635875"/>
                  <a:gd name="connsiteX14" fmla="*/ 180711 w 596286"/>
                  <a:gd name="connsiteY14" fmla="*/ 612992 h 635875"/>
                  <a:gd name="connsiteX15" fmla="*/ 84318 w 596286"/>
                  <a:gd name="connsiteY15" fmla="*/ 549270 h 635875"/>
                  <a:gd name="connsiteX16" fmla="*/ 22215 w 596286"/>
                  <a:gd name="connsiteY16" fmla="*/ 452020 h 635875"/>
                  <a:gd name="connsiteX17" fmla="*/ 21 w 596286"/>
                  <a:gd name="connsiteY17" fmla="*/ 327528 h 635875"/>
                  <a:gd name="connsiteX18" fmla="*/ 20500 w 596286"/>
                  <a:gd name="connsiteY18" fmla="*/ 197131 h 635875"/>
                  <a:gd name="connsiteX19" fmla="*/ 80698 w 596286"/>
                  <a:gd name="connsiteY19" fmla="*/ 93022 h 635875"/>
                  <a:gd name="connsiteX20" fmla="*/ 177758 w 596286"/>
                  <a:gd name="connsiteY20" fmla="*/ 24633 h 635875"/>
                  <a:gd name="connsiteX21" fmla="*/ 308727 w 596286"/>
                  <a:gd name="connsiteY21" fmla="*/ 58 h 635875"/>
                  <a:gd name="connsiteX22" fmla="*/ 412168 w 596286"/>
                  <a:gd name="connsiteY22" fmla="*/ 13870 h 635875"/>
                  <a:gd name="connsiteX23" fmla="*/ 501036 w 596286"/>
                  <a:gd name="connsiteY23" fmla="*/ 56542 h 635875"/>
                  <a:gd name="connsiteX24" fmla="*/ 592858 w 596286"/>
                  <a:gd name="connsiteY24" fmla="*/ 228944 h 635875"/>
                  <a:gd name="connsiteX25" fmla="*/ 430266 w 596286"/>
                  <a:gd name="connsiteY25" fmla="*/ 228944 h 635875"/>
                  <a:gd name="connsiteX26" fmla="*/ 307488 w 596286"/>
                  <a:gd name="connsiteY26" fmla="*/ 124836 h 6358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596286" h="635875">
                    <a:moveTo>
                      <a:pt x="307488" y="124836"/>
                    </a:moveTo>
                    <a:cubicBezTo>
                      <a:pt x="283943" y="123979"/>
                      <a:pt x="260692" y="130284"/>
                      <a:pt x="240813" y="142933"/>
                    </a:cubicBezTo>
                    <a:cubicBezTo>
                      <a:pt x="222849" y="155030"/>
                      <a:pt x="207838" y="171013"/>
                      <a:pt x="196903" y="189701"/>
                    </a:cubicBezTo>
                    <a:cubicBezTo>
                      <a:pt x="185483" y="209275"/>
                      <a:pt x="177406" y="230621"/>
                      <a:pt x="172995" y="252852"/>
                    </a:cubicBezTo>
                    <a:cubicBezTo>
                      <a:pt x="168366" y="275360"/>
                      <a:pt x="166004" y="298267"/>
                      <a:pt x="165947" y="321241"/>
                    </a:cubicBezTo>
                    <a:cubicBezTo>
                      <a:pt x="166052" y="343644"/>
                      <a:pt x="168414" y="365980"/>
                      <a:pt x="172995" y="387916"/>
                    </a:cubicBezTo>
                    <a:cubicBezTo>
                      <a:pt x="177301" y="409433"/>
                      <a:pt x="184987" y="430141"/>
                      <a:pt x="195760" y="449258"/>
                    </a:cubicBezTo>
                    <a:cubicBezTo>
                      <a:pt x="206161" y="467488"/>
                      <a:pt x="220792" y="482938"/>
                      <a:pt x="238432" y="494311"/>
                    </a:cubicBezTo>
                    <a:cubicBezTo>
                      <a:pt x="258063" y="506493"/>
                      <a:pt x="280866" y="512599"/>
                      <a:pt x="303964" y="511837"/>
                    </a:cubicBezTo>
                    <a:cubicBezTo>
                      <a:pt x="343655" y="511837"/>
                      <a:pt x="374230" y="500721"/>
                      <a:pt x="395690" y="478499"/>
                    </a:cubicBezTo>
                    <a:cubicBezTo>
                      <a:pt x="418293" y="453725"/>
                      <a:pt x="432437" y="422397"/>
                      <a:pt x="436076" y="389059"/>
                    </a:cubicBezTo>
                    <a:lnTo>
                      <a:pt x="596286" y="389059"/>
                    </a:lnTo>
                    <a:cubicBezTo>
                      <a:pt x="585742" y="469136"/>
                      <a:pt x="554596" y="530344"/>
                      <a:pt x="502846" y="572701"/>
                    </a:cubicBezTo>
                    <a:cubicBezTo>
                      <a:pt x="451097" y="615059"/>
                      <a:pt x="385241" y="636109"/>
                      <a:pt x="305298" y="635852"/>
                    </a:cubicBezTo>
                    <a:cubicBezTo>
                      <a:pt x="262683" y="636357"/>
                      <a:pt x="220373" y="628594"/>
                      <a:pt x="180711" y="612992"/>
                    </a:cubicBezTo>
                    <a:cubicBezTo>
                      <a:pt x="144430" y="598809"/>
                      <a:pt x="111578" y="577092"/>
                      <a:pt x="84318" y="549270"/>
                    </a:cubicBezTo>
                    <a:cubicBezTo>
                      <a:pt x="57267" y="521381"/>
                      <a:pt x="36140" y="488300"/>
                      <a:pt x="22215" y="452020"/>
                    </a:cubicBezTo>
                    <a:cubicBezTo>
                      <a:pt x="7070" y="412281"/>
                      <a:pt x="-455" y="370048"/>
                      <a:pt x="21" y="327528"/>
                    </a:cubicBezTo>
                    <a:cubicBezTo>
                      <a:pt x="-436" y="283227"/>
                      <a:pt x="6479" y="239155"/>
                      <a:pt x="20500" y="197131"/>
                    </a:cubicBezTo>
                    <a:cubicBezTo>
                      <a:pt x="33102" y="158621"/>
                      <a:pt x="53609" y="123160"/>
                      <a:pt x="80698" y="93022"/>
                    </a:cubicBezTo>
                    <a:cubicBezTo>
                      <a:pt x="107663" y="63404"/>
                      <a:pt x="140791" y="40060"/>
                      <a:pt x="177758" y="24633"/>
                    </a:cubicBezTo>
                    <a:cubicBezTo>
                      <a:pt x="219277" y="7576"/>
                      <a:pt x="263854" y="-788"/>
                      <a:pt x="308727" y="58"/>
                    </a:cubicBezTo>
                    <a:cubicBezTo>
                      <a:pt x="343683" y="-166"/>
                      <a:pt x="378497" y="4482"/>
                      <a:pt x="412168" y="13870"/>
                    </a:cubicBezTo>
                    <a:cubicBezTo>
                      <a:pt x="444115" y="22650"/>
                      <a:pt x="474214" y="37104"/>
                      <a:pt x="501036" y="56542"/>
                    </a:cubicBezTo>
                    <a:cubicBezTo>
                      <a:pt x="556748" y="96638"/>
                      <a:pt x="590676" y="160336"/>
                      <a:pt x="592858" y="228944"/>
                    </a:cubicBezTo>
                    <a:lnTo>
                      <a:pt x="430266" y="228944"/>
                    </a:lnTo>
                    <a:cubicBezTo>
                      <a:pt x="419407" y="159535"/>
                      <a:pt x="378478" y="124836"/>
                      <a:pt x="307488" y="124836"/>
                    </a:cubicBez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37" name="Freeform: Shape 36">
                <a:extLst>
                  <a:ext uri="{FF2B5EF4-FFF2-40B4-BE49-F238E27FC236}">
                    <a16:creationId xmlns:a16="http://schemas.microsoft.com/office/drawing/2014/main" id="{BD105D2B-F2B3-4B08-32EB-4D5311CE23FE}"/>
                  </a:ext>
                </a:extLst>
              </p:cNvPr>
              <p:cNvSpPr/>
              <p:nvPr/>
            </p:nvSpPr>
            <p:spPr>
              <a:xfrm>
                <a:off x="8278137" y="5189907"/>
                <a:ext cx="566772" cy="834866"/>
              </a:xfrm>
              <a:custGeom>
                <a:avLst/>
                <a:gdLst>
                  <a:gd name="connsiteX0" fmla="*/ 166021 w 566772"/>
                  <a:gd name="connsiteY0" fmla="*/ 0 h 834866"/>
                  <a:gd name="connsiteX1" fmla="*/ 166021 w 566772"/>
                  <a:gd name="connsiteY1" fmla="*/ 314325 h 834866"/>
                  <a:gd name="connsiteX2" fmla="*/ 169545 w 566772"/>
                  <a:gd name="connsiteY2" fmla="*/ 314325 h 834866"/>
                  <a:gd name="connsiteX3" fmla="*/ 250222 w 566772"/>
                  <a:gd name="connsiteY3" fmla="*/ 238125 h 834866"/>
                  <a:gd name="connsiteX4" fmla="*/ 346138 w 566772"/>
                  <a:gd name="connsiteY4" fmla="*/ 214122 h 834866"/>
                  <a:gd name="connsiteX5" fmla="*/ 455486 w 566772"/>
                  <a:gd name="connsiteY5" fmla="*/ 232315 h 834866"/>
                  <a:gd name="connsiteX6" fmla="*/ 522732 w 566772"/>
                  <a:gd name="connsiteY6" fmla="*/ 282607 h 834866"/>
                  <a:gd name="connsiteX7" fmla="*/ 557213 w 566772"/>
                  <a:gd name="connsiteY7" fmla="*/ 360902 h 834866"/>
                  <a:gd name="connsiteX8" fmla="*/ 566738 w 566772"/>
                  <a:gd name="connsiteY8" fmla="*/ 463201 h 834866"/>
                  <a:gd name="connsiteX9" fmla="*/ 566738 w 566772"/>
                  <a:gd name="connsiteY9" fmla="*/ 834676 h 834866"/>
                  <a:gd name="connsiteX10" fmla="*/ 401288 w 566772"/>
                  <a:gd name="connsiteY10" fmla="*/ 834676 h 834866"/>
                  <a:gd name="connsiteX11" fmla="*/ 401288 w 566772"/>
                  <a:gd name="connsiteY11" fmla="*/ 493395 h 834866"/>
                  <a:gd name="connsiteX12" fmla="*/ 377857 w 566772"/>
                  <a:gd name="connsiteY12" fmla="*/ 381762 h 834866"/>
                  <a:gd name="connsiteX13" fmla="*/ 294894 w 566772"/>
                  <a:gd name="connsiteY13" fmla="*/ 344900 h 834866"/>
                  <a:gd name="connsiteX14" fmla="*/ 196691 w 566772"/>
                  <a:gd name="connsiteY14" fmla="*/ 385286 h 834866"/>
                  <a:gd name="connsiteX15" fmla="*/ 166211 w 566772"/>
                  <a:gd name="connsiteY15" fmla="*/ 517969 h 834866"/>
                  <a:gd name="connsiteX16" fmla="*/ 166211 w 566772"/>
                  <a:gd name="connsiteY16" fmla="*/ 834866 h 834866"/>
                  <a:gd name="connsiteX17" fmla="*/ 0 w 566772"/>
                  <a:gd name="connsiteY17" fmla="*/ 834866 h 834866"/>
                  <a:gd name="connsiteX18" fmla="*/ 0 w 566772"/>
                  <a:gd name="connsiteY18" fmla="*/ 0 h 8348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566772" h="834866">
                    <a:moveTo>
                      <a:pt x="166021" y="0"/>
                    </a:moveTo>
                    <a:lnTo>
                      <a:pt x="166021" y="314325"/>
                    </a:lnTo>
                    <a:lnTo>
                      <a:pt x="169545" y="314325"/>
                    </a:lnTo>
                    <a:cubicBezTo>
                      <a:pt x="188386" y="281563"/>
                      <a:pt x="216437" y="255064"/>
                      <a:pt x="250222" y="238125"/>
                    </a:cubicBezTo>
                    <a:cubicBezTo>
                      <a:pt x="279940" y="222891"/>
                      <a:pt x="312753" y="214679"/>
                      <a:pt x="346138" y="214122"/>
                    </a:cubicBezTo>
                    <a:cubicBezTo>
                      <a:pt x="383429" y="212883"/>
                      <a:pt x="420605" y="219067"/>
                      <a:pt x="455486" y="232315"/>
                    </a:cubicBezTo>
                    <a:cubicBezTo>
                      <a:pt x="481937" y="242874"/>
                      <a:pt x="505130" y="260221"/>
                      <a:pt x="522732" y="282607"/>
                    </a:cubicBezTo>
                    <a:cubicBezTo>
                      <a:pt x="539877" y="305831"/>
                      <a:pt x="551659" y="332575"/>
                      <a:pt x="557213" y="360902"/>
                    </a:cubicBezTo>
                    <a:cubicBezTo>
                      <a:pt x="563947" y="394573"/>
                      <a:pt x="567147" y="428863"/>
                      <a:pt x="566738" y="463201"/>
                    </a:cubicBezTo>
                    <a:lnTo>
                      <a:pt x="566738" y="834676"/>
                    </a:lnTo>
                    <a:lnTo>
                      <a:pt x="401288" y="834676"/>
                    </a:lnTo>
                    <a:lnTo>
                      <a:pt x="401288" y="493395"/>
                    </a:lnTo>
                    <a:cubicBezTo>
                      <a:pt x="401288" y="443608"/>
                      <a:pt x="393478" y="406403"/>
                      <a:pt x="377857" y="381762"/>
                    </a:cubicBezTo>
                    <a:cubicBezTo>
                      <a:pt x="362236" y="357121"/>
                      <a:pt x="334585" y="344834"/>
                      <a:pt x="294894" y="344900"/>
                    </a:cubicBezTo>
                    <a:cubicBezTo>
                      <a:pt x="249679" y="344900"/>
                      <a:pt x="216951" y="358359"/>
                      <a:pt x="196691" y="385286"/>
                    </a:cubicBezTo>
                    <a:cubicBezTo>
                      <a:pt x="176432" y="412213"/>
                      <a:pt x="166278" y="456438"/>
                      <a:pt x="166211" y="517969"/>
                    </a:cubicBezTo>
                    <a:lnTo>
                      <a:pt x="166211" y="834866"/>
                    </a:lnTo>
                    <a:lnTo>
                      <a:pt x="0" y="834866"/>
                    </a:lnTo>
                    <a:lnTo>
                      <a:pt x="0" y="0"/>
                    </a:ln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38" name="Freeform: Shape 37">
                <a:extLst>
                  <a:ext uri="{FF2B5EF4-FFF2-40B4-BE49-F238E27FC236}">
                    <a16:creationId xmlns:a16="http://schemas.microsoft.com/office/drawing/2014/main" id="{76D8063B-88DB-4BF9-8FA7-8031051A3027}"/>
                  </a:ext>
                </a:extLst>
              </p:cNvPr>
              <p:cNvSpPr/>
              <p:nvPr/>
            </p:nvSpPr>
            <p:spPr>
              <a:xfrm>
                <a:off x="8917509" y="5404309"/>
                <a:ext cx="589925" cy="635437"/>
              </a:xfrm>
              <a:custGeom>
                <a:avLst/>
                <a:gdLst>
                  <a:gd name="connsiteX0" fmla="*/ 19092 w 589925"/>
                  <a:gd name="connsiteY0" fmla="*/ 201841 h 635437"/>
                  <a:gd name="connsiteX1" fmla="*/ 48238 w 589925"/>
                  <a:gd name="connsiteY1" fmla="*/ 104781 h 635437"/>
                  <a:gd name="connsiteX2" fmla="*/ 113771 w 589925"/>
                  <a:gd name="connsiteY2" fmla="*/ 42869 h 635437"/>
                  <a:gd name="connsiteX3" fmla="*/ 203210 w 589925"/>
                  <a:gd name="connsiteY3" fmla="*/ 9531 h 635437"/>
                  <a:gd name="connsiteX4" fmla="*/ 303223 w 589925"/>
                  <a:gd name="connsiteY4" fmla="*/ 6 h 635437"/>
                  <a:gd name="connsiteX5" fmla="*/ 395520 w 589925"/>
                  <a:gd name="connsiteY5" fmla="*/ 6483 h 635437"/>
                  <a:gd name="connsiteX6" fmla="*/ 481245 w 589925"/>
                  <a:gd name="connsiteY6" fmla="*/ 31629 h 635437"/>
                  <a:gd name="connsiteX7" fmla="*/ 544396 w 589925"/>
                  <a:gd name="connsiteY7" fmla="*/ 83159 h 635437"/>
                  <a:gd name="connsiteX8" fmla="*/ 568875 w 589925"/>
                  <a:gd name="connsiteY8" fmla="*/ 171456 h 635437"/>
                  <a:gd name="connsiteX9" fmla="*/ 568875 w 589925"/>
                  <a:gd name="connsiteY9" fmla="*/ 485781 h 635437"/>
                  <a:gd name="connsiteX10" fmla="*/ 573542 w 589925"/>
                  <a:gd name="connsiteY10" fmla="*/ 564172 h 635437"/>
                  <a:gd name="connsiteX11" fmla="*/ 589925 w 589925"/>
                  <a:gd name="connsiteY11" fmla="*/ 620274 h 635437"/>
                  <a:gd name="connsiteX12" fmla="*/ 421333 w 589925"/>
                  <a:gd name="connsiteY12" fmla="*/ 620274 h 635437"/>
                  <a:gd name="connsiteX13" fmla="*/ 413713 w 589925"/>
                  <a:gd name="connsiteY13" fmla="*/ 591699 h 635437"/>
                  <a:gd name="connsiteX14" fmla="*/ 409617 w 589925"/>
                  <a:gd name="connsiteY14" fmla="*/ 561886 h 635437"/>
                  <a:gd name="connsiteX15" fmla="*/ 316081 w 589925"/>
                  <a:gd name="connsiteY15" fmla="*/ 619036 h 635437"/>
                  <a:gd name="connsiteX16" fmla="*/ 206163 w 589925"/>
                  <a:gd name="connsiteY16" fmla="*/ 635419 h 635437"/>
                  <a:gd name="connsiteX17" fmla="*/ 125296 w 589925"/>
                  <a:gd name="connsiteY17" fmla="*/ 625132 h 635437"/>
                  <a:gd name="connsiteX18" fmla="*/ 59764 w 589925"/>
                  <a:gd name="connsiteY18" fmla="*/ 592366 h 635437"/>
                  <a:gd name="connsiteX19" fmla="*/ 15949 w 589925"/>
                  <a:gd name="connsiteY19" fmla="*/ 536264 h 635437"/>
                  <a:gd name="connsiteX20" fmla="*/ 137 w 589925"/>
                  <a:gd name="connsiteY20" fmla="*/ 455587 h 635437"/>
                  <a:gd name="connsiteX21" fmla="*/ 18234 w 589925"/>
                  <a:gd name="connsiteY21" fmla="*/ 370814 h 635437"/>
                  <a:gd name="connsiteX22" fmla="*/ 65003 w 589925"/>
                  <a:gd name="connsiteY22" fmla="*/ 317570 h 635437"/>
                  <a:gd name="connsiteX23" fmla="*/ 130535 w 589925"/>
                  <a:gd name="connsiteY23" fmla="*/ 287756 h 635437"/>
                  <a:gd name="connsiteX24" fmla="*/ 204734 w 589925"/>
                  <a:gd name="connsiteY24" fmla="*/ 272040 h 635437"/>
                  <a:gd name="connsiteX25" fmla="*/ 278458 w 589925"/>
                  <a:gd name="connsiteY25" fmla="*/ 262515 h 635437"/>
                  <a:gd name="connsiteX26" fmla="*/ 342942 w 589925"/>
                  <a:gd name="connsiteY26" fmla="*/ 251847 h 635437"/>
                  <a:gd name="connsiteX27" fmla="*/ 387424 w 589925"/>
                  <a:gd name="connsiteY27" fmla="*/ 231368 h 635437"/>
                  <a:gd name="connsiteX28" fmla="*/ 402569 w 589925"/>
                  <a:gd name="connsiteY28" fmla="*/ 192221 h 635437"/>
                  <a:gd name="connsiteX29" fmla="*/ 393806 w 589925"/>
                  <a:gd name="connsiteY29" fmla="*/ 149549 h 635437"/>
                  <a:gd name="connsiteX30" fmla="*/ 370374 w 589925"/>
                  <a:gd name="connsiteY30" fmla="*/ 124974 h 635437"/>
                  <a:gd name="connsiteX31" fmla="*/ 336465 w 589925"/>
                  <a:gd name="connsiteY31" fmla="*/ 113258 h 635437"/>
                  <a:gd name="connsiteX32" fmla="*/ 295031 w 589925"/>
                  <a:gd name="connsiteY32" fmla="*/ 110401 h 635437"/>
                  <a:gd name="connsiteX33" fmla="*/ 217783 w 589925"/>
                  <a:gd name="connsiteY33" fmla="*/ 131451 h 635437"/>
                  <a:gd name="connsiteX34" fmla="*/ 185113 w 589925"/>
                  <a:gd name="connsiteY34" fmla="*/ 201555 h 635437"/>
                  <a:gd name="connsiteX35" fmla="*/ 402569 w 589925"/>
                  <a:gd name="connsiteY35" fmla="*/ 324618 h 635437"/>
                  <a:gd name="connsiteX36" fmla="*/ 376280 w 589925"/>
                  <a:gd name="connsiteY36" fmla="*/ 339287 h 635437"/>
                  <a:gd name="connsiteX37" fmla="*/ 342371 w 589925"/>
                  <a:gd name="connsiteY37" fmla="*/ 348050 h 635437"/>
                  <a:gd name="connsiteX38" fmla="*/ 304271 w 589925"/>
                  <a:gd name="connsiteY38" fmla="*/ 353860 h 635437"/>
                  <a:gd name="connsiteX39" fmla="*/ 264551 w 589925"/>
                  <a:gd name="connsiteY39" fmla="*/ 359670 h 635437"/>
                  <a:gd name="connsiteX40" fmla="*/ 227690 w 589925"/>
                  <a:gd name="connsiteY40" fmla="*/ 369195 h 635437"/>
                  <a:gd name="connsiteX41" fmla="*/ 196067 w 589925"/>
                  <a:gd name="connsiteY41" fmla="*/ 384911 h 635437"/>
                  <a:gd name="connsiteX42" fmla="*/ 174445 w 589925"/>
                  <a:gd name="connsiteY42" fmla="*/ 410057 h 635437"/>
                  <a:gd name="connsiteX43" fmla="*/ 166253 w 589925"/>
                  <a:gd name="connsiteY43" fmla="*/ 448157 h 635437"/>
                  <a:gd name="connsiteX44" fmla="*/ 174445 w 589925"/>
                  <a:gd name="connsiteY44" fmla="*/ 485590 h 635437"/>
                  <a:gd name="connsiteX45" fmla="*/ 196733 w 589925"/>
                  <a:gd name="connsiteY45" fmla="*/ 509594 h 635437"/>
                  <a:gd name="connsiteX46" fmla="*/ 229404 w 589925"/>
                  <a:gd name="connsiteY46" fmla="*/ 521881 h 635437"/>
                  <a:gd name="connsiteX47" fmla="*/ 267504 w 589925"/>
                  <a:gd name="connsiteY47" fmla="*/ 525405 h 635437"/>
                  <a:gd name="connsiteX48" fmla="*/ 343704 w 589925"/>
                  <a:gd name="connsiteY48" fmla="*/ 509022 h 635437"/>
                  <a:gd name="connsiteX49" fmla="*/ 383519 w 589925"/>
                  <a:gd name="connsiteY49" fmla="*/ 469779 h 635437"/>
                  <a:gd name="connsiteX50" fmla="*/ 399140 w 589925"/>
                  <a:gd name="connsiteY50" fmla="*/ 423297 h 635437"/>
                  <a:gd name="connsiteX51" fmla="*/ 402092 w 589925"/>
                  <a:gd name="connsiteY51" fmla="*/ 385864 h 6354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Lst>
                <a:rect l="l" t="t" r="r" b="b"/>
                <a:pathLst>
                  <a:path w="589925" h="635437">
                    <a:moveTo>
                      <a:pt x="19092" y="201841"/>
                    </a:moveTo>
                    <a:cubicBezTo>
                      <a:pt x="19959" y="167465"/>
                      <a:pt x="30027" y="133947"/>
                      <a:pt x="48238" y="104781"/>
                    </a:cubicBezTo>
                    <a:cubicBezTo>
                      <a:pt x="65022" y="79373"/>
                      <a:pt x="87453" y="58185"/>
                      <a:pt x="113771" y="42869"/>
                    </a:cubicBezTo>
                    <a:cubicBezTo>
                      <a:pt x="141488" y="26780"/>
                      <a:pt x="171730" y="15508"/>
                      <a:pt x="203210" y="9531"/>
                    </a:cubicBezTo>
                    <a:cubicBezTo>
                      <a:pt x="236148" y="3033"/>
                      <a:pt x="269647" y="-158"/>
                      <a:pt x="303223" y="6"/>
                    </a:cubicBezTo>
                    <a:cubicBezTo>
                      <a:pt x="334103" y="67"/>
                      <a:pt x="364935" y="2231"/>
                      <a:pt x="395520" y="6483"/>
                    </a:cubicBezTo>
                    <a:cubicBezTo>
                      <a:pt x="425247" y="10286"/>
                      <a:pt x="454175" y="18773"/>
                      <a:pt x="481245" y="31629"/>
                    </a:cubicBezTo>
                    <a:cubicBezTo>
                      <a:pt x="506210" y="43352"/>
                      <a:pt x="527899" y="61052"/>
                      <a:pt x="544396" y="83159"/>
                    </a:cubicBezTo>
                    <a:cubicBezTo>
                      <a:pt x="560683" y="105353"/>
                      <a:pt x="568780" y="134785"/>
                      <a:pt x="568875" y="171456"/>
                    </a:cubicBezTo>
                    <a:lnTo>
                      <a:pt x="568875" y="485781"/>
                    </a:lnTo>
                    <a:cubicBezTo>
                      <a:pt x="568856" y="511984"/>
                      <a:pt x="570418" y="538159"/>
                      <a:pt x="573542" y="564172"/>
                    </a:cubicBezTo>
                    <a:cubicBezTo>
                      <a:pt x="575038" y="583812"/>
                      <a:pt x="580619" y="602920"/>
                      <a:pt x="589925" y="620274"/>
                    </a:cubicBezTo>
                    <a:lnTo>
                      <a:pt x="421333" y="620274"/>
                    </a:lnTo>
                    <a:cubicBezTo>
                      <a:pt x="418171" y="610930"/>
                      <a:pt x="415627" y="601376"/>
                      <a:pt x="413713" y="591699"/>
                    </a:cubicBezTo>
                    <a:cubicBezTo>
                      <a:pt x="411731" y="581860"/>
                      <a:pt x="410360" y="571897"/>
                      <a:pt x="409617" y="561886"/>
                    </a:cubicBezTo>
                    <a:cubicBezTo>
                      <a:pt x="383833" y="588613"/>
                      <a:pt x="351629" y="608282"/>
                      <a:pt x="316081" y="619036"/>
                    </a:cubicBezTo>
                    <a:cubicBezTo>
                      <a:pt x="280449" y="629894"/>
                      <a:pt x="243406" y="635419"/>
                      <a:pt x="206163" y="635419"/>
                    </a:cubicBezTo>
                    <a:cubicBezTo>
                      <a:pt x="178864" y="635724"/>
                      <a:pt x="151651" y="632257"/>
                      <a:pt x="125296" y="625132"/>
                    </a:cubicBezTo>
                    <a:cubicBezTo>
                      <a:pt x="101493" y="618664"/>
                      <a:pt x="79223" y="607520"/>
                      <a:pt x="59764" y="592366"/>
                    </a:cubicBezTo>
                    <a:cubicBezTo>
                      <a:pt x="40904" y="577421"/>
                      <a:pt x="25883" y="558190"/>
                      <a:pt x="15949" y="536264"/>
                    </a:cubicBezTo>
                    <a:cubicBezTo>
                      <a:pt x="4843" y="510851"/>
                      <a:pt x="-558" y="483314"/>
                      <a:pt x="137" y="455587"/>
                    </a:cubicBezTo>
                    <a:cubicBezTo>
                      <a:pt x="-1025" y="426259"/>
                      <a:pt x="5204" y="397113"/>
                      <a:pt x="18234" y="370814"/>
                    </a:cubicBezTo>
                    <a:cubicBezTo>
                      <a:pt x="29455" y="349659"/>
                      <a:pt x="45467" y="331419"/>
                      <a:pt x="65003" y="317570"/>
                    </a:cubicBezTo>
                    <a:cubicBezTo>
                      <a:pt x="84976" y="303939"/>
                      <a:pt x="107141" y="293852"/>
                      <a:pt x="130535" y="287756"/>
                    </a:cubicBezTo>
                    <a:cubicBezTo>
                      <a:pt x="154966" y="281194"/>
                      <a:pt x="179741" y="275955"/>
                      <a:pt x="204734" y="272040"/>
                    </a:cubicBezTo>
                    <a:cubicBezTo>
                      <a:pt x="229690" y="268106"/>
                      <a:pt x="254264" y="264925"/>
                      <a:pt x="278458" y="262515"/>
                    </a:cubicBezTo>
                    <a:cubicBezTo>
                      <a:pt x="300175" y="260496"/>
                      <a:pt x="321730" y="256933"/>
                      <a:pt x="342942" y="251847"/>
                    </a:cubicBezTo>
                    <a:cubicBezTo>
                      <a:pt x="359087" y="248351"/>
                      <a:pt x="374270" y="241360"/>
                      <a:pt x="387424" y="231368"/>
                    </a:cubicBezTo>
                    <a:cubicBezTo>
                      <a:pt x="398597" y="221605"/>
                      <a:pt x="404264" y="206965"/>
                      <a:pt x="402569" y="192221"/>
                    </a:cubicBezTo>
                    <a:cubicBezTo>
                      <a:pt x="403273" y="177485"/>
                      <a:pt x="400254" y="162817"/>
                      <a:pt x="393806" y="149549"/>
                    </a:cubicBezTo>
                    <a:cubicBezTo>
                      <a:pt x="388386" y="139376"/>
                      <a:pt x="380280" y="130870"/>
                      <a:pt x="370374" y="124974"/>
                    </a:cubicBezTo>
                    <a:cubicBezTo>
                      <a:pt x="359954" y="118869"/>
                      <a:pt x="348428" y="114887"/>
                      <a:pt x="336465" y="113258"/>
                    </a:cubicBezTo>
                    <a:cubicBezTo>
                      <a:pt x="322749" y="111258"/>
                      <a:pt x="308900" y="110306"/>
                      <a:pt x="295031" y="110401"/>
                    </a:cubicBezTo>
                    <a:cubicBezTo>
                      <a:pt x="262266" y="110401"/>
                      <a:pt x="236548" y="117354"/>
                      <a:pt x="217783" y="131451"/>
                    </a:cubicBezTo>
                    <a:cubicBezTo>
                      <a:pt x="199019" y="145548"/>
                      <a:pt x="188161" y="168789"/>
                      <a:pt x="185113" y="201555"/>
                    </a:cubicBezTo>
                    <a:close/>
                    <a:moveTo>
                      <a:pt x="402569" y="324618"/>
                    </a:moveTo>
                    <a:cubicBezTo>
                      <a:pt x="394891" y="331238"/>
                      <a:pt x="385948" y="336229"/>
                      <a:pt x="376280" y="339287"/>
                    </a:cubicBezTo>
                    <a:cubicBezTo>
                      <a:pt x="365154" y="342868"/>
                      <a:pt x="353838" y="345792"/>
                      <a:pt x="342371" y="348050"/>
                    </a:cubicBezTo>
                    <a:cubicBezTo>
                      <a:pt x="330274" y="350336"/>
                      <a:pt x="317606" y="352336"/>
                      <a:pt x="304271" y="353860"/>
                    </a:cubicBezTo>
                    <a:cubicBezTo>
                      <a:pt x="290935" y="355384"/>
                      <a:pt x="277791" y="357384"/>
                      <a:pt x="264551" y="359670"/>
                    </a:cubicBezTo>
                    <a:cubicBezTo>
                      <a:pt x="252083" y="362080"/>
                      <a:pt x="239767" y="365261"/>
                      <a:pt x="227690" y="369195"/>
                    </a:cubicBezTo>
                    <a:cubicBezTo>
                      <a:pt x="216383" y="372719"/>
                      <a:pt x="205706" y="378025"/>
                      <a:pt x="196067" y="384911"/>
                    </a:cubicBezTo>
                    <a:cubicBezTo>
                      <a:pt x="187085" y="391579"/>
                      <a:pt x="179693" y="400170"/>
                      <a:pt x="174445" y="410057"/>
                    </a:cubicBezTo>
                    <a:cubicBezTo>
                      <a:pt x="168663" y="421906"/>
                      <a:pt x="165853" y="434984"/>
                      <a:pt x="166253" y="448157"/>
                    </a:cubicBezTo>
                    <a:cubicBezTo>
                      <a:pt x="165853" y="461121"/>
                      <a:pt x="168663" y="473980"/>
                      <a:pt x="174445" y="485590"/>
                    </a:cubicBezTo>
                    <a:cubicBezTo>
                      <a:pt x="179569" y="495458"/>
                      <a:pt x="187265" y="503755"/>
                      <a:pt x="196733" y="509594"/>
                    </a:cubicBezTo>
                    <a:cubicBezTo>
                      <a:pt x="206772" y="515670"/>
                      <a:pt x="217850" y="519833"/>
                      <a:pt x="229404" y="521881"/>
                    </a:cubicBezTo>
                    <a:cubicBezTo>
                      <a:pt x="241977" y="524195"/>
                      <a:pt x="254721" y="525376"/>
                      <a:pt x="267504" y="525405"/>
                    </a:cubicBezTo>
                    <a:cubicBezTo>
                      <a:pt x="300270" y="525405"/>
                      <a:pt x="325606" y="519881"/>
                      <a:pt x="343704" y="509022"/>
                    </a:cubicBezTo>
                    <a:cubicBezTo>
                      <a:pt x="360115" y="499564"/>
                      <a:pt x="373822" y="486048"/>
                      <a:pt x="383519" y="469779"/>
                    </a:cubicBezTo>
                    <a:cubicBezTo>
                      <a:pt x="391777" y="455482"/>
                      <a:pt x="397082" y="439680"/>
                      <a:pt x="399140" y="423297"/>
                    </a:cubicBezTo>
                    <a:cubicBezTo>
                      <a:pt x="400892" y="410895"/>
                      <a:pt x="401873" y="398389"/>
                      <a:pt x="402092" y="385864"/>
                    </a:cubicBez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32" name="Freeform: Shape 31">
              <a:extLst>
                <a:ext uri="{FF2B5EF4-FFF2-40B4-BE49-F238E27FC236}">
                  <a16:creationId xmlns:a16="http://schemas.microsoft.com/office/drawing/2014/main" id="{69CDDE21-9DC2-0411-ABCD-930AB4B8854C}"/>
                </a:ext>
              </a:extLst>
            </p:cNvPr>
            <p:cNvSpPr/>
            <p:nvPr/>
          </p:nvSpPr>
          <p:spPr>
            <a:xfrm>
              <a:off x="3945501" y="4551256"/>
              <a:ext cx="1388935" cy="2108930"/>
            </a:xfrm>
            <a:custGeom>
              <a:avLst/>
              <a:gdLst>
                <a:gd name="connsiteX0" fmla="*/ 532733 w 1388935"/>
                <a:gd name="connsiteY0" fmla="*/ 0 h 2108930"/>
                <a:gd name="connsiteX1" fmla="*/ 0 w 1388935"/>
                <a:gd name="connsiteY1" fmla="*/ 721138 h 2108930"/>
                <a:gd name="connsiteX2" fmla="*/ 1012412 w 1388935"/>
                <a:gd name="connsiteY2" fmla="*/ 1819275 h 2108930"/>
                <a:gd name="connsiteX3" fmla="*/ 853916 w 1388935"/>
                <a:gd name="connsiteY3" fmla="*/ 2108930 h 2108930"/>
                <a:gd name="connsiteX4" fmla="*/ 1388936 w 1388935"/>
                <a:gd name="connsiteY4" fmla="*/ 1411891 h 2108930"/>
                <a:gd name="connsiteX5" fmla="*/ 372428 w 1388935"/>
                <a:gd name="connsiteY5" fmla="*/ 263176 h 2108930"/>
                <a:gd name="connsiteX6" fmla="*/ 532733 w 1388935"/>
                <a:gd name="connsiteY6" fmla="*/ 0 h 21089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388935" h="2108930">
                  <a:moveTo>
                    <a:pt x="532733" y="0"/>
                  </a:moveTo>
                  <a:cubicBezTo>
                    <a:pt x="532733" y="0"/>
                    <a:pt x="0" y="150876"/>
                    <a:pt x="0" y="721138"/>
                  </a:cubicBezTo>
                  <a:cubicBezTo>
                    <a:pt x="0" y="1522190"/>
                    <a:pt x="1012412" y="1387316"/>
                    <a:pt x="1012412" y="1819275"/>
                  </a:cubicBezTo>
                  <a:cubicBezTo>
                    <a:pt x="1012412" y="2029682"/>
                    <a:pt x="853916" y="2108930"/>
                    <a:pt x="853916" y="2108930"/>
                  </a:cubicBezTo>
                  <a:cubicBezTo>
                    <a:pt x="853916" y="2108930"/>
                    <a:pt x="1388936" y="1957007"/>
                    <a:pt x="1388936" y="1411891"/>
                  </a:cubicBezTo>
                  <a:cubicBezTo>
                    <a:pt x="1388936" y="568928"/>
                    <a:pt x="372428" y="761429"/>
                    <a:pt x="372428" y="263176"/>
                  </a:cubicBezTo>
                  <a:cubicBezTo>
                    <a:pt x="372428" y="81248"/>
                    <a:pt x="532733" y="0"/>
                    <a:pt x="532733" y="0"/>
                  </a:cubicBezTo>
                  <a:close/>
                </a:path>
              </a:pathLst>
            </a:custGeom>
            <a:solidFill>
              <a:srgbClr val="95C93D"/>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39" name="Group 38">
            <a:extLst>
              <a:ext uri="{FF2B5EF4-FFF2-40B4-BE49-F238E27FC236}">
                <a16:creationId xmlns:a16="http://schemas.microsoft.com/office/drawing/2014/main" id="{DAEBA7CB-D1BD-9005-021F-766CD0B9040D}"/>
              </a:ext>
            </a:extLst>
          </p:cNvPr>
          <p:cNvGrpSpPr/>
          <p:nvPr/>
        </p:nvGrpSpPr>
        <p:grpSpPr>
          <a:xfrm>
            <a:off x="5446976" y="3905217"/>
            <a:ext cx="1005739" cy="379673"/>
            <a:chOff x="5593537" y="3355966"/>
            <a:chExt cx="1302095" cy="446863"/>
          </a:xfrm>
        </p:grpSpPr>
        <p:sp>
          <p:nvSpPr>
            <p:cNvPr id="40" name="Freeform: Shape 39">
              <a:extLst>
                <a:ext uri="{FF2B5EF4-FFF2-40B4-BE49-F238E27FC236}">
                  <a16:creationId xmlns:a16="http://schemas.microsoft.com/office/drawing/2014/main" id="{7FAFB413-ABFA-A7D9-FB2A-47FB59B55EED}"/>
                </a:ext>
              </a:extLst>
            </p:cNvPr>
            <p:cNvSpPr/>
            <p:nvPr/>
          </p:nvSpPr>
          <p:spPr>
            <a:xfrm>
              <a:off x="5593537" y="3566928"/>
              <a:ext cx="875790" cy="235901"/>
            </a:xfrm>
            <a:custGeom>
              <a:avLst/>
              <a:gdLst>
                <a:gd name="connsiteX0" fmla="*/ 730087 w 875790"/>
                <a:gd name="connsiteY0" fmla="*/ 235902 h 235901"/>
                <a:gd name="connsiteX1" fmla="*/ 767644 w 875790"/>
                <a:gd name="connsiteY1" fmla="*/ 149748 h 235901"/>
                <a:gd name="connsiteX2" fmla="*/ 699969 w 875790"/>
                <a:gd name="connsiteY2" fmla="*/ 5048 h 235901"/>
                <a:gd name="connsiteX3" fmla="*/ 748216 w 875790"/>
                <a:gd name="connsiteY3" fmla="*/ 5048 h 235901"/>
                <a:gd name="connsiteX4" fmla="*/ 790629 w 875790"/>
                <a:gd name="connsiteY4" fmla="*/ 101965 h 235901"/>
                <a:gd name="connsiteX5" fmla="*/ 829805 w 875790"/>
                <a:gd name="connsiteY5" fmla="*/ 5048 h 235901"/>
                <a:gd name="connsiteX6" fmla="*/ 875790 w 875790"/>
                <a:gd name="connsiteY6" fmla="*/ 5048 h 235901"/>
                <a:gd name="connsiteX7" fmla="*/ 775738 w 875790"/>
                <a:gd name="connsiteY7" fmla="*/ 235902 h 235901"/>
                <a:gd name="connsiteX8" fmla="*/ 730087 w 875790"/>
                <a:gd name="connsiteY8" fmla="*/ 235902 h 235901"/>
                <a:gd name="connsiteX9" fmla="*/ 661131 w 875790"/>
                <a:gd name="connsiteY9" fmla="*/ 103647 h 235901"/>
                <a:gd name="connsiteX10" fmla="*/ 661131 w 875790"/>
                <a:gd name="connsiteY10" fmla="*/ 96250 h 235901"/>
                <a:gd name="connsiteX11" fmla="*/ 625194 w 875790"/>
                <a:gd name="connsiteY11" fmla="*/ 101965 h 235901"/>
                <a:gd name="connsiteX12" fmla="*/ 605446 w 875790"/>
                <a:gd name="connsiteY12" fmla="*/ 122825 h 235901"/>
                <a:gd name="connsiteX13" fmla="*/ 626156 w 875790"/>
                <a:gd name="connsiteY13" fmla="*/ 142018 h 235901"/>
                <a:gd name="connsiteX14" fmla="*/ 661131 w 875790"/>
                <a:gd name="connsiteY14" fmla="*/ 103647 h 235901"/>
                <a:gd name="connsiteX15" fmla="*/ 609982 w 875790"/>
                <a:gd name="connsiteY15" fmla="*/ 75390 h 235901"/>
                <a:gd name="connsiteX16" fmla="*/ 649157 w 875790"/>
                <a:gd name="connsiteY16" fmla="*/ 69326 h 235901"/>
                <a:gd name="connsiteX17" fmla="*/ 661131 w 875790"/>
                <a:gd name="connsiteY17" fmla="*/ 57546 h 235901"/>
                <a:gd name="connsiteX18" fmla="*/ 634266 w 875790"/>
                <a:gd name="connsiteY18" fmla="*/ 36004 h 235901"/>
                <a:gd name="connsiteX19" fmla="*/ 603812 w 875790"/>
                <a:gd name="connsiteY19" fmla="*/ 62928 h 235901"/>
                <a:gd name="connsiteX20" fmla="*/ 565599 w 875790"/>
                <a:gd name="connsiteY20" fmla="*/ 54514 h 235901"/>
                <a:gd name="connsiteX21" fmla="*/ 633930 w 875790"/>
                <a:gd name="connsiteY21" fmla="*/ 0 h 235901"/>
                <a:gd name="connsiteX22" fmla="*/ 703223 w 875790"/>
                <a:gd name="connsiteY22" fmla="*/ 62928 h 235901"/>
                <a:gd name="connsiteX23" fmla="*/ 703223 w 875790"/>
                <a:gd name="connsiteY23" fmla="*/ 144367 h 235901"/>
                <a:gd name="connsiteX24" fmla="*/ 705162 w 875790"/>
                <a:gd name="connsiteY24" fmla="*/ 170624 h 235901"/>
                <a:gd name="connsiteX25" fmla="*/ 665667 w 875790"/>
                <a:gd name="connsiteY25" fmla="*/ 170624 h 235901"/>
                <a:gd name="connsiteX26" fmla="*/ 664048 w 875790"/>
                <a:gd name="connsiteY26" fmla="*/ 150765 h 235901"/>
                <a:gd name="connsiteX27" fmla="*/ 617099 w 875790"/>
                <a:gd name="connsiteY27" fmla="*/ 175339 h 235901"/>
                <a:gd name="connsiteX28" fmla="*/ 562377 w 875790"/>
                <a:gd name="connsiteY28" fmla="*/ 125523 h 235901"/>
                <a:gd name="connsiteX29" fmla="*/ 609982 w 875790"/>
                <a:gd name="connsiteY29" fmla="*/ 75390 h 235901"/>
                <a:gd name="connsiteX30" fmla="*/ 459758 w 875790"/>
                <a:gd name="connsiteY30" fmla="*/ 5048 h 235901"/>
                <a:gd name="connsiteX31" fmla="*/ 494077 w 875790"/>
                <a:gd name="connsiteY31" fmla="*/ 111728 h 235901"/>
                <a:gd name="connsiteX32" fmla="*/ 523553 w 875790"/>
                <a:gd name="connsiteY32" fmla="*/ 5048 h 235901"/>
                <a:gd name="connsiteX33" fmla="*/ 566272 w 875790"/>
                <a:gd name="connsiteY33" fmla="*/ 5048 h 235901"/>
                <a:gd name="connsiteX34" fmla="*/ 516421 w 875790"/>
                <a:gd name="connsiteY34" fmla="*/ 170624 h 235901"/>
                <a:gd name="connsiteX35" fmla="*/ 473352 w 875790"/>
                <a:gd name="connsiteY35" fmla="*/ 170624 h 235901"/>
                <a:gd name="connsiteX36" fmla="*/ 436116 w 875790"/>
                <a:gd name="connsiteY36" fmla="*/ 57546 h 235901"/>
                <a:gd name="connsiteX37" fmla="*/ 399522 w 875790"/>
                <a:gd name="connsiteY37" fmla="*/ 170624 h 235901"/>
                <a:gd name="connsiteX38" fmla="*/ 355811 w 875790"/>
                <a:gd name="connsiteY38" fmla="*/ 170624 h 235901"/>
                <a:gd name="connsiteX39" fmla="*/ 304984 w 875790"/>
                <a:gd name="connsiteY39" fmla="*/ 5048 h 235901"/>
                <a:gd name="connsiteX40" fmla="*/ 350313 w 875790"/>
                <a:gd name="connsiteY40" fmla="*/ 5048 h 235901"/>
                <a:gd name="connsiteX41" fmla="*/ 379774 w 875790"/>
                <a:gd name="connsiteY41" fmla="*/ 111395 h 235901"/>
                <a:gd name="connsiteX42" fmla="*/ 414429 w 875790"/>
                <a:gd name="connsiteY42" fmla="*/ 5048 h 235901"/>
                <a:gd name="connsiteX43" fmla="*/ 459758 w 875790"/>
                <a:gd name="connsiteY43" fmla="*/ 5048 h 235901"/>
                <a:gd name="connsiteX44" fmla="*/ 203985 w 875790"/>
                <a:gd name="connsiteY44" fmla="*/ 87487 h 235901"/>
                <a:gd name="connsiteX45" fmla="*/ 147307 w 875790"/>
                <a:gd name="connsiteY45" fmla="*/ 5048 h 235901"/>
                <a:gd name="connsiteX46" fmla="*/ 198471 w 875790"/>
                <a:gd name="connsiteY46" fmla="*/ 5048 h 235901"/>
                <a:gd name="connsiteX47" fmla="*/ 230208 w 875790"/>
                <a:gd name="connsiteY47" fmla="*/ 54181 h 235901"/>
                <a:gd name="connsiteX48" fmla="*/ 261609 w 875790"/>
                <a:gd name="connsiteY48" fmla="*/ 5048 h 235901"/>
                <a:gd name="connsiteX49" fmla="*/ 310497 w 875790"/>
                <a:gd name="connsiteY49" fmla="*/ 5048 h 235901"/>
                <a:gd name="connsiteX50" fmla="*/ 254812 w 875790"/>
                <a:gd name="connsiteY50" fmla="*/ 86154 h 235901"/>
                <a:gd name="connsiteX51" fmla="*/ 312436 w 875790"/>
                <a:gd name="connsiteY51" fmla="*/ 170624 h 235901"/>
                <a:gd name="connsiteX52" fmla="*/ 261929 w 875790"/>
                <a:gd name="connsiteY52" fmla="*/ 170624 h 235901"/>
                <a:gd name="connsiteX53" fmla="*/ 228573 w 875790"/>
                <a:gd name="connsiteY53" fmla="*/ 119808 h 235901"/>
                <a:gd name="connsiteX54" fmla="*/ 195874 w 875790"/>
                <a:gd name="connsiteY54" fmla="*/ 170624 h 235901"/>
                <a:gd name="connsiteX55" fmla="*/ 147307 w 875790"/>
                <a:gd name="connsiteY55" fmla="*/ 170624 h 235901"/>
                <a:gd name="connsiteX56" fmla="*/ 203985 w 875790"/>
                <a:gd name="connsiteY56" fmla="*/ 87487 h 235901"/>
                <a:gd name="connsiteX57" fmla="*/ 98754 w 875790"/>
                <a:gd name="connsiteY57" fmla="*/ 103647 h 235901"/>
                <a:gd name="connsiteX58" fmla="*/ 98754 w 875790"/>
                <a:gd name="connsiteY58" fmla="*/ 96250 h 235901"/>
                <a:gd name="connsiteX59" fmla="*/ 62833 w 875790"/>
                <a:gd name="connsiteY59" fmla="*/ 101965 h 235901"/>
                <a:gd name="connsiteX60" fmla="*/ 43069 w 875790"/>
                <a:gd name="connsiteY60" fmla="*/ 122825 h 235901"/>
                <a:gd name="connsiteX61" fmla="*/ 63779 w 875790"/>
                <a:gd name="connsiteY61" fmla="*/ 142018 h 235901"/>
                <a:gd name="connsiteX62" fmla="*/ 98754 w 875790"/>
                <a:gd name="connsiteY62" fmla="*/ 103647 h 235901"/>
                <a:gd name="connsiteX63" fmla="*/ 47590 w 875790"/>
                <a:gd name="connsiteY63" fmla="*/ 75390 h 235901"/>
                <a:gd name="connsiteX64" fmla="*/ 86780 w 875790"/>
                <a:gd name="connsiteY64" fmla="*/ 69326 h 235901"/>
                <a:gd name="connsiteX65" fmla="*/ 98754 w 875790"/>
                <a:gd name="connsiteY65" fmla="*/ 57546 h 235901"/>
                <a:gd name="connsiteX66" fmla="*/ 71874 w 875790"/>
                <a:gd name="connsiteY66" fmla="*/ 36004 h 235901"/>
                <a:gd name="connsiteX67" fmla="*/ 41451 w 875790"/>
                <a:gd name="connsiteY67" fmla="*/ 62928 h 235901"/>
                <a:gd name="connsiteX68" fmla="*/ 3238 w 875790"/>
                <a:gd name="connsiteY68" fmla="*/ 54514 h 235901"/>
                <a:gd name="connsiteX69" fmla="*/ 71569 w 875790"/>
                <a:gd name="connsiteY69" fmla="*/ 0 h 235901"/>
                <a:gd name="connsiteX70" fmla="*/ 140846 w 875790"/>
                <a:gd name="connsiteY70" fmla="*/ 62928 h 235901"/>
                <a:gd name="connsiteX71" fmla="*/ 140846 w 875790"/>
                <a:gd name="connsiteY71" fmla="*/ 144367 h 235901"/>
                <a:gd name="connsiteX72" fmla="*/ 142801 w 875790"/>
                <a:gd name="connsiteY72" fmla="*/ 170624 h 235901"/>
                <a:gd name="connsiteX73" fmla="*/ 103290 w 875790"/>
                <a:gd name="connsiteY73" fmla="*/ 170624 h 235901"/>
                <a:gd name="connsiteX74" fmla="*/ 101672 w 875790"/>
                <a:gd name="connsiteY74" fmla="*/ 150765 h 235901"/>
                <a:gd name="connsiteX75" fmla="*/ 54723 w 875790"/>
                <a:gd name="connsiteY75" fmla="*/ 175339 h 235901"/>
                <a:gd name="connsiteX76" fmla="*/ 0 w 875790"/>
                <a:gd name="connsiteY76" fmla="*/ 125523 h 235901"/>
                <a:gd name="connsiteX77" fmla="*/ 47590 w 875790"/>
                <a:gd name="connsiteY77" fmla="*/ 75390 h 2359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Lst>
              <a:rect l="l" t="t" r="r" b="b"/>
              <a:pathLst>
                <a:path w="875790" h="235901">
                  <a:moveTo>
                    <a:pt x="730087" y="235902"/>
                  </a:moveTo>
                  <a:lnTo>
                    <a:pt x="767644" y="149748"/>
                  </a:lnTo>
                  <a:lnTo>
                    <a:pt x="699969" y="5048"/>
                  </a:lnTo>
                  <a:lnTo>
                    <a:pt x="748216" y="5048"/>
                  </a:lnTo>
                  <a:lnTo>
                    <a:pt x="790629" y="101965"/>
                  </a:lnTo>
                  <a:lnTo>
                    <a:pt x="829805" y="5048"/>
                  </a:lnTo>
                  <a:lnTo>
                    <a:pt x="875790" y="5048"/>
                  </a:lnTo>
                  <a:lnTo>
                    <a:pt x="775738" y="235902"/>
                  </a:lnTo>
                  <a:lnTo>
                    <a:pt x="730087" y="235902"/>
                  </a:lnTo>
                  <a:close/>
                  <a:moveTo>
                    <a:pt x="661131" y="103647"/>
                  </a:moveTo>
                  <a:lnTo>
                    <a:pt x="661131" y="96250"/>
                  </a:lnTo>
                  <a:lnTo>
                    <a:pt x="625194" y="101965"/>
                  </a:lnTo>
                  <a:cubicBezTo>
                    <a:pt x="614183" y="103647"/>
                    <a:pt x="605446" y="110029"/>
                    <a:pt x="605446" y="122825"/>
                  </a:cubicBezTo>
                  <a:cubicBezTo>
                    <a:pt x="605446" y="132588"/>
                    <a:pt x="612242" y="142018"/>
                    <a:pt x="626156" y="142018"/>
                  </a:cubicBezTo>
                  <a:cubicBezTo>
                    <a:pt x="644301" y="142018"/>
                    <a:pt x="661131" y="132937"/>
                    <a:pt x="661131" y="103647"/>
                  </a:cubicBezTo>
                  <a:close/>
                  <a:moveTo>
                    <a:pt x="609982" y="75390"/>
                  </a:moveTo>
                  <a:lnTo>
                    <a:pt x="649157" y="69326"/>
                  </a:lnTo>
                  <a:cubicBezTo>
                    <a:pt x="658214" y="67976"/>
                    <a:pt x="661131" y="63261"/>
                    <a:pt x="661131" y="57546"/>
                  </a:cubicBezTo>
                  <a:cubicBezTo>
                    <a:pt x="661131" y="45768"/>
                    <a:pt x="652395" y="36004"/>
                    <a:pt x="634266" y="36004"/>
                  </a:cubicBezTo>
                  <a:cubicBezTo>
                    <a:pt x="615481" y="36004"/>
                    <a:pt x="605110" y="48450"/>
                    <a:pt x="603812" y="62928"/>
                  </a:cubicBezTo>
                  <a:lnTo>
                    <a:pt x="565599" y="54514"/>
                  </a:lnTo>
                  <a:cubicBezTo>
                    <a:pt x="568196" y="28590"/>
                    <a:pt x="591182" y="0"/>
                    <a:pt x="633930" y="0"/>
                  </a:cubicBezTo>
                  <a:cubicBezTo>
                    <a:pt x="684452" y="0"/>
                    <a:pt x="703223" y="29607"/>
                    <a:pt x="703223" y="62928"/>
                  </a:cubicBezTo>
                  <a:lnTo>
                    <a:pt x="703223" y="144367"/>
                  </a:lnTo>
                  <a:cubicBezTo>
                    <a:pt x="703223" y="153114"/>
                    <a:pt x="704200" y="164909"/>
                    <a:pt x="705162" y="170624"/>
                  </a:cubicBezTo>
                  <a:lnTo>
                    <a:pt x="665667" y="170624"/>
                  </a:lnTo>
                  <a:cubicBezTo>
                    <a:pt x="664705" y="166243"/>
                    <a:pt x="664048" y="157163"/>
                    <a:pt x="664048" y="150765"/>
                  </a:cubicBezTo>
                  <a:cubicBezTo>
                    <a:pt x="655953" y="163893"/>
                    <a:pt x="640727" y="175339"/>
                    <a:pt x="617099" y="175339"/>
                  </a:cubicBezTo>
                  <a:cubicBezTo>
                    <a:pt x="583102" y="175339"/>
                    <a:pt x="562377" y="151448"/>
                    <a:pt x="562377" y="125523"/>
                  </a:cubicBezTo>
                  <a:cubicBezTo>
                    <a:pt x="562377" y="95917"/>
                    <a:pt x="583422" y="79422"/>
                    <a:pt x="609982" y="75390"/>
                  </a:cubicBezTo>
                  <a:close/>
                  <a:moveTo>
                    <a:pt x="459758" y="5048"/>
                  </a:moveTo>
                  <a:lnTo>
                    <a:pt x="494077" y="111728"/>
                  </a:lnTo>
                  <a:lnTo>
                    <a:pt x="523553" y="5048"/>
                  </a:lnTo>
                  <a:lnTo>
                    <a:pt x="566272" y="5048"/>
                  </a:lnTo>
                  <a:lnTo>
                    <a:pt x="516421" y="170624"/>
                  </a:lnTo>
                  <a:lnTo>
                    <a:pt x="473352" y="170624"/>
                  </a:lnTo>
                  <a:lnTo>
                    <a:pt x="436116" y="57546"/>
                  </a:lnTo>
                  <a:lnTo>
                    <a:pt x="399522" y="170624"/>
                  </a:lnTo>
                  <a:lnTo>
                    <a:pt x="355811" y="170624"/>
                  </a:lnTo>
                  <a:lnTo>
                    <a:pt x="304984" y="5048"/>
                  </a:lnTo>
                  <a:lnTo>
                    <a:pt x="350313" y="5048"/>
                  </a:lnTo>
                  <a:lnTo>
                    <a:pt x="379774" y="111395"/>
                  </a:lnTo>
                  <a:lnTo>
                    <a:pt x="414429" y="5048"/>
                  </a:lnTo>
                  <a:lnTo>
                    <a:pt x="459758" y="5048"/>
                  </a:lnTo>
                  <a:close/>
                  <a:moveTo>
                    <a:pt x="203985" y="87487"/>
                  </a:moveTo>
                  <a:lnTo>
                    <a:pt x="147307" y="5048"/>
                  </a:lnTo>
                  <a:lnTo>
                    <a:pt x="198471" y="5048"/>
                  </a:lnTo>
                  <a:cubicBezTo>
                    <a:pt x="203985" y="14128"/>
                    <a:pt x="224694" y="45085"/>
                    <a:pt x="230208" y="54181"/>
                  </a:cubicBezTo>
                  <a:lnTo>
                    <a:pt x="261609" y="5048"/>
                  </a:lnTo>
                  <a:lnTo>
                    <a:pt x="310497" y="5048"/>
                  </a:lnTo>
                  <a:lnTo>
                    <a:pt x="254812" y="86154"/>
                  </a:lnTo>
                  <a:lnTo>
                    <a:pt x="312436" y="170624"/>
                  </a:lnTo>
                  <a:lnTo>
                    <a:pt x="261929" y="170624"/>
                  </a:lnTo>
                  <a:lnTo>
                    <a:pt x="228573" y="119808"/>
                  </a:lnTo>
                  <a:cubicBezTo>
                    <a:pt x="222755" y="128889"/>
                    <a:pt x="201388" y="161544"/>
                    <a:pt x="195874" y="170624"/>
                  </a:cubicBezTo>
                  <a:lnTo>
                    <a:pt x="147307" y="170624"/>
                  </a:lnTo>
                  <a:lnTo>
                    <a:pt x="203985" y="87487"/>
                  </a:lnTo>
                  <a:close/>
                  <a:moveTo>
                    <a:pt x="98754" y="103647"/>
                  </a:moveTo>
                  <a:lnTo>
                    <a:pt x="98754" y="96250"/>
                  </a:lnTo>
                  <a:lnTo>
                    <a:pt x="62833" y="101965"/>
                  </a:lnTo>
                  <a:cubicBezTo>
                    <a:pt x="51821" y="103647"/>
                    <a:pt x="43069" y="110029"/>
                    <a:pt x="43069" y="122825"/>
                  </a:cubicBezTo>
                  <a:cubicBezTo>
                    <a:pt x="43069" y="132588"/>
                    <a:pt x="49866" y="142018"/>
                    <a:pt x="63779" y="142018"/>
                  </a:cubicBezTo>
                  <a:cubicBezTo>
                    <a:pt x="81924" y="142018"/>
                    <a:pt x="98754" y="132937"/>
                    <a:pt x="98754" y="103647"/>
                  </a:cubicBezTo>
                  <a:close/>
                  <a:moveTo>
                    <a:pt x="47590" y="75390"/>
                  </a:moveTo>
                  <a:lnTo>
                    <a:pt x="86780" y="69326"/>
                  </a:lnTo>
                  <a:cubicBezTo>
                    <a:pt x="95852" y="67976"/>
                    <a:pt x="98754" y="63261"/>
                    <a:pt x="98754" y="57546"/>
                  </a:cubicBezTo>
                  <a:cubicBezTo>
                    <a:pt x="98754" y="45768"/>
                    <a:pt x="90018" y="36004"/>
                    <a:pt x="71874" y="36004"/>
                  </a:cubicBezTo>
                  <a:cubicBezTo>
                    <a:pt x="53104" y="36004"/>
                    <a:pt x="42749" y="48450"/>
                    <a:pt x="41451" y="62928"/>
                  </a:cubicBezTo>
                  <a:lnTo>
                    <a:pt x="3238" y="54514"/>
                  </a:lnTo>
                  <a:cubicBezTo>
                    <a:pt x="5834" y="28590"/>
                    <a:pt x="28820" y="0"/>
                    <a:pt x="71569" y="0"/>
                  </a:cubicBezTo>
                  <a:cubicBezTo>
                    <a:pt x="122061" y="0"/>
                    <a:pt x="140846" y="29607"/>
                    <a:pt x="140846" y="62928"/>
                  </a:cubicBezTo>
                  <a:lnTo>
                    <a:pt x="140846" y="144367"/>
                  </a:lnTo>
                  <a:cubicBezTo>
                    <a:pt x="140846" y="153114"/>
                    <a:pt x="141808" y="164909"/>
                    <a:pt x="142801" y="170624"/>
                  </a:cubicBezTo>
                  <a:lnTo>
                    <a:pt x="103290" y="170624"/>
                  </a:lnTo>
                  <a:cubicBezTo>
                    <a:pt x="102313" y="166243"/>
                    <a:pt x="101672" y="157163"/>
                    <a:pt x="101672" y="150765"/>
                  </a:cubicBezTo>
                  <a:cubicBezTo>
                    <a:pt x="93577" y="163893"/>
                    <a:pt x="78350" y="175339"/>
                    <a:pt x="54723" y="175339"/>
                  </a:cubicBezTo>
                  <a:cubicBezTo>
                    <a:pt x="20725" y="175339"/>
                    <a:pt x="0" y="151448"/>
                    <a:pt x="0" y="125523"/>
                  </a:cubicBezTo>
                  <a:cubicBezTo>
                    <a:pt x="0" y="95917"/>
                    <a:pt x="21046" y="79422"/>
                    <a:pt x="47590" y="75390"/>
                  </a:cubicBezTo>
                  <a:close/>
                </a:path>
              </a:pathLst>
            </a:custGeom>
            <a:solidFill>
              <a:srgbClr val="4A4F54"/>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41" name="Freeform: Shape 40">
              <a:extLst>
                <a:ext uri="{FF2B5EF4-FFF2-40B4-BE49-F238E27FC236}">
                  <a16:creationId xmlns:a16="http://schemas.microsoft.com/office/drawing/2014/main" id="{7245775F-4818-447F-20B3-2FA8D89897D6}"/>
                </a:ext>
              </a:extLst>
            </p:cNvPr>
            <p:cNvSpPr/>
            <p:nvPr/>
          </p:nvSpPr>
          <p:spPr>
            <a:xfrm>
              <a:off x="6493461" y="3355966"/>
              <a:ext cx="402171" cy="378257"/>
            </a:xfrm>
            <a:custGeom>
              <a:avLst/>
              <a:gdLst>
                <a:gd name="connsiteX0" fmla="*/ 364119 w 402171"/>
                <a:gd name="connsiteY0" fmla="*/ 250576 h 378257"/>
                <a:gd name="connsiteX1" fmla="*/ 43484 w 402171"/>
                <a:gd name="connsiteY1" fmla="*/ 101301 h 378257"/>
                <a:gd name="connsiteX2" fmla="*/ 43484 w 402171"/>
                <a:gd name="connsiteY2" fmla="*/ 155342 h 378257"/>
                <a:gd name="connsiteX3" fmla="*/ 298730 w 402171"/>
                <a:gd name="connsiteY3" fmla="*/ 274168 h 378257"/>
                <a:gd name="connsiteX4" fmla="*/ 364119 w 402171"/>
                <a:gd name="connsiteY4" fmla="*/ 250576 h 378257"/>
                <a:gd name="connsiteX5" fmla="*/ 81531 w 402171"/>
                <a:gd name="connsiteY5" fmla="*/ 200041 h 378257"/>
                <a:gd name="connsiteX6" fmla="*/ 81531 w 402171"/>
                <a:gd name="connsiteY6" fmla="*/ 254066 h 378257"/>
                <a:gd name="connsiteX7" fmla="*/ 139834 w 402171"/>
                <a:gd name="connsiteY7" fmla="*/ 281072 h 378257"/>
                <a:gd name="connsiteX8" fmla="*/ 46037 w 402171"/>
                <a:gd name="connsiteY8" fmla="*/ 378257 h 378257"/>
                <a:gd name="connsiteX9" fmla="*/ 108230 w 402171"/>
                <a:gd name="connsiteY9" fmla="*/ 378257 h 378257"/>
                <a:gd name="connsiteX10" fmla="*/ 219529 w 402171"/>
                <a:gd name="connsiteY10" fmla="*/ 264247 h 378257"/>
                <a:gd name="connsiteX11" fmla="*/ 81531 w 402171"/>
                <a:gd name="connsiteY11" fmla="*/ 200041 h 378257"/>
                <a:gd name="connsiteX12" fmla="*/ 364024 w 402171"/>
                <a:gd name="connsiteY12" fmla="*/ 142570 h 378257"/>
                <a:gd name="connsiteX13" fmla="*/ 364138 w 402171"/>
                <a:gd name="connsiteY13" fmla="*/ 223662 h 378257"/>
                <a:gd name="connsiteX14" fmla="*/ 0 w 402171"/>
                <a:gd name="connsiteY14" fmla="*/ 54041 h 378257"/>
                <a:gd name="connsiteX15" fmla="*/ 0 w 402171"/>
                <a:gd name="connsiteY15" fmla="*/ 0 h 378257"/>
                <a:gd name="connsiteX16" fmla="*/ 318608 w 402171"/>
                <a:gd name="connsiteY16" fmla="*/ 148499 h 378257"/>
                <a:gd name="connsiteX17" fmla="*/ 318608 w 402171"/>
                <a:gd name="connsiteY17" fmla="*/ 67361 h 378257"/>
                <a:gd name="connsiteX18" fmla="*/ 402171 w 402171"/>
                <a:gd name="connsiteY18" fmla="*/ 106269 h 378257"/>
                <a:gd name="connsiteX19" fmla="*/ 402171 w 402171"/>
                <a:gd name="connsiteY19" fmla="*/ 160340 h 378257"/>
                <a:gd name="connsiteX20" fmla="*/ 364024 w 402171"/>
                <a:gd name="connsiteY20" fmla="*/ 142570 h 3782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402171" h="378257">
                  <a:moveTo>
                    <a:pt x="364119" y="250576"/>
                  </a:moveTo>
                  <a:lnTo>
                    <a:pt x="43484" y="101301"/>
                  </a:lnTo>
                  <a:lnTo>
                    <a:pt x="43484" y="155342"/>
                  </a:lnTo>
                  <a:lnTo>
                    <a:pt x="298730" y="274168"/>
                  </a:lnTo>
                  <a:lnTo>
                    <a:pt x="364119" y="250576"/>
                  </a:lnTo>
                  <a:close/>
                  <a:moveTo>
                    <a:pt x="81531" y="200041"/>
                  </a:moveTo>
                  <a:lnTo>
                    <a:pt x="81531" y="254066"/>
                  </a:lnTo>
                  <a:lnTo>
                    <a:pt x="139834" y="281072"/>
                  </a:lnTo>
                  <a:lnTo>
                    <a:pt x="46037" y="378257"/>
                  </a:lnTo>
                  <a:lnTo>
                    <a:pt x="108230" y="378257"/>
                  </a:lnTo>
                  <a:lnTo>
                    <a:pt x="219529" y="264247"/>
                  </a:lnTo>
                  <a:lnTo>
                    <a:pt x="81531" y="200041"/>
                  </a:lnTo>
                  <a:close/>
                  <a:moveTo>
                    <a:pt x="364024" y="142570"/>
                  </a:moveTo>
                  <a:lnTo>
                    <a:pt x="364138" y="223662"/>
                  </a:lnTo>
                  <a:lnTo>
                    <a:pt x="0" y="54041"/>
                  </a:lnTo>
                  <a:lnTo>
                    <a:pt x="0" y="0"/>
                  </a:lnTo>
                  <a:lnTo>
                    <a:pt x="318608" y="148499"/>
                  </a:lnTo>
                  <a:lnTo>
                    <a:pt x="318608" y="67361"/>
                  </a:lnTo>
                  <a:lnTo>
                    <a:pt x="402171" y="106269"/>
                  </a:lnTo>
                  <a:lnTo>
                    <a:pt x="402171" y="160340"/>
                  </a:lnTo>
                  <a:lnTo>
                    <a:pt x="364024" y="142570"/>
                  </a:lnTo>
                  <a:close/>
                </a:path>
              </a:pathLst>
            </a:custGeom>
            <a:solidFill>
              <a:srgbClr val="E82C2A"/>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42" name="Group 41">
            <a:extLst>
              <a:ext uri="{FF2B5EF4-FFF2-40B4-BE49-F238E27FC236}">
                <a16:creationId xmlns:a16="http://schemas.microsoft.com/office/drawing/2014/main" id="{3FF82EEE-8B13-A7BA-3D7B-9A7FF2FBF442}"/>
              </a:ext>
            </a:extLst>
          </p:cNvPr>
          <p:cNvGrpSpPr/>
          <p:nvPr/>
        </p:nvGrpSpPr>
        <p:grpSpPr>
          <a:xfrm>
            <a:off x="6667337" y="4677688"/>
            <a:ext cx="996805" cy="346158"/>
            <a:chOff x="5103522" y="5875427"/>
            <a:chExt cx="2172329" cy="685799"/>
          </a:xfrm>
        </p:grpSpPr>
        <p:sp>
          <p:nvSpPr>
            <p:cNvPr id="43" name="Freeform: Shape 42">
              <a:extLst>
                <a:ext uri="{FF2B5EF4-FFF2-40B4-BE49-F238E27FC236}">
                  <a16:creationId xmlns:a16="http://schemas.microsoft.com/office/drawing/2014/main" id="{4D11BDD5-0FD9-7BA2-05BF-D196855D81D9}"/>
                </a:ext>
              </a:extLst>
            </p:cNvPr>
            <p:cNvSpPr/>
            <p:nvPr/>
          </p:nvSpPr>
          <p:spPr>
            <a:xfrm>
              <a:off x="5103522" y="5875427"/>
              <a:ext cx="685800" cy="685799"/>
            </a:xfrm>
            <a:custGeom>
              <a:avLst/>
              <a:gdLst>
                <a:gd name="connsiteX0" fmla="*/ 391162 w 685800"/>
                <a:gd name="connsiteY0" fmla="*/ 214312 h 685799"/>
                <a:gd name="connsiteX1" fmla="*/ 490375 w 685800"/>
                <a:gd name="connsiteY1" fmla="*/ 275272 h 685799"/>
                <a:gd name="connsiteX2" fmla="*/ 517464 w 685800"/>
                <a:gd name="connsiteY2" fmla="*/ 257993 h 685799"/>
                <a:gd name="connsiteX3" fmla="*/ 532590 w 685800"/>
                <a:gd name="connsiteY3" fmla="*/ 225418 h 685799"/>
                <a:gd name="connsiteX4" fmla="*/ 531418 w 685800"/>
                <a:gd name="connsiteY4" fmla="*/ 222113 h 685799"/>
                <a:gd name="connsiteX5" fmla="*/ 531418 w 685800"/>
                <a:gd name="connsiteY5" fmla="*/ 222113 h 685799"/>
                <a:gd name="connsiteX6" fmla="*/ 441188 w 685800"/>
                <a:gd name="connsiteY6" fmla="*/ 141207 h 685799"/>
                <a:gd name="connsiteX7" fmla="*/ 345461 w 685800"/>
                <a:gd name="connsiteY7" fmla="*/ 125253 h 685799"/>
                <a:gd name="connsiteX8" fmla="*/ 391181 w 685800"/>
                <a:gd name="connsiteY8" fmla="*/ 214283 h 685799"/>
                <a:gd name="connsiteX9" fmla="*/ 391181 w 685800"/>
                <a:gd name="connsiteY9" fmla="*/ 214283 h 685799"/>
                <a:gd name="connsiteX10" fmla="*/ 480002 w 685800"/>
                <a:gd name="connsiteY10" fmla="*/ 349367 h 685799"/>
                <a:gd name="connsiteX11" fmla="*/ 452580 w 685800"/>
                <a:gd name="connsiteY11" fmla="*/ 462438 h 685799"/>
                <a:gd name="connsiteX12" fmla="*/ 477402 w 685800"/>
                <a:gd name="connsiteY12" fmla="*/ 482812 h 685799"/>
                <a:gd name="connsiteX13" fmla="*/ 513044 w 685800"/>
                <a:gd name="connsiteY13" fmla="*/ 487127 h 685799"/>
                <a:gd name="connsiteX14" fmla="*/ 515902 w 685800"/>
                <a:gd name="connsiteY14" fmla="*/ 484984 h 685799"/>
                <a:gd name="connsiteX15" fmla="*/ 565051 w 685800"/>
                <a:gd name="connsiteY15" fmla="*/ 374265 h 685799"/>
                <a:gd name="connsiteX16" fmla="*/ 550668 w 685800"/>
                <a:gd name="connsiteY16" fmla="*/ 278415 h 685799"/>
                <a:gd name="connsiteX17" fmla="*/ 480002 w 685800"/>
                <a:gd name="connsiteY17" fmla="*/ 349329 h 685799"/>
                <a:gd name="connsiteX18" fmla="*/ 235086 w 685800"/>
                <a:gd name="connsiteY18" fmla="*/ 256974 h 685799"/>
                <a:gd name="connsiteX19" fmla="*/ 323821 w 685800"/>
                <a:gd name="connsiteY19" fmla="*/ 181574 h 685799"/>
                <a:gd name="connsiteX20" fmla="*/ 315734 w 685800"/>
                <a:gd name="connsiteY20" fmla="*/ 150494 h 685799"/>
                <a:gd name="connsiteX21" fmla="*/ 289445 w 685800"/>
                <a:gd name="connsiteY21" fmla="*/ 126110 h 685799"/>
                <a:gd name="connsiteX22" fmla="*/ 285930 w 685800"/>
                <a:gd name="connsiteY22" fmla="*/ 126167 h 685799"/>
                <a:gd name="connsiteX23" fmla="*/ 181003 w 685800"/>
                <a:gd name="connsiteY23" fmla="*/ 186899 h 685799"/>
                <a:gd name="connsiteX24" fmla="*/ 181003 w 685800"/>
                <a:gd name="connsiteY24" fmla="*/ 186899 h 685799"/>
                <a:gd name="connsiteX25" fmla="*/ 136235 w 685800"/>
                <a:gd name="connsiteY25" fmla="*/ 272890 h 685799"/>
                <a:gd name="connsiteX26" fmla="*/ 235076 w 685800"/>
                <a:gd name="connsiteY26" fmla="*/ 256927 h 685799"/>
                <a:gd name="connsiteX27" fmla="*/ 227466 w 685800"/>
                <a:gd name="connsiteY27" fmla="*/ 418375 h 685799"/>
                <a:gd name="connsiteX28" fmla="*/ 183098 w 685800"/>
                <a:gd name="connsiteY28" fmla="*/ 310743 h 685799"/>
                <a:gd name="connsiteX29" fmla="*/ 151018 w 685800"/>
                <a:gd name="connsiteY29" fmla="*/ 308838 h 685799"/>
                <a:gd name="connsiteX30" fmla="*/ 151018 w 685800"/>
                <a:gd name="connsiteY30" fmla="*/ 308838 h 685799"/>
                <a:gd name="connsiteX31" fmla="*/ 119671 w 685800"/>
                <a:gd name="connsiteY31" fmla="*/ 326269 h 685799"/>
                <a:gd name="connsiteX32" fmla="*/ 118643 w 685800"/>
                <a:gd name="connsiteY32" fmla="*/ 329631 h 685799"/>
                <a:gd name="connsiteX33" fmla="*/ 143970 w 685800"/>
                <a:gd name="connsiteY33" fmla="*/ 448093 h 685799"/>
                <a:gd name="connsiteX34" fmla="*/ 212045 w 685800"/>
                <a:gd name="connsiteY34" fmla="*/ 517178 h 685799"/>
                <a:gd name="connsiteX35" fmla="*/ 227475 w 685800"/>
                <a:gd name="connsiteY35" fmla="*/ 418328 h 685799"/>
                <a:gd name="connsiteX36" fmla="*/ 378828 w 685800"/>
                <a:gd name="connsiteY36" fmla="*/ 475525 h 685799"/>
                <a:gd name="connsiteX37" fmla="*/ 262680 w 685800"/>
                <a:gd name="connsiteY37" fmla="*/ 484412 h 685799"/>
                <a:gd name="connsiteX38" fmla="*/ 250926 w 685800"/>
                <a:gd name="connsiteY38" fmla="*/ 514311 h 685799"/>
                <a:gd name="connsiteX39" fmla="*/ 257860 w 685800"/>
                <a:gd name="connsiteY39" fmla="*/ 549554 h 685799"/>
                <a:gd name="connsiteX40" fmla="*/ 260717 w 685800"/>
                <a:gd name="connsiteY40" fmla="*/ 551506 h 685799"/>
                <a:gd name="connsiteX41" fmla="*/ 381390 w 685800"/>
                <a:gd name="connsiteY41" fmla="*/ 564032 h 685799"/>
                <a:gd name="connsiteX42" fmla="*/ 468220 w 685800"/>
                <a:gd name="connsiteY42" fmla="*/ 520731 h 685799"/>
                <a:gd name="connsiteX43" fmla="*/ 378837 w 685800"/>
                <a:gd name="connsiteY43" fmla="*/ 475468 h 685799"/>
                <a:gd name="connsiteX44" fmla="*/ 342480 w 685800"/>
                <a:gd name="connsiteY44" fmla="*/ 44119 h 685799"/>
                <a:gd name="connsiteX45" fmla="*/ 44062 w 685800"/>
                <a:gd name="connsiteY45" fmla="*/ 343242 h 685799"/>
                <a:gd name="connsiteX46" fmla="*/ 343185 w 685800"/>
                <a:gd name="connsiteY46" fmla="*/ 641660 h 685799"/>
                <a:gd name="connsiteX47" fmla="*/ 641603 w 685800"/>
                <a:gd name="connsiteY47" fmla="*/ 342899 h 685799"/>
                <a:gd name="connsiteX48" fmla="*/ 342480 w 685800"/>
                <a:gd name="connsiteY48" fmla="*/ 44119 h 685799"/>
                <a:gd name="connsiteX49" fmla="*/ 342480 w 685800"/>
                <a:gd name="connsiteY49" fmla="*/ -1 h 685799"/>
                <a:gd name="connsiteX50" fmla="*/ -1 w 685800"/>
                <a:gd name="connsiteY50" fmla="*/ 343318 h 685799"/>
                <a:gd name="connsiteX51" fmla="*/ 343318 w 685800"/>
                <a:gd name="connsiteY51" fmla="*/ 685798 h 685799"/>
                <a:gd name="connsiteX52" fmla="*/ 685799 w 685800"/>
                <a:gd name="connsiteY52" fmla="*/ 342899 h 685799"/>
                <a:gd name="connsiteX53" fmla="*/ 342499 w 685800"/>
                <a:gd name="connsiteY53" fmla="*/ -1 h 685799"/>
                <a:gd name="connsiteX54" fmla="*/ 342480 w 685800"/>
                <a:gd name="connsiteY54" fmla="*/ -1 h 685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Lst>
              <a:rect l="l" t="t" r="r" b="b"/>
              <a:pathLst>
                <a:path w="685800" h="685799">
                  <a:moveTo>
                    <a:pt x="391162" y="214312"/>
                  </a:moveTo>
                  <a:cubicBezTo>
                    <a:pt x="419985" y="244573"/>
                    <a:pt x="457733" y="268680"/>
                    <a:pt x="490375" y="275272"/>
                  </a:cubicBezTo>
                  <a:cubicBezTo>
                    <a:pt x="500724" y="271904"/>
                    <a:pt x="510047" y="265958"/>
                    <a:pt x="517464" y="257993"/>
                  </a:cubicBezTo>
                  <a:cubicBezTo>
                    <a:pt x="525395" y="248725"/>
                    <a:pt x="530627" y="237457"/>
                    <a:pt x="532590" y="225418"/>
                  </a:cubicBezTo>
                  <a:cubicBezTo>
                    <a:pt x="532247" y="224341"/>
                    <a:pt x="531828" y="223237"/>
                    <a:pt x="531418" y="222113"/>
                  </a:cubicBezTo>
                  <a:lnTo>
                    <a:pt x="531418" y="222113"/>
                  </a:lnTo>
                  <a:cubicBezTo>
                    <a:pt x="517416" y="184460"/>
                    <a:pt x="479878" y="157390"/>
                    <a:pt x="441188" y="141207"/>
                  </a:cubicBezTo>
                  <a:cubicBezTo>
                    <a:pt x="403088" y="125291"/>
                    <a:pt x="364188" y="119900"/>
                    <a:pt x="345461" y="125253"/>
                  </a:cubicBezTo>
                  <a:cubicBezTo>
                    <a:pt x="346128" y="154133"/>
                    <a:pt x="364911" y="186708"/>
                    <a:pt x="391181" y="214283"/>
                  </a:cubicBezTo>
                  <a:lnTo>
                    <a:pt x="391181" y="214283"/>
                  </a:lnTo>
                  <a:close/>
                  <a:moveTo>
                    <a:pt x="480002" y="349367"/>
                  </a:moveTo>
                  <a:cubicBezTo>
                    <a:pt x="460085" y="386066"/>
                    <a:pt x="448770" y="429358"/>
                    <a:pt x="452580" y="462438"/>
                  </a:cubicBezTo>
                  <a:cubicBezTo>
                    <a:pt x="458995" y="471222"/>
                    <a:pt x="467536" y="478232"/>
                    <a:pt x="477402" y="482812"/>
                  </a:cubicBezTo>
                  <a:cubicBezTo>
                    <a:pt x="488666" y="487475"/>
                    <a:pt x="500992" y="488967"/>
                    <a:pt x="513044" y="487127"/>
                  </a:cubicBezTo>
                  <a:cubicBezTo>
                    <a:pt x="514130" y="486346"/>
                    <a:pt x="515054" y="485622"/>
                    <a:pt x="515902" y="484984"/>
                  </a:cubicBezTo>
                  <a:cubicBezTo>
                    <a:pt x="547410" y="460057"/>
                    <a:pt x="561622" y="416023"/>
                    <a:pt x="565051" y="374265"/>
                  </a:cubicBezTo>
                  <a:cubicBezTo>
                    <a:pt x="568451" y="333174"/>
                    <a:pt x="561565" y="294531"/>
                    <a:pt x="550668" y="278415"/>
                  </a:cubicBezTo>
                  <a:cubicBezTo>
                    <a:pt x="523322" y="287959"/>
                    <a:pt x="498119" y="315886"/>
                    <a:pt x="480002" y="349329"/>
                  </a:cubicBezTo>
                  <a:close/>
                  <a:moveTo>
                    <a:pt x="235086" y="256974"/>
                  </a:moveTo>
                  <a:cubicBezTo>
                    <a:pt x="272814" y="238953"/>
                    <a:pt x="307428" y="210549"/>
                    <a:pt x="323821" y="181574"/>
                  </a:cubicBezTo>
                  <a:cubicBezTo>
                    <a:pt x="323819" y="170694"/>
                    <a:pt x="321035" y="159995"/>
                    <a:pt x="315734" y="150494"/>
                  </a:cubicBezTo>
                  <a:cubicBezTo>
                    <a:pt x="309362" y="140119"/>
                    <a:pt x="300270" y="131685"/>
                    <a:pt x="289445" y="126110"/>
                  </a:cubicBezTo>
                  <a:lnTo>
                    <a:pt x="285930" y="126167"/>
                  </a:lnTo>
                  <a:cubicBezTo>
                    <a:pt x="245754" y="127825"/>
                    <a:pt x="208378" y="155114"/>
                    <a:pt x="181003" y="186899"/>
                  </a:cubicBezTo>
                  <a:lnTo>
                    <a:pt x="181003" y="186899"/>
                  </a:lnTo>
                  <a:cubicBezTo>
                    <a:pt x="154095" y="218112"/>
                    <a:pt x="136912" y="253450"/>
                    <a:pt x="136235" y="272890"/>
                  </a:cubicBezTo>
                  <a:cubicBezTo>
                    <a:pt x="163915" y="281130"/>
                    <a:pt x="200739" y="273367"/>
                    <a:pt x="235076" y="256927"/>
                  </a:cubicBezTo>
                  <a:close/>
                  <a:moveTo>
                    <a:pt x="227466" y="418375"/>
                  </a:moveTo>
                  <a:cubicBezTo>
                    <a:pt x="221960" y="376961"/>
                    <a:pt x="205615" y="335308"/>
                    <a:pt x="183098" y="310743"/>
                  </a:cubicBezTo>
                  <a:cubicBezTo>
                    <a:pt x="172739" y="307399"/>
                    <a:pt x="161700" y="306743"/>
                    <a:pt x="151018" y="308838"/>
                  </a:cubicBezTo>
                  <a:lnTo>
                    <a:pt x="151018" y="308838"/>
                  </a:lnTo>
                  <a:cubicBezTo>
                    <a:pt x="139170" y="311669"/>
                    <a:pt x="128328" y="317698"/>
                    <a:pt x="119671" y="326269"/>
                  </a:cubicBezTo>
                  <a:lnTo>
                    <a:pt x="118643" y="329631"/>
                  </a:lnTo>
                  <a:cubicBezTo>
                    <a:pt x="107775" y="368350"/>
                    <a:pt x="122224" y="412298"/>
                    <a:pt x="143970" y="448093"/>
                  </a:cubicBezTo>
                  <a:cubicBezTo>
                    <a:pt x="165372" y="483336"/>
                    <a:pt x="193719" y="510530"/>
                    <a:pt x="212045" y="517178"/>
                  </a:cubicBezTo>
                  <a:cubicBezTo>
                    <a:pt x="228542" y="493394"/>
                    <a:pt x="232552" y="456047"/>
                    <a:pt x="227475" y="418328"/>
                  </a:cubicBezTo>
                  <a:close/>
                  <a:moveTo>
                    <a:pt x="378828" y="475525"/>
                  </a:moveTo>
                  <a:cubicBezTo>
                    <a:pt x="337699" y="467972"/>
                    <a:pt x="292988" y="470601"/>
                    <a:pt x="262680" y="484412"/>
                  </a:cubicBezTo>
                  <a:cubicBezTo>
                    <a:pt x="256276" y="493213"/>
                    <a:pt x="252230" y="503506"/>
                    <a:pt x="250926" y="514311"/>
                  </a:cubicBezTo>
                  <a:cubicBezTo>
                    <a:pt x="249963" y="526473"/>
                    <a:pt x="252361" y="538664"/>
                    <a:pt x="257860" y="549554"/>
                  </a:cubicBezTo>
                  <a:cubicBezTo>
                    <a:pt x="258812" y="550258"/>
                    <a:pt x="259765" y="550906"/>
                    <a:pt x="260717" y="551506"/>
                  </a:cubicBezTo>
                  <a:cubicBezTo>
                    <a:pt x="294207" y="573776"/>
                    <a:pt x="340527" y="573633"/>
                    <a:pt x="381390" y="564032"/>
                  </a:cubicBezTo>
                  <a:cubicBezTo>
                    <a:pt x="421547" y="554554"/>
                    <a:pt x="456228" y="536076"/>
                    <a:pt x="468220" y="520731"/>
                  </a:cubicBezTo>
                  <a:cubicBezTo>
                    <a:pt x="450675" y="497671"/>
                    <a:pt x="416308" y="482336"/>
                    <a:pt x="378837" y="475468"/>
                  </a:cubicBezTo>
                  <a:close/>
                  <a:moveTo>
                    <a:pt x="342480" y="44119"/>
                  </a:moveTo>
                  <a:cubicBezTo>
                    <a:pt x="177474" y="44314"/>
                    <a:pt x="43867" y="178236"/>
                    <a:pt x="44062" y="343242"/>
                  </a:cubicBezTo>
                  <a:cubicBezTo>
                    <a:pt x="44257" y="508248"/>
                    <a:pt x="178179" y="641855"/>
                    <a:pt x="343185" y="641660"/>
                  </a:cubicBezTo>
                  <a:cubicBezTo>
                    <a:pt x="508050" y="641465"/>
                    <a:pt x="641598" y="507765"/>
                    <a:pt x="641603" y="342899"/>
                  </a:cubicBezTo>
                  <a:cubicBezTo>
                    <a:pt x="641509" y="177793"/>
                    <a:pt x="507586" y="44024"/>
                    <a:pt x="342480" y="44119"/>
                  </a:cubicBezTo>
                  <a:close/>
                  <a:moveTo>
                    <a:pt x="342480" y="-1"/>
                  </a:moveTo>
                  <a:cubicBezTo>
                    <a:pt x="153102" y="231"/>
                    <a:pt x="-232" y="153939"/>
                    <a:pt x="-1" y="343318"/>
                  </a:cubicBezTo>
                  <a:cubicBezTo>
                    <a:pt x="231" y="532696"/>
                    <a:pt x="153940" y="686030"/>
                    <a:pt x="343318" y="685798"/>
                  </a:cubicBezTo>
                  <a:cubicBezTo>
                    <a:pt x="532532" y="685568"/>
                    <a:pt x="685799" y="532114"/>
                    <a:pt x="685799" y="342899"/>
                  </a:cubicBezTo>
                  <a:cubicBezTo>
                    <a:pt x="685689" y="153411"/>
                    <a:pt x="531989" y="-111"/>
                    <a:pt x="342499" y="-1"/>
                  </a:cubicBezTo>
                  <a:cubicBezTo>
                    <a:pt x="342492" y="-1"/>
                    <a:pt x="342487" y="-1"/>
                    <a:pt x="342480" y="-1"/>
                  </a:cubicBez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44" name="Freeform: Shape 43">
              <a:extLst>
                <a:ext uri="{FF2B5EF4-FFF2-40B4-BE49-F238E27FC236}">
                  <a16:creationId xmlns:a16="http://schemas.microsoft.com/office/drawing/2014/main" id="{271BD0C7-CE59-2DFF-6009-E62C29E80B39}"/>
                </a:ext>
              </a:extLst>
            </p:cNvPr>
            <p:cNvSpPr/>
            <p:nvPr/>
          </p:nvSpPr>
          <p:spPr>
            <a:xfrm>
              <a:off x="7073425" y="6146852"/>
              <a:ext cx="202426" cy="230845"/>
            </a:xfrm>
            <a:custGeom>
              <a:avLst/>
              <a:gdLst>
                <a:gd name="connsiteX0" fmla="*/ 15307 w 202426"/>
                <a:gd name="connsiteY0" fmla="*/ 49291 h 230845"/>
                <a:gd name="connsiteX1" fmla="*/ 9925 w 202426"/>
                <a:gd name="connsiteY1" fmla="*/ 10753 h 230845"/>
                <a:gd name="connsiteX2" fmla="*/ 119844 w 202426"/>
                <a:gd name="connsiteY2" fmla="*/ -1 h 230845"/>
                <a:gd name="connsiteX3" fmla="*/ 182423 w 202426"/>
                <a:gd name="connsiteY3" fmla="*/ 17020 h 230845"/>
                <a:gd name="connsiteX4" fmla="*/ 202426 w 202426"/>
                <a:gd name="connsiteY4" fmla="*/ 76628 h 230845"/>
                <a:gd name="connsiteX5" fmla="*/ 202426 w 202426"/>
                <a:gd name="connsiteY5" fmla="*/ 225846 h 230845"/>
                <a:gd name="connsiteX6" fmla="*/ 159353 w 202426"/>
                <a:gd name="connsiteY6" fmla="*/ 225846 h 230845"/>
                <a:gd name="connsiteX7" fmla="*/ 153524 w 202426"/>
                <a:gd name="connsiteY7" fmla="*/ 192242 h 230845"/>
                <a:gd name="connsiteX8" fmla="*/ 69628 w 202426"/>
                <a:gd name="connsiteY8" fmla="*/ 230771 h 230845"/>
                <a:gd name="connsiteX9" fmla="*/ 19384 w 202426"/>
                <a:gd name="connsiteY9" fmla="*/ 213978 h 230845"/>
                <a:gd name="connsiteX10" fmla="*/ 86 w 202426"/>
                <a:gd name="connsiteY10" fmla="*/ 167144 h 230845"/>
                <a:gd name="connsiteX11" fmla="*/ 86 w 202426"/>
                <a:gd name="connsiteY11" fmla="*/ 144731 h 230845"/>
                <a:gd name="connsiteX12" fmla="*/ 17136 w 202426"/>
                <a:gd name="connsiteY12" fmla="*/ 103955 h 230845"/>
                <a:gd name="connsiteX13" fmla="*/ 65142 w 202426"/>
                <a:gd name="connsiteY13" fmla="*/ 89610 h 230845"/>
                <a:gd name="connsiteX14" fmla="*/ 147647 w 202426"/>
                <a:gd name="connsiteY14" fmla="*/ 89610 h 230845"/>
                <a:gd name="connsiteX15" fmla="*/ 147647 w 202426"/>
                <a:gd name="connsiteY15" fmla="*/ 76171 h 230845"/>
                <a:gd name="connsiteX16" fmla="*/ 139122 w 202426"/>
                <a:gd name="connsiteY16" fmla="*/ 51082 h 230845"/>
                <a:gd name="connsiteX17" fmla="*/ 107261 w 202426"/>
                <a:gd name="connsiteY17" fmla="*/ 44805 h 230845"/>
                <a:gd name="connsiteX18" fmla="*/ 15297 w 202426"/>
                <a:gd name="connsiteY18" fmla="*/ 49291 h 230845"/>
                <a:gd name="connsiteX19" fmla="*/ 15297 w 202426"/>
                <a:gd name="connsiteY19" fmla="*/ 49291 h 230845"/>
                <a:gd name="connsiteX20" fmla="*/ 54302 w 202426"/>
                <a:gd name="connsiteY20" fmla="*/ 151485 h 230845"/>
                <a:gd name="connsiteX21" fmla="*/ 54302 w 202426"/>
                <a:gd name="connsiteY21" fmla="*/ 159991 h 230845"/>
                <a:gd name="connsiteX22" fmla="*/ 83011 w 202426"/>
                <a:gd name="connsiteY22" fmla="*/ 186880 h 230845"/>
                <a:gd name="connsiteX23" fmla="*/ 147619 w 202426"/>
                <a:gd name="connsiteY23" fmla="*/ 160886 h 230845"/>
                <a:gd name="connsiteX24" fmla="*/ 147619 w 202426"/>
                <a:gd name="connsiteY24" fmla="*/ 126805 h 230845"/>
                <a:gd name="connsiteX25" fmla="*/ 77629 w 202426"/>
                <a:gd name="connsiteY25" fmla="*/ 126805 h 230845"/>
                <a:gd name="connsiteX26" fmla="*/ 59455 w 202426"/>
                <a:gd name="connsiteY26" fmla="*/ 133530 h 230845"/>
                <a:gd name="connsiteX27" fmla="*/ 54302 w 202426"/>
                <a:gd name="connsiteY27" fmla="*/ 151485 h 23084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Lst>
              <a:rect l="l" t="t" r="r" b="b"/>
              <a:pathLst>
                <a:path w="202426" h="230845">
                  <a:moveTo>
                    <a:pt x="15307" y="49291"/>
                  </a:moveTo>
                  <a:lnTo>
                    <a:pt x="9925" y="10753"/>
                  </a:lnTo>
                  <a:cubicBezTo>
                    <a:pt x="46158" y="3810"/>
                    <a:pt x="82953" y="210"/>
                    <a:pt x="119844" y="-1"/>
                  </a:cubicBezTo>
                  <a:cubicBezTo>
                    <a:pt x="148257" y="-1"/>
                    <a:pt x="169117" y="5673"/>
                    <a:pt x="182423" y="17020"/>
                  </a:cubicBezTo>
                  <a:cubicBezTo>
                    <a:pt x="195729" y="28367"/>
                    <a:pt x="202397" y="48237"/>
                    <a:pt x="202426" y="76628"/>
                  </a:cubicBezTo>
                  <a:lnTo>
                    <a:pt x="202426" y="225846"/>
                  </a:lnTo>
                  <a:lnTo>
                    <a:pt x="159353" y="225846"/>
                  </a:lnTo>
                  <a:lnTo>
                    <a:pt x="153524" y="192242"/>
                  </a:lnTo>
                  <a:cubicBezTo>
                    <a:pt x="132683" y="216926"/>
                    <a:pt x="101937" y="231048"/>
                    <a:pt x="69628" y="230771"/>
                  </a:cubicBezTo>
                  <a:cubicBezTo>
                    <a:pt x="51378" y="231588"/>
                    <a:pt x="33471" y="225604"/>
                    <a:pt x="19384" y="213978"/>
                  </a:cubicBezTo>
                  <a:cubicBezTo>
                    <a:pt x="6210" y="202078"/>
                    <a:pt x="-876" y="184867"/>
                    <a:pt x="86" y="167144"/>
                  </a:cubicBezTo>
                  <a:lnTo>
                    <a:pt x="86" y="144731"/>
                  </a:lnTo>
                  <a:cubicBezTo>
                    <a:pt x="-819" y="129237"/>
                    <a:pt x="5467" y="114191"/>
                    <a:pt x="17136" y="103955"/>
                  </a:cubicBezTo>
                  <a:cubicBezTo>
                    <a:pt x="30928" y="93618"/>
                    <a:pt x="47939" y="88533"/>
                    <a:pt x="65142" y="89610"/>
                  </a:cubicBezTo>
                  <a:lnTo>
                    <a:pt x="147647" y="89610"/>
                  </a:lnTo>
                  <a:lnTo>
                    <a:pt x="147647" y="76171"/>
                  </a:lnTo>
                  <a:cubicBezTo>
                    <a:pt x="148609" y="66964"/>
                    <a:pt x="145495" y="57798"/>
                    <a:pt x="139122" y="51082"/>
                  </a:cubicBezTo>
                  <a:cubicBezTo>
                    <a:pt x="129359" y="45878"/>
                    <a:pt x="118272" y="43693"/>
                    <a:pt x="107261" y="44805"/>
                  </a:cubicBezTo>
                  <a:cubicBezTo>
                    <a:pt x="84239" y="44805"/>
                    <a:pt x="53588" y="46300"/>
                    <a:pt x="15297" y="49291"/>
                  </a:cubicBezTo>
                  <a:lnTo>
                    <a:pt x="15297" y="49291"/>
                  </a:lnTo>
                  <a:close/>
                  <a:moveTo>
                    <a:pt x="54302" y="151485"/>
                  </a:moveTo>
                  <a:lnTo>
                    <a:pt x="54302" y="159991"/>
                  </a:lnTo>
                  <a:cubicBezTo>
                    <a:pt x="54302" y="177917"/>
                    <a:pt x="63875" y="186880"/>
                    <a:pt x="83011" y="186880"/>
                  </a:cubicBezTo>
                  <a:cubicBezTo>
                    <a:pt x="106928" y="186076"/>
                    <a:pt x="129807" y="176873"/>
                    <a:pt x="147619" y="160886"/>
                  </a:cubicBezTo>
                  <a:lnTo>
                    <a:pt x="147619" y="126805"/>
                  </a:lnTo>
                  <a:lnTo>
                    <a:pt x="77629" y="126805"/>
                  </a:lnTo>
                  <a:cubicBezTo>
                    <a:pt x="70885" y="126340"/>
                    <a:pt x="64265" y="128789"/>
                    <a:pt x="59455" y="133530"/>
                  </a:cubicBezTo>
                  <a:cubicBezTo>
                    <a:pt x="55702" y="138732"/>
                    <a:pt x="53874" y="145082"/>
                    <a:pt x="54302" y="151485"/>
                  </a:cubicBez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45" name="Freeform: Shape 44">
              <a:extLst>
                <a:ext uri="{FF2B5EF4-FFF2-40B4-BE49-F238E27FC236}">
                  <a16:creationId xmlns:a16="http://schemas.microsoft.com/office/drawing/2014/main" id="{DF0C0256-8942-B195-3017-EB57F9383897}"/>
                </a:ext>
              </a:extLst>
            </p:cNvPr>
            <p:cNvSpPr/>
            <p:nvPr/>
          </p:nvSpPr>
          <p:spPr>
            <a:xfrm>
              <a:off x="6827690" y="6146720"/>
              <a:ext cx="205175" cy="225979"/>
            </a:xfrm>
            <a:custGeom>
              <a:avLst/>
              <a:gdLst>
                <a:gd name="connsiteX0" fmla="*/ 45776 w 205175"/>
                <a:gd name="connsiteY0" fmla="*/ 6398 h 225979"/>
                <a:gd name="connsiteX1" fmla="*/ 49358 w 205175"/>
                <a:gd name="connsiteY1" fmla="*/ 38669 h 225979"/>
                <a:gd name="connsiteX2" fmla="*/ 144465 w 205175"/>
                <a:gd name="connsiteY2" fmla="*/ 131 h 225979"/>
                <a:gd name="connsiteX3" fmla="*/ 189337 w 205175"/>
                <a:gd name="connsiteY3" fmla="*/ 15809 h 225979"/>
                <a:gd name="connsiteX4" fmla="*/ 205034 w 205175"/>
                <a:gd name="connsiteY4" fmla="*/ 61062 h 225979"/>
                <a:gd name="connsiteX5" fmla="*/ 205034 w 205175"/>
                <a:gd name="connsiteY5" fmla="*/ 225978 h 225979"/>
                <a:gd name="connsiteX6" fmla="*/ 150304 w 205175"/>
                <a:gd name="connsiteY6" fmla="*/ 225978 h 225979"/>
                <a:gd name="connsiteX7" fmla="*/ 150304 w 205175"/>
                <a:gd name="connsiteY7" fmla="*/ 77655 h 225979"/>
                <a:gd name="connsiteX8" fmla="*/ 145370 w 205175"/>
                <a:gd name="connsiteY8" fmla="*/ 52776 h 225979"/>
                <a:gd name="connsiteX9" fmla="*/ 126977 w 205175"/>
                <a:gd name="connsiteY9" fmla="*/ 46280 h 225979"/>
                <a:gd name="connsiteX10" fmla="*/ 95802 w 205175"/>
                <a:gd name="connsiteY10" fmla="*/ 52556 h 225979"/>
                <a:gd name="connsiteX11" fmla="*/ 54739 w 205175"/>
                <a:gd name="connsiteY11" fmla="*/ 73169 h 225979"/>
                <a:gd name="connsiteX12" fmla="*/ 54739 w 205175"/>
                <a:gd name="connsiteY12" fmla="*/ 225978 h 225979"/>
                <a:gd name="connsiteX13" fmla="*/ -1 w 205175"/>
                <a:gd name="connsiteY13" fmla="*/ 225978 h 225979"/>
                <a:gd name="connsiteX14" fmla="*/ -1 w 205175"/>
                <a:gd name="connsiteY14" fmla="*/ 6398 h 225979"/>
                <a:gd name="connsiteX15" fmla="*/ 45719 w 205175"/>
                <a:gd name="connsiteY15" fmla="*/ 6398 h 2259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205175" h="225979">
                  <a:moveTo>
                    <a:pt x="45776" y="6398"/>
                  </a:moveTo>
                  <a:lnTo>
                    <a:pt x="49358" y="38669"/>
                  </a:lnTo>
                  <a:cubicBezTo>
                    <a:pt x="83467" y="12977"/>
                    <a:pt x="115176" y="131"/>
                    <a:pt x="144465" y="131"/>
                  </a:cubicBezTo>
                  <a:cubicBezTo>
                    <a:pt x="160934" y="-955"/>
                    <a:pt x="177126" y="4705"/>
                    <a:pt x="189337" y="15809"/>
                  </a:cubicBezTo>
                  <a:cubicBezTo>
                    <a:pt x="200491" y="28137"/>
                    <a:pt x="206158" y="44473"/>
                    <a:pt x="205034" y="61062"/>
                  </a:cubicBezTo>
                  <a:lnTo>
                    <a:pt x="205034" y="225978"/>
                  </a:lnTo>
                  <a:lnTo>
                    <a:pt x="150304" y="225978"/>
                  </a:lnTo>
                  <a:lnTo>
                    <a:pt x="150304" y="77655"/>
                  </a:lnTo>
                  <a:cubicBezTo>
                    <a:pt x="151142" y="69057"/>
                    <a:pt x="149427" y="60403"/>
                    <a:pt x="145370" y="52776"/>
                  </a:cubicBezTo>
                  <a:cubicBezTo>
                    <a:pt x="140598" y="47849"/>
                    <a:pt x="133787" y="45445"/>
                    <a:pt x="126977" y="46280"/>
                  </a:cubicBezTo>
                  <a:cubicBezTo>
                    <a:pt x="116280" y="46385"/>
                    <a:pt x="105708" y="48515"/>
                    <a:pt x="95802" y="52556"/>
                  </a:cubicBezTo>
                  <a:cubicBezTo>
                    <a:pt x="81657" y="58484"/>
                    <a:pt x="67941" y="65370"/>
                    <a:pt x="54739" y="73169"/>
                  </a:cubicBezTo>
                  <a:lnTo>
                    <a:pt x="54739" y="225978"/>
                  </a:lnTo>
                  <a:lnTo>
                    <a:pt x="-1" y="225978"/>
                  </a:lnTo>
                  <a:lnTo>
                    <a:pt x="-1" y="6398"/>
                  </a:lnTo>
                  <a:lnTo>
                    <a:pt x="45719" y="6398"/>
                  </a:ln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46" name="Freeform: Shape 45">
              <a:extLst>
                <a:ext uri="{FF2B5EF4-FFF2-40B4-BE49-F238E27FC236}">
                  <a16:creationId xmlns:a16="http://schemas.microsoft.com/office/drawing/2014/main" id="{92D096B7-ADDF-4712-F420-1506E4C6A9A8}"/>
                </a:ext>
              </a:extLst>
            </p:cNvPr>
            <p:cNvSpPr/>
            <p:nvPr/>
          </p:nvSpPr>
          <p:spPr>
            <a:xfrm>
              <a:off x="6571163" y="6146890"/>
              <a:ext cx="217141" cy="231676"/>
            </a:xfrm>
            <a:custGeom>
              <a:avLst/>
              <a:gdLst>
                <a:gd name="connsiteX0" fmla="*/ 109013 w 217141"/>
                <a:gd name="connsiteY0" fmla="*/ -1 h 231676"/>
                <a:gd name="connsiteX1" fmla="*/ 192690 w 217141"/>
                <a:gd name="connsiteY1" fmla="*/ 26431 h 231676"/>
                <a:gd name="connsiteX2" fmla="*/ 217141 w 217141"/>
                <a:gd name="connsiteY2" fmla="*/ 116061 h 231676"/>
                <a:gd name="connsiteX3" fmla="*/ 192690 w 217141"/>
                <a:gd name="connsiteY3" fmla="*/ 205463 h 231676"/>
                <a:gd name="connsiteX4" fmla="*/ 109013 w 217141"/>
                <a:gd name="connsiteY4" fmla="*/ 231676 h 231676"/>
                <a:gd name="connsiteX5" fmla="*/ 24669 w 217141"/>
                <a:gd name="connsiteY5" fmla="*/ 205463 h 231676"/>
                <a:gd name="connsiteX6" fmla="*/ -1 w 217141"/>
                <a:gd name="connsiteY6" fmla="*/ 116061 h 231676"/>
                <a:gd name="connsiteX7" fmla="*/ 24669 w 217141"/>
                <a:gd name="connsiteY7" fmla="*/ 26431 h 231676"/>
                <a:gd name="connsiteX8" fmla="*/ 109013 w 217141"/>
                <a:gd name="connsiteY8" fmla="*/ -1 h 231676"/>
                <a:gd name="connsiteX9" fmla="*/ 109013 w 217141"/>
                <a:gd name="connsiteY9" fmla="*/ -1 h 231676"/>
                <a:gd name="connsiteX10" fmla="*/ 109013 w 217141"/>
                <a:gd name="connsiteY10" fmla="*/ 43462 h 231676"/>
                <a:gd name="connsiteX11" fmla="*/ 67741 w 217141"/>
                <a:gd name="connsiteY11" fmla="*/ 58483 h 231676"/>
                <a:gd name="connsiteX12" fmla="*/ 56968 w 217141"/>
                <a:gd name="connsiteY12" fmla="*/ 116061 h 231676"/>
                <a:gd name="connsiteX13" fmla="*/ 67741 w 217141"/>
                <a:gd name="connsiteY13" fmla="*/ 173211 h 231676"/>
                <a:gd name="connsiteX14" fmla="*/ 109013 w 217141"/>
                <a:gd name="connsiteY14" fmla="*/ 188223 h 231676"/>
                <a:gd name="connsiteX15" fmla="*/ 149618 w 217141"/>
                <a:gd name="connsiteY15" fmla="*/ 173211 h 231676"/>
                <a:gd name="connsiteX16" fmla="*/ 160610 w 217141"/>
                <a:gd name="connsiteY16" fmla="*/ 116061 h 231676"/>
                <a:gd name="connsiteX17" fmla="*/ 149618 w 217141"/>
                <a:gd name="connsiteY17" fmla="*/ 58483 h 231676"/>
                <a:gd name="connsiteX18" fmla="*/ 109013 w 217141"/>
                <a:gd name="connsiteY18" fmla="*/ 43424 h 231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217141" h="231676">
                  <a:moveTo>
                    <a:pt x="109013" y="-1"/>
                  </a:moveTo>
                  <a:cubicBezTo>
                    <a:pt x="148504" y="-1"/>
                    <a:pt x="176393" y="8810"/>
                    <a:pt x="192690" y="26431"/>
                  </a:cubicBezTo>
                  <a:cubicBezTo>
                    <a:pt x="208987" y="44052"/>
                    <a:pt x="217131" y="73929"/>
                    <a:pt x="217141" y="116061"/>
                  </a:cubicBezTo>
                  <a:cubicBezTo>
                    <a:pt x="217141" y="158187"/>
                    <a:pt x="208987" y="187987"/>
                    <a:pt x="192690" y="205463"/>
                  </a:cubicBezTo>
                  <a:cubicBezTo>
                    <a:pt x="176393" y="222938"/>
                    <a:pt x="148494" y="231676"/>
                    <a:pt x="109013" y="231676"/>
                  </a:cubicBezTo>
                  <a:cubicBezTo>
                    <a:pt x="69236" y="231676"/>
                    <a:pt x="41119" y="222938"/>
                    <a:pt x="24669" y="205463"/>
                  </a:cubicBezTo>
                  <a:cubicBezTo>
                    <a:pt x="8219" y="187987"/>
                    <a:pt x="-10" y="158187"/>
                    <a:pt x="-1" y="116061"/>
                  </a:cubicBezTo>
                  <a:cubicBezTo>
                    <a:pt x="-1" y="73942"/>
                    <a:pt x="8219" y="44065"/>
                    <a:pt x="24669" y="26431"/>
                  </a:cubicBezTo>
                  <a:cubicBezTo>
                    <a:pt x="41119" y="8797"/>
                    <a:pt x="69227" y="-13"/>
                    <a:pt x="109013" y="-1"/>
                  </a:cubicBezTo>
                  <a:lnTo>
                    <a:pt x="109013" y="-1"/>
                  </a:lnTo>
                  <a:close/>
                  <a:moveTo>
                    <a:pt x="109013" y="43462"/>
                  </a:moveTo>
                  <a:cubicBezTo>
                    <a:pt x="88696" y="43462"/>
                    <a:pt x="74932" y="48469"/>
                    <a:pt x="67741" y="58483"/>
                  </a:cubicBezTo>
                  <a:cubicBezTo>
                    <a:pt x="60550" y="68496"/>
                    <a:pt x="56959" y="87689"/>
                    <a:pt x="56968" y="116061"/>
                  </a:cubicBezTo>
                  <a:cubicBezTo>
                    <a:pt x="56968" y="144141"/>
                    <a:pt x="60559" y="163191"/>
                    <a:pt x="67741" y="173211"/>
                  </a:cubicBezTo>
                  <a:cubicBezTo>
                    <a:pt x="74923" y="183232"/>
                    <a:pt x="88677" y="188235"/>
                    <a:pt x="109013" y="188223"/>
                  </a:cubicBezTo>
                  <a:cubicBezTo>
                    <a:pt x="128749" y="188223"/>
                    <a:pt x="142284" y="183219"/>
                    <a:pt x="149618" y="173211"/>
                  </a:cubicBezTo>
                  <a:cubicBezTo>
                    <a:pt x="156952" y="163203"/>
                    <a:pt x="160619" y="144153"/>
                    <a:pt x="160610" y="116061"/>
                  </a:cubicBezTo>
                  <a:cubicBezTo>
                    <a:pt x="160610" y="87677"/>
                    <a:pt x="156943" y="68484"/>
                    <a:pt x="149618" y="58483"/>
                  </a:cubicBezTo>
                  <a:cubicBezTo>
                    <a:pt x="142293" y="48481"/>
                    <a:pt x="128758" y="43462"/>
                    <a:pt x="109013" y="43424"/>
                  </a:cubicBez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47" name="Freeform: Shape 46">
              <a:extLst>
                <a:ext uri="{FF2B5EF4-FFF2-40B4-BE49-F238E27FC236}">
                  <a16:creationId xmlns:a16="http://schemas.microsoft.com/office/drawing/2014/main" id="{34E0CBC9-7B0E-C819-D230-C13AE53AF4E9}"/>
                </a:ext>
              </a:extLst>
            </p:cNvPr>
            <p:cNvSpPr/>
            <p:nvPr/>
          </p:nvSpPr>
          <p:spPr>
            <a:xfrm>
              <a:off x="6407942" y="6146852"/>
              <a:ext cx="148932" cy="225847"/>
            </a:xfrm>
            <a:custGeom>
              <a:avLst/>
              <a:gdLst>
                <a:gd name="connsiteX0" fmla="*/ 148932 w 148932"/>
                <a:gd name="connsiteY0" fmla="*/ 37 h 225847"/>
                <a:gd name="connsiteX1" fmla="*/ 143112 w 148932"/>
                <a:gd name="connsiteY1" fmla="*/ 51129 h 225847"/>
                <a:gd name="connsiteX2" fmla="*/ 127415 w 148932"/>
                <a:gd name="connsiteY2" fmla="*/ 51129 h 225847"/>
                <a:gd name="connsiteX3" fmla="*/ 54720 w 148932"/>
                <a:gd name="connsiteY3" fmla="*/ 70837 h 225847"/>
                <a:gd name="connsiteX4" fmla="*/ 54720 w 148932"/>
                <a:gd name="connsiteY4" fmla="*/ 225846 h 225847"/>
                <a:gd name="connsiteX5" fmla="*/ -1 w 148932"/>
                <a:gd name="connsiteY5" fmla="*/ 225846 h 225847"/>
                <a:gd name="connsiteX6" fmla="*/ -1 w 148932"/>
                <a:gd name="connsiteY6" fmla="*/ 6267 h 225847"/>
                <a:gd name="connsiteX7" fmla="*/ 42614 w 148932"/>
                <a:gd name="connsiteY7" fmla="*/ 6267 h 225847"/>
                <a:gd name="connsiteX8" fmla="*/ 47548 w 148932"/>
                <a:gd name="connsiteY8" fmla="*/ 38537 h 225847"/>
                <a:gd name="connsiteX9" fmla="*/ 138169 w 148932"/>
                <a:gd name="connsiteY9" fmla="*/ -1 h 225847"/>
                <a:gd name="connsiteX10" fmla="*/ 148932 w 148932"/>
                <a:gd name="connsiteY10" fmla="*/ -1 h 22584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48932" h="225847">
                  <a:moveTo>
                    <a:pt x="148932" y="37"/>
                  </a:moveTo>
                  <a:lnTo>
                    <a:pt x="143112" y="51129"/>
                  </a:lnTo>
                  <a:lnTo>
                    <a:pt x="127415" y="51129"/>
                  </a:lnTo>
                  <a:cubicBezTo>
                    <a:pt x="111861" y="51129"/>
                    <a:pt x="87629" y="57699"/>
                    <a:pt x="54720" y="70837"/>
                  </a:cubicBezTo>
                  <a:lnTo>
                    <a:pt x="54720" y="225846"/>
                  </a:lnTo>
                  <a:lnTo>
                    <a:pt x="-1" y="225846"/>
                  </a:lnTo>
                  <a:lnTo>
                    <a:pt x="-1" y="6267"/>
                  </a:lnTo>
                  <a:lnTo>
                    <a:pt x="42614" y="6267"/>
                  </a:lnTo>
                  <a:lnTo>
                    <a:pt x="47548" y="38537"/>
                  </a:lnTo>
                  <a:cubicBezTo>
                    <a:pt x="78961" y="12845"/>
                    <a:pt x="109165" y="-1"/>
                    <a:pt x="138169" y="-1"/>
                  </a:cubicBezTo>
                  <a:lnTo>
                    <a:pt x="148932" y="-1"/>
                  </a:ln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48" name="Freeform: Shape 47">
              <a:extLst>
                <a:ext uri="{FF2B5EF4-FFF2-40B4-BE49-F238E27FC236}">
                  <a16:creationId xmlns:a16="http://schemas.microsoft.com/office/drawing/2014/main" id="{4A4BCB6E-0812-21B5-3CA0-B3B6FE4DA721}"/>
                </a:ext>
              </a:extLst>
            </p:cNvPr>
            <p:cNvSpPr/>
            <p:nvPr/>
          </p:nvSpPr>
          <p:spPr>
            <a:xfrm>
              <a:off x="6147358" y="6146890"/>
              <a:ext cx="217141" cy="231676"/>
            </a:xfrm>
            <a:custGeom>
              <a:avLst/>
              <a:gdLst>
                <a:gd name="connsiteX0" fmla="*/ 109022 w 217141"/>
                <a:gd name="connsiteY0" fmla="*/ -1 h 231676"/>
                <a:gd name="connsiteX1" fmla="*/ 192690 w 217141"/>
                <a:gd name="connsiteY1" fmla="*/ 26431 h 231676"/>
                <a:gd name="connsiteX2" fmla="*/ 217141 w 217141"/>
                <a:gd name="connsiteY2" fmla="*/ 116061 h 231676"/>
                <a:gd name="connsiteX3" fmla="*/ 192690 w 217141"/>
                <a:gd name="connsiteY3" fmla="*/ 205463 h 231676"/>
                <a:gd name="connsiteX4" fmla="*/ 109022 w 217141"/>
                <a:gd name="connsiteY4" fmla="*/ 231676 h 231676"/>
                <a:gd name="connsiteX5" fmla="*/ 24678 w 217141"/>
                <a:gd name="connsiteY5" fmla="*/ 205463 h 231676"/>
                <a:gd name="connsiteX6" fmla="*/ -1 w 217141"/>
                <a:gd name="connsiteY6" fmla="*/ 116061 h 231676"/>
                <a:gd name="connsiteX7" fmla="*/ 24678 w 217141"/>
                <a:gd name="connsiteY7" fmla="*/ 26431 h 231676"/>
                <a:gd name="connsiteX8" fmla="*/ 109022 w 217141"/>
                <a:gd name="connsiteY8" fmla="*/ -1 h 231676"/>
                <a:gd name="connsiteX9" fmla="*/ 109022 w 217141"/>
                <a:gd name="connsiteY9" fmla="*/ -1 h 231676"/>
                <a:gd name="connsiteX10" fmla="*/ 109022 w 217141"/>
                <a:gd name="connsiteY10" fmla="*/ 43462 h 231676"/>
                <a:gd name="connsiteX11" fmla="*/ 67751 w 217141"/>
                <a:gd name="connsiteY11" fmla="*/ 58483 h 231676"/>
                <a:gd name="connsiteX12" fmla="*/ 56978 w 217141"/>
                <a:gd name="connsiteY12" fmla="*/ 116061 h 231676"/>
                <a:gd name="connsiteX13" fmla="*/ 67751 w 217141"/>
                <a:gd name="connsiteY13" fmla="*/ 173211 h 231676"/>
                <a:gd name="connsiteX14" fmla="*/ 109022 w 217141"/>
                <a:gd name="connsiteY14" fmla="*/ 188223 h 231676"/>
                <a:gd name="connsiteX15" fmla="*/ 149627 w 217141"/>
                <a:gd name="connsiteY15" fmla="*/ 173211 h 231676"/>
                <a:gd name="connsiteX16" fmla="*/ 160610 w 217141"/>
                <a:gd name="connsiteY16" fmla="*/ 116061 h 231676"/>
                <a:gd name="connsiteX17" fmla="*/ 149627 w 217141"/>
                <a:gd name="connsiteY17" fmla="*/ 58483 h 231676"/>
                <a:gd name="connsiteX18" fmla="*/ 109022 w 217141"/>
                <a:gd name="connsiteY18" fmla="*/ 43424 h 231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217141" h="231676">
                  <a:moveTo>
                    <a:pt x="109022" y="-1"/>
                  </a:moveTo>
                  <a:cubicBezTo>
                    <a:pt x="148504" y="-1"/>
                    <a:pt x="176393" y="8810"/>
                    <a:pt x="192690" y="26431"/>
                  </a:cubicBezTo>
                  <a:cubicBezTo>
                    <a:pt x="208987" y="44052"/>
                    <a:pt x="217141" y="73929"/>
                    <a:pt x="217141" y="116061"/>
                  </a:cubicBezTo>
                  <a:cubicBezTo>
                    <a:pt x="217141" y="158187"/>
                    <a:pt x="208987" y="187987"/>
                    <a:pt x="192690" y="205463"/>
                  </a:cubicBezTo>
                  <a:cubicBezTo>
                    <a:pt x="176393" y="222938"/>
                    <a:pt x="148504" y="231676"/>
                    <a:pt x="109022" y="231676"/>
                  </a:cubicBezTo>
                  <a:cubicBezTo>
                    <a:pt x="69246" y="231676"/>
                    <a:pt x="41128" y="222938"/>
                    <a:pt x="24678" y="205463"/>
                  </a:cubicBezTo>
                  <a:cubicBezTo>
                    <a:pt x="8229" y="187987"/>
                    <a:pt x="-1" y="158187"/>
                    <a:pt x="-1" y="116061"/>
                  </a:cubicBezTo>
                  <a:cubicBezTo>
                    <a:pt x="-1" y="73942"/>
                    <a:pt x="8229" y="44065"/>
                    <a:pt x="24678" y="26431"/>
                  </a:cubicBezTo>
                  <a:cubicBezTo>
                    <a:pt x="41128" y="8797"/>
                    <a:pt x="69246" y="-13"/>
                    <a:pt x="109022" y="-1"/>
                  </a:cubicBezTo>
                  <a:lnTo>
                    <a:pt x="109022" y="-1"/>
                  </a:lnTo>
                  <a:close/>
                  <a:moveTo>
                    <a:pt x="109022" y="43462"/>
                  </a:moveTo>
                  <a:cubicBezTo>
                    <a:pt x="88706" y="43462"/>
                    <a:pt x="74942" y="48469"/>
                    <a:pt x="67751" y="58483"/>
                  </a:cubicBezTo>
                  <a:cubicBezTo>
                    <a:pt x="60559" y="68496"/>
                    <a:pt x="56968" y="87689"/>
                    <a:pt x="56978" y="116061"/>
                  </a:cubicBezTo>
                  <a:cubicBezTo>
                    <a:pt x="56978" y="144141"/>
                    <a:pt x="60569" y="163191"/>
                    <a:pt x="67751" y="173211"/>
                  </a:cubicBezTo>
                  <a:cubicBezTo>
                    <a:pt x="74932" y="183232"/>
                    <a:pt x="88687" y="188235"/>
                    <a:pt x="109022" y="188223"/>
                  </a:cubicBezTo>
                  <a:cubicBezTo>
                    <a:pt x="128758" y="188223"/>
                    <a:pt x="142293" y="183219"/>
                    <a:pt x="149627" y="173211"/>
                  </a:cubicBezTo>
                  <a:cubicBezTo>
                    <a:pt x="156962" y="163203"/>
                    <a:pt x="160619" y="144153"/>
                    <a:pt x="160610" y="116061"/>
                  </a:cubicBezTo>
                  <a:cubicBezTo>
                    <a:pt x="160610" y="87677"/>
                    <a:pt x="156952" y="68484"/>
                    <a:pt x="149627" y="58483"/>
                  </a:cubicBezTo>
                  <a:cubicBezTo>
                    <a:pt x="142303" y="48481"/>
                    <a:pt x="128768" y="43462"/>
                    <a:pt x="109022" y="43424"/>
                  </a:cubicBez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49" name="Freeform: Shape 48">
              <a:extLst>
                <a:ext uri="{FF2B5EF4-FFF2-40B4-BE49-F238E27FC236}">
                  <a16:creationId xmlns:a16="http://schemas.microsoft.com/office/drawing/2014/main" id="{750FF982-BFAA-F7BD-2BAA-2DDC372F4EA5}"/>
                </a:ext>
              </a:extLst>
            </p:cNvPr>
            <p:cNvSpPr/>
            <p:nvPr/>
          </p:nvSpPr>
          <p:spPr>
            <a:xfrm>
              <a:off x="5900908" y="6058064"/>
              <a:ext cx="221161" cy="320127"/>
            </a:xfrm>
            <a:custGeom>
              <a:avLst/>
              <a:gdLst>
                <a:gd name="connsiteX0" fmla="*/ 216217 w 221161"/>
                <a:gd name="connsiteY0" fmla="*/ 266238 h 320127"/>
                <a:gd name="connsiteX1" fmla="*/ 221160 w 221161"/>
                <a:gd name="connsiteY1" fmla="*/ 308357 h 320127"/>
                <a:gd name="connsiteX2" fmla="*/ 126044 w 221161"/>
                <a:gd name="connsiteY2" fmla="*/ 320016 h 320127"/>
                <a:gd name="connsiteX3" fmla="*/ 28241 w 221161"/>
                <a:gd name="connsiteY3" fmla="*/ 284164 h 320127"/>
                <a:gd name="connsiteX4" fmla="*/ -1 w 221161"/>
                <a:gd name="connsiteY4" fmla="*/ 160034 h 320127"/>
                <a:gd name="connsiteX5" fmla="*/ 28269 w 221161"/>
                <a:gd name="connsiteY5" fmla="*/ 35904 h 320127"/>
                <a:gd name="connsiteX6" fmla="*/ 126082 w 221161"/>
                <a:gd name="connsiteY6" fmla="*/ 52 h 320127"/>
                <a:gd name="connsiteX7" fmla="*/ 214912 w 221161"/>
                <a:gd name="connsiteY7" fmla="*/ 9910 h 320127"/>
                <a:gd name="connsiteX8" fmla="*/ 209530 w 221161"/>
                <a:gd name="connsiteY8" fmla="*/ 52487 h 320127"/>
                <a:gd name="connsiteX9" fmla="*/ 126091 w 221161"/>
                <a:gd name="connsiteY9" fmla="*/ 49344 h 320127"/>
                <a:gd name="connsiteX10" fmla="*/ 73370 w 221161"/>
                <a:gd name="connsiteY10" fmla="*/ 72871 h 320127"/>
                <a:gd name="connsiteX11" fmla="*/ 59245 w 221161"/>
                <a:gd name="connsiteY11" fmla="*/ 160034 h 320127"/>
                <a:gd name="connsiteX12" fmla="*/ 73370 w 221161"/>
                <a:gd name="connsiteY12" fmla="*/ 247188 h 320127"/>
                <a:gd name="connsiteX13" fmla="*/ 126091 w 221161"/>
                <a:gd name="connsiteY13" fmla="*/ 270714 h 320127"/>
                <a:gd name="connsiteX14" fmla="*/ 216255 w 221161"/>
                <a:gd name="connsiteY14" fmla="*/ 266228 h 320127"/>
                <a:gd name="connsiteX15" fmla="*/ 216255 w 221161"/>
                <a:gd name="connsiteY15" fmla="*/ 266228 h 32012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221161" h="320127">
                  <a:moveTo>
                    <a:pt x="216217" y="266238"/>
                  </a:moveTo>
                  <a:lnTo>
                    <a:pt x="221160" y="308357"/>
                  </a:lnTo>
                  <a:cubicBezTo>
                    <a:pt x="190204" y="316925"/>
                    <a:pt x="158152" y="320854"/>
                    <a:pt x="126044" y="320016"/>
                  </a:cubicBezTo>
                  <a:cubicBezTo>
                    <a:pt x="79688" y="320016"/>
                    <a:pt x="47088" y="308065"/>
                    <a:pt x="28241" y="284164"/>
                  </a:cubicBezTo>
                  <a:cubicBezTo>
                    <a:pt x="9394" y="260263"/>
                    <a:pt x="-20" y="218886"/>
                    <a:pt x="-1" y="160034"/>
                  </a:cubicBezTo>
                  <a:cubicBezTo>
                    <a:pt x="-1" y="101182"/>
                    <a:pt x="9422" y="59805"/>
                    <a:pt x="28269" y="35904"/>
                  </a:cubicBezTo>
                  <a:cubicBezTo>
                    <a:pt x="47117" y="12003"/>
                    <a:pt x="79721" y="52"/>
                    <a:pt x="126082" y="52"/>
                  </a:cubicBezTo>
                  <a:cubicBezTo>
                    <a:pt x="155990" y="-468"/>
                    <a:pt x="185842" y="2845"/>
                    <a:pt x="214912" y="9910"/>
                  </a:cubicBezTo>
                  <a:lnTo>
                    <a:pt x="209530" y="52487"/>
                  </a:lnTo>
                  <a:cubicBezTo>
                    <a:pt x="183498" y="50392"/>
                    <a:pt x="155685" y="49344"/>
                    <a:pt x="126091" y="49344"/>
                  </a:cubicBezTo>
                  <a:cubicBezTo>
                    <a:pt x="100367" y="49344"/>
                    <a:pt x="82793" y="57186"/>
                    <a:pt x="73370" y="72871"/>
                  </a:cubicBezTo>
                  <a:cubicBezTo>
                    <a:pt x="63947" y="88555"/>
                    <a:pt x="59238" y="117610"/>
                    <a:pt x="59245" y="160034"/>
                  </a:cubicBezTo>
                  <a:cubicBezTo>
                    <a:pt x="59245" y="202452"/>
                    <a:pt x="63953" y="231503"/>
                    <a:pt x="73370" y="247188"/>
                  </a:cubicBezTo>
                  <a:cubicBezTo>
                    <a:pt x="82788" y="262873"/>
                    <a:pt x="100361" y="270714"/>
                    <a:pt x="126091" y="270714"/>
                  </a:cubicBezTo>
                  <a:cubicBezTo>
                    <a:pt x="156209" y="271136"/>
                    <a:pt x="186327" y="269637"/>
                    <a:pt x="216255" y="266228"/>
                  </a:cubicBezTo>
                  <a:lnTo>
                    <a:pt x="216255" y="266228"/>
                  </a:ln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50" name="Group 49">
            <a:extLst>
              <a:ext uri="{FF2B5EF4-FFF2-40B4-BE49-F238E27FC236}">
                <a16:creationId xmlns:a16="http://schemas.microsoft.com/office/drawing/2014/main" id="{721B342A-BA7E-C7ED-761D-AA18D55FD367}"/>
              </a:ext>
            </a:extLst>
          </p:cNvPr>
          <p:cNvGrpSpPr/>
          <p:nvPr/>
        </p:nvGrpSpPr>
        <p:grpSpPr>
          <a:xfrm>
            <a:off x="4533444" y="4622478"/>
            <a:ext cx="1445671" cy="533778"/>
            <a:chOff x="4781411" y="4411638"/>
            <a:chExt cx="1905220" cy="703456"/>
          </a:xfrm>
        </p:grpSpPr>
        <p:sp>
          <p:nvSpPr>
            <p:cNvPr id="51" name="Freeform: Shape 50">
              <a:extLst>
                <a:ext uri="{FF2B5EF4-FFF2-40B4-BE49-F238E27FC236}">
                  <a16:creationId xmlns:a16="http://schemas.microsoft.com/office/drawing/2014/main" id="{988CE5BA-FB73-6CED-5E23-DB9407947458}"/>
                </a:ext>
              </a:extLst>
            </p:cNvPr>
            <p:cNvSpPr/>
            <p:nvPr/>
          </p:nvSpPr>
          <p:spPr>
            <a:xfrm>
              <a:off x="5565398" y="4575777"/>
              <a:ext cx="1121233" cy="417677"/>
            </a:xfrm>
            <a:custGeom>
              <a:avLst/>
              <a:gdLst>
                <a:gd name="connsiteX0" fmla="*/ 0 w 1121233"/>
                <a:gd name="connsiteY0" fmla="*/ 218364 h 417677"/>
                <a:gd name="connsiteX1" fmla="*/ 0 w 1121233"/>
                <a:gd name="connsiteY1" fmla="*/ 19052 h 417677"/>
                <a:gd name="connsiteX2" fmla="*/ 83217 w 1121233"/>
                <a:gd name="connsiteY2" fmla="*/ 19052 h 417677"/>
                <a:gd name="connsiteX3" fmla="*/ 83217 w 1121233"/>
                <a:gd name="connsiteY3" fmla="*/ 221296 h 417677"/>
                <a:gd name="connsiteX4" fmla="*/ 141614 w 1121233"/>
                <a:gd name="connsiteY4" fmla="*/ 276986 h 417677"/>
                <a:gd name="connsiteX5" fmla="*/ 198552 w 1121233"/>
                <a:gd name="connsiteY5" fmla="*/ 219830 h 417677"/>
                <a:gd name="connsiteX6" fmla="*/ 198552 w 1121233"/>
                <a:gd name="connsiteY6" fmla="*/ 19052 h 417677"/>
                <a:gd name="connsiteX7" fmla="*/ 281768 w 1121233"/>
                <a:gd name="connsiteY7" fmla="*/ 19052 h 417677"/>
                <a:gd name="connsiteX8" fmla="*/ 281768 w 1121233"/>
                <a:gd name="connsiteY8" fmla="*/ 218364 h 417677"/>
                <a:gd name="connsiteX9" fmla="*/ 141614 w 1121233"/>
                <a:gd name="connsiteY9" fmla="*/ 342935 h 417677"/>
                <a:gd name="connsiteX10" fmla="*/ 0 w 1121233"/>
                <a:gd name="connsiteY10" fmla="*/ 218364 h 417677"/>
                <a:gd name="connsiteX11" fmla="*/ 319727 w 1121233"/>
                <a:gd name="connsiteY11" fmla="*/ 95260 h 417677"/>
                <a:gd name="connsiteX12" fmla="*/ 394184 w 1121233"/>
                <a:gd name="connsiteY12" fmla="*/ 95260 h 417677"/>
                <a:gd name="connsiteX13" fmla="*/ 394184 w 1121233"/>
                <a:gd name="connsiteY13" fmla="*/ 128967 h 417677"/>
                <a:gd name="connsiteX14" fmla="*/ 395644 w 1121233"/>
                <a:gd name="connsiteY14" fmla="*/ 128967 h 417677"/>
                <a:gd name="connsiteX15" fmla="*/ 470101 w 1121233"/>
                <a:gd name="connsiteY15" fmla="*/ 89398 h 417677"/>
                <a:gd name="connsiteX16" fmla="*/ 553317 w 1121233"/>
                <a:gd name="connsiteY16" fmla="*/ 181726 h 417677"/>
                <a:gd name="connsiteX17" fmla="*/ 553317 w 1121233"/>
                <a:gd name="connsiteY17" fmla="*/ 338538 h 417677"/>
                <a:gd name="connsiteX18" fmla="*/ 475940 w 1121233"/>
                <a:gd name="connsiteY18" fmla="*/ 338538 h 417677"/>
                <a:gd name="connsiteX19" fmla="*/ 475940 w 1121233"/>
                <a:gd name="connsiteY19" fmla="*/ 196381 h 417677"/>
                <a:gd name="connsiteX20" fmla="*/ 437982 w 1121233"/>
                <a:gd name="connsiteY20" fmla="*/ 153881 h 417677"/>
                <a:gd name="connsiteX21" fmla="*/ 395644 w 1121233"/>
                <a:gd name="connsiteY21" fmla="*/ 205175 h 417677"/>
                <a:gd name="connsiteX22" fmla="*/ 395644 w 1121233"/>
                <a:gd name="connsiteY22" fmla="*/ 338538 h 417677"/>
                <a:gd name="connsiteX23" fmla="*/ 318267 w 1121233"/>
                <a:gd name="connsiteY23" fmla="*/ 338538 h 417677"/>
                <a:gd name="connsiteX24" fmla="*/ 318267 w 1121233"/>
                <a:gd name="connsiteY24" fmla="*/ 95260 h 417677"/>
                <a:gd name="connsiteX25" fmla="*/ 592736 w 1121233"/>
                <a:gd name="connsiteY25" fmla="*/ 0 h 417677"/>
                <a:gd name="connsiteX26" fmla="*/ 670112 w 1121233"/>
                <a:gd name="connsiteY26" fmla="*/ 0 h 417677"/>
                <a:gd name="connsiteX27" fmla="*/ 670112 w 1121233"/>
                <a:gd name="connsiteY27" fmla="*/ 63018 h 417677"/>
                <a:gd name="connsiteX28" fmla="*/ 592736 w 1121233"/>
                <a:gd name="connsiteY28" fmla="*/ 63018 h 417677"/>
                <a:gd name="connsiteX29" fmla="*/ 592736 w 1121233"/>
                <a:gd name="connsiteY29" fmla="*/ 0 h 417677"/>
                <a:gd name="connsiteX30" fmla="*/ 592736 w 1121233"/>
                <a:gd name="connsiteY30" fmla="*/ 95260 h 417677"/>
                <a:gd name="connsiteX31" fmla="*/ 670112 w 1121233"/>
                <a:gd name="connsiteY31" fmla="*/ 95260 h 417677"/>
                <a:gd name="connsiteX32" fmla="*/ 670112 w 1121233"/>
                <a:gd name="connsiteY32" fmla="*/ 337073 h 417677"/>
                <a:gd name="connsiteX33" fmla="*/ 592736 w 1121233"/>
                <a:gd name="connsiteY33" fmla="*/ 337073 h 417677"/>
                <a:gd name="connsiteX34" fmla="*/ 592736 w 1121233"/>
                <a:gd name="connsiteY34" fmla="*/ 95260 h 417677"/>
                <a:gd name="connsiteX35" fmla="*/ 729970 w 1121233"/>
                <a:gd name="connsiteY35" fmla="*/ 274055 h 417677"/>
                <a:gd name="connsiteX36" fmla="*/ 729970 w 1121233"/>
                <a:gd name="connsiteY36" fmla="*/ 158278 h 417677"/>
                <a:gd name="connsiteX37" fmla="*/ 697851 w 1121233"/>
                <a:gd name="connsiteY37" fmla="*/ 158278 h 417677"/>
                <a:gd name="connsiteX38" fmla="*/ 697851 w 1121233"/>
                <a:gd name="connsiteY38" fmla="*/ 95260 h 417677"/>
                <a:gd name="connsiteX39" fmla="*/ 729970 w 1121233"/>
                <a:gd name="connsiteY39" fmla="*/ 95260 h 417677"/>
                <a:gd name="connsiteX40" fmla="*/ 729970 w 1121233"/>
                <a:gd name="connsiteY40" fmla="*/ 19052 h 417677"/>
                <a:gd name="connsiteX41" fmla="*/ 804427 w 1121233"/>
                <a:gd name="connsiteY41" fmla="*/ 19052 h 417677"/>
                <a:gd name="connsiteX42" fmla="*/ 804427 w 1121233"/>
                <a:gd name="connsiteY42" fmla="*/ 95260 h 417677"/>
                <a:gd name="connsiteX43" fmla="*/ 848225 w 1121233"/>
                <a:gd name="connsiteY43" fmla="*/ 95260 h 417677"/>
                <a:gd name="connsiteX44" fmla="*/ 848225 w 1121233"/>
                <a:gd name="connsiteY44" fmla="*/ 158278 h 417677"/>
                <a:gd name="connsiteX45" fmla="*/ 804427 w 1121233"/>
                <a:gd name="connsiteY45" fmla="*/ 158278 h 417677"/>
                <a:gd name="connsiteX46" fmla="*/ 804427 w 1121233"/>
                <a:gd name="connsiteY46" fmla="*/ 257934 h 417677"/>
                <a:gd name="connsiteX47" fmla="*/ 830706 w 1121233"/>
                <a:gd name="connsiteY47" fmla="*/ 281382 h 417677"/>
                <a:gd name="connsiteX48" fmla="*/ 848225 w 1121233"/>
                <a:gd name="connsiteY48" fmla="*/ 281382 h 417677"/>
                <a:gd name="connsiteX49" fmla="*/ 848225 w 1121233"/>
                <a:gd name="connsiteY49" fmla="*/ 337073 h 417677"/>
                <a:gd name="connsiteX50" fmla="*/ 805887 w 1121233"/>
                <a:gd name="connsiteY50" fmla="*/ 341469 h 417677"/>
                <a:gd name="connsiteX51" fmla="*/ 729970 w 1121233"/>
                <a:gd name="connsiteY51" fmla="*/ 274055 h 417677"/>
                <a:gd name="connsiteX52" fmla="*/ 896403 w 1121233"/>
                <a:gd name="connsiteY52" fmla="*/ 357590 h 417677"/>
                <a:gd name="connsiteX53" fmla="*/ 922682 w 1121233"/>
                <a:gd name="connsiteY53" fmla="*/ 357590 h 417677"/>
                <a:gd name="connsiteX54" fmla="*/ 954801 w 1121233"/>
                <a:gd name="connsiteY54" fmla="*/ 332676 h 417677"/>
                <a:gd name="connsiteX55" fmla="*/ 940201 w 1121233"/>
                <a:gd name="connsiteY55" fmla="*/ 282848 h 417677"/>
                <a:gd name="connsiteX56" fmla="*/ 868664 w 1121233"/>
                <a:gd name="connsiteY56" fmla="*/ 96725 h 417677"/>
                <a:gd name="connsiteX57" fmla="*/ 948961 w 1121233"/>
                <a:gd name="connsiteY57" fmla="*/ 96725 h 417677"/>
                <a:gd name="connsiteX58" fmla="*/ 981080 w 1121233"/>
                <a:gd name="connsiteY58" fmla="*/ 199313 h 417677"/>
                <a:gd name="connsiteX59" fmla="*/ 995679 w 1121233"/>
                <a:gd name="connsiteY59" fmla="*/ 255003 h 417677"/>
                <a:gd name="connsiteX60" fmla="*/ 997139 w 1121233"/>
                <a:gd name="connsiteY60" fmla="*/ 255003 h 417677"/>
                <a:gd name="connsiteX61" fmla="*/ 1011738 w 1121233"/>
                <a:gd name="connsiteY61" fmla="*/ 199313 h 417677"/>
                <a:gd name="connsiteX62" fmla="*/ 1043857 w 1121233"/>
                <a:gd name="connsiteY62" fmla="*/ 96725 h 417677"/>
                <a:gd name="connsiteX63" fmla="*/ 1121234 w 1121233"/>
                <a:gd name="connsiteY63" fmla="*/ 96725 h 417677"/>
                <a:gd name="connsiteX64" fmla="*/ 1038017 w 1121233"/>
                <a:gd name="connsiteY64" fmla="*/ 341469 h 417677"/>
                <a:gd name="connsiteX65" fmla="*/ 947501 w 1121233"/>
                <a:gd name="connsiteY65" fmla="*/ 417677 h 417677"/>
                <a:gd name="connsiteX66" fmla="*/ 897863 w 1121233"/>
                <a:gd name="connsiteY66" fmla="*/ 417677 h 417677"/>
                <a:gd name="connsiteX67" fmla="*/ 896403 w 1121233"/>
                <a:gd name="connsiteY67" fmla="*/ 357590 h 4176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Lst>
              <a:rect l="l" t="t" r="r" b="b"/>
              <a:pathLst>
                <a:path w="1121233" h="417677">
                  <a:moveTo>
                    <a:pt x="0" y="218364"/>
                  </a:moveTo>
                  <a:lnTo>
                    <a:pt x="0" y="19052"/>
                  </a:lnTo>
                  <a:lnTo>
                    <a:pt x="83217" y="19052"/>
                  </a:lnTo>
                  <a:lnTo>
                    <a:pt x="83217" y="221296"/>
                  </a:lnTo>
                  <a:cubicBezTo>
                    <a:pt x="83217" y="255003"/>
                    <a:pt x="100736" y="276986"/>
                    <a:pt x="141614" y="276986"/>
                  </a:cubicBezTo>
                  <a:cubicBezTo>
                    <a:pt x="179573" y="276986"/>
                    <a:pt x="198552" y="253537"/>
                    <a:pt x="198552" y="219830"/>
                  </a:cubicBezTo>
                  <a:lnTo>
                    <a:pt x="198552" y="19052"/>
                  </a:lnTo>
                  <a:lnTo>
                    <a:pt x="281768" y="19052"/>
                  </a:lnTo>
                  <a:lnTo>
                    <a:pt x="281768" y="218364"/>
                  </a:lnTo>
                  <a:cubicBezTo>
                    <a:pt x="281768" y="296038"/>
                    <a:pt x="235050" y="342935"/>
                    <a:pt x="141614" y="342935"/>
                  </a:cubicBezTo>
                  <a:cubicBezTo>
                    <a:pt x="46718" y="344400"/>
                    <a:pt x="0" y="297503"/>
                    <a:pt x="0" y="218364"/>
                  </a:cubicBezTo>
                  <a:close/>
                  <a:moveTo>
                    <a:pt x="319727" y="95260"/>
                  </a:moveTo>
                  <a:lnTo>
                    <a:pt x="394184" y="95260"/>
                  </a:lnTo>
                  <a:lnTo>
                    <a:pt x="394184" y="128967"/>
                  </a:lnTo>
                  <a:lnTo>
                    <a:pt x="395644" y="128967"/>
                  </a:lnTo>
                  <a:cubicBezTo>
                    <a:pt x="413163" y="102587"/>
                    <a:pt x="436522" y="89398"/>
                    <a:pt x="470101" y="89398"/>
                  </a:cubicBezTo>
                  <a:cubicBezTo>
                    <a:pt x="522658" y="89398"/>
                    <a:pt x="553317" y="127501"/>
                    <a:pt x="553317" y="181726"/>
                  </a:cubicBezTo>
                  <a:lnTo>
                    <a:pt x="553317" y="338538"/>
                  </a:lnTo>
                  <a:lnTo>
                    <a:pt x="475940" y="338538"/>
                  </a:lnTo>
                  <a:lnTo>
                    <a:pt x="475940" y="196381"/>
                  </a:lnTo>
                  <a:cubicBezTo>
                    <a:pt x="475940" y="171467"/>
                    <a:pt x="462801" y="153881"/>
                    <a:pt x="437982" y="153881"/>
                  </a:cubicBezTo>
                  <a:cubicBezTo>
                    <a:pt x="413163" y="153881"/>
                    <a:pt x="395644" y="175864"/>
                    <a:pt x="395644" y="205175"/>
                  </a:cubicBezTo>
                  <a:lnTo>
                    <a:pt x="395644" y="338538"/>
                  </a:lnTo>
                  <a:lnTo>
                    <a:pt x="318267" y="338538"/>
                  </a:lnTo>
                  <a:lnTo>
                    <a:pt x="318267" y="95260"/>
                  </a:lnTo>
                  <a:close/>
                  <a:moveTo>
                    <a:pt x="592736" y="0"/>
                  </a:moveTo>
                  <a:lnTo>
                    <a:pt x="670112" y="0"/>
                  </a:lnTo>
                  <a:lnTo>
                    <a:pt x="670112" y="63018"/>
                  </a:lnTo>
                  <a:lnTo>
                    <a:pt x="592736" y="63018"/>
                  </a:lnTo>
                  <a:lnTo>
                    <a:pt x="592736" y="0"/>
                  </a:lnTo>
                  <a:close/>
                  <a:moveTo>
                    <a:pt x="592736" y="95260"/>
                  </a:moveTo>
                  <a:lnTo>
                    <a:pt x="670112" y="95260"/>
                  </a:lnTo>
                  <a:lnTo>
                    <a:pt x="670112" y="337073"/>
                  </a:lnTo>
                  <a:lnTo>
                    <a:pt x="592736" y="337073"/>
                  </a:lnTo>
                  <a:lnTo>
                    <a:pt x="592736" y="95260"/>
                  </a:lnTo>
                  <a:close/>
                  <a:moveTo>
                    <a:pt x="729970" y="274055"/>
                  </a:moveTo>
                  <a:lnTo>
                    <a:pt x="729970" y="158278"/>
                  </a:lnTo>
                  <a:lnTo>
                    <a:pt x="697851" y="158278"/>
                  </a:lnTo>
                  <a:lnTo>
                    <a:pt x="697851" y="95260"/>
                  </a:lnTo>
                  <a:lnTo>
                    <a:pt x="729970" y="95260"/>
                  </a:lnTo>
                  <a:lnTo>
                    <a:pt x="729970" y="19052"/>
                  </a:lnTo>
                  <a:lnTo>
                    <a:pt x="804427" y="19052"/>
                  </a:lnTo>
                  <a:lnTo>
                    <a:pt x="804427" y="95260"/>
                  </a:lnTo>
                  <a:lnTo>
                    <a:pt x="848225" y="95260"/>
                  </a:lnTo>
                  <a:lnTo>
                    <a:pt x="848225" y="158278"/>
                  </a:lnTo>
                  <a:lnTo>
                    <a:pt x="804427" y="158278"/>
                  </a:lnTo>
                  <a:lnTo>
                    <a:pt x="804427" y="257934"/>
                  </a:lnTo>
                  <a:cubicBezTo>
                    <a:pt x="804427" y="276986"/>
                    <a:pt x="814646" y="281382"/>
                    <a:pt x="830706" y="281382"/>
                  </a:cubicBezTo>
                  <a:lnTo>
                    <a:pt x="848225" y="281382"/>
                  </a:lnTo>
                  <a:lnTo>
                    <a:pt x="848225" y="337073"/>
                  </a:lnTo>
                  <a:cubicBezTo>
                    <a:pt x="840925" y="338538"/>
                    <a:pt x="826326" y="341469"/>
                    <a:pt x="805887" y="341469"/>
                  </a:cubicBezTo>
                  <a:cubicBezTo>
                    <a:pt x="762089" y="341469"/>
                    <a:pt x="729970" y="326814"/>
                    <a:pt x="729970" y="274055"/>
                  </a:cubicBezTo>
                  <a:close/>
                  <a:moveTo>
                    <a:pt x="896403" y="357590"/>
                  </a:moveTo>
                  <a:lnTo>
                    <a:pt x="922682" y="357590"/>
                  </a:lnTo>
                  <a:cubicBezTo>
                    <a:pt x="944581" y="357590"/>
                    <a:pt x="954801" y="348797"/>
                    <a:pt x="954801" y="332676"/>
                  </a:cubicBezTo>
                  <a:cubicBezTo>
                    <a:pt x="954801" y="322417"/>
                    <a:pt x="950421" y="307762"/>
                    <a:pt x="940201" y="282848"/>
                  </a:cubicBezTo>
                  <a:lnTo>
                    <a:pt x="868664" y="96725"/>
                  </a:lnTo>
                  <a:lnTo>
                    <a:pt x="948961" y="96725"/>
                  </a:lnTo>
                  <a:lnTo>
                    <a:pt x="981080" y="199313"/>
                  </a:lnTo>
                  <a:cubicBezTo>
                    <a:pt x="988379" y="222761"/>
                    <a:pt x="995679" y="255003"/>
                    <a:pt x="995679" y="255003"/>
                  </a:cubicBezTo>
                  <a:lnTo>
                    <a:pt x="997139" y="255003"/>
                  </a:lnTo>
                  <a:cubicBezTo>
                    <a:pt x="997139" y="255003"/>
                    <a:pt x="1004439" y="222761"/>
                    <a:pt x="1011738" y="199313"/>
                  </a:cubicBezTo>
                  <a:lnTo>
                    <a:pt x="1043857" y="96725"/>
                  </a:lnTo>
                  <a:lnTo>
                    <a:pt x="1121234" y="96725"/>
                  </a:lnTo>
                  <a:lnTo>
                    <a:pt x="1038017" y="341469"/>
                  </a:lnTo>
                  <a:cubicBezTo>
                    <a:pt x="1019038" y="398625"/>
                    <a:pt x="995679" y="417677"/>
                    <a:pt x="947501" y="417677"/>
                  </a:cubicBezTo>
                  <a:lnTo>
                    <a:pt x="897863" y="417677"/>
                  </a:lnTo>
                  <a:lnTo>
                    <a:pt x="896403" y="357590"/>
                  </a:lnTo>
                  <a:close/>
                </a:path>
              </a:pathLst>
            </a:custGeom>
            <a:solidFill>
              <a:schemeClr val="tx1"/>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52" name="Freeform: Shape 51">
              <a:extLst>
                <a:ext uri="{FF2B5EF4-FFF2-40B4-BE49-F238E27FC236}">
                  <a16:creationId xmlns:a16="http://schemas.microsoft.com/office/drawing/2014/main" id="{866B98AD-E3B3-464E-40E1-2BD925BB8A2A}"/>
                </a:ext>
              </a:extLst>
            </p:cNvPr>
            <p:cNvSpPr/>
            <p:nvPr/>
          </p:nvSpPr>
          <p:spPr>
            <a:xfrm>
              <a:off x="4781411" y="4411638"/>
              <a:ext cx="620474" cy="703456"/>
            </a:xfrm>
            <a:custGeom>
              <a:avLst/>
              <a:gdLst>
                <a:gd name="connsiteX0" fmla="*/ 620474 w 620474"/>
                <a:gd name="connsiteY0" fmla="*/ 492419 h 703456"/>
                <a:gd name="connsiteX1" fmla="*/ 620474 w 620474"/>
                <a:gd name="connsiteY1" fmla="*/ 164140 h 703456"/>
                <a:gd name="connsiteX2" fmla="*/ 337246 w 620474"/>
                <a:gd name="connsiteY2" fmla="*/ 0 h 703456"/>
                <a:gd name="connsiteX3" fmla="*/ 337246 w 620474"/>
                <a:gd name="connsiteY3" fmla="*/ 126036 h 703456"/>
                <a:gd name="connsiteX4" fmla="*/ 448202 w 620474"/>
                <a:gd name="connsiteY4" fmla="*/ 190519 h 703456"/>
                <a:gd name="connsiteX5" fmla="*/ 448202 w 620474"/>
                <a:gd name="connsiteY5" fmla="*/ 200778 h 703456"/>
                <a:gd name="connsiteX6" fmla="*/ 316807 w 620474"/>
                <a:gd name="connsiteY6" fmla="*/ 276986 h 703456"/>
                <a:gd name="connsiteX7" fmla="*/ 305127 w 620474"/>
                <a:gd name="connsiteY7" fmla="*/ 276986 h 703456"/>
                <a:gd name="connsiteX8" fmla="*/ 173733 w 620474"/>
                <a:gd name="connsiteY8" fmla="*/ 200778 h 703456"/>
                <a:gd name="connsiteX9" fmla="*/ 173733 w 620474"/>
                <a:gd name="connsiteY9" fmla="*/ 190519 h 703456"/>
                <a:gd name="connsiteX10" fmla="*/ 284688 w 620474"/>
                <a:gd name="connsiteY10" fmla="*/ 126036 h 703456"/>
                <a:gd name="connsiteX11" fmla="*/ 284688 w 620474"/>
                <a:gd name="connsiteY11" fmla="*/ 0 h 703456"/>
                <a:gd name="connsiteX12" fmla="*/ 0 w 620474"/>
                <a:gd name="connsiteY12" fmla="*/ 164140 h 703456"/>
                <a:gd name="connsiteX13" fmla="*/ 0 w 620474"/>
                <a:gd name="connsiteY13" fmla="*/ 492419 h 703456"/>
                <a:gd name="connsiteX14" fmla="*/ 0 w 620474"/>
                <a:gd name="connsiteY14" fmla="*/ 490954 h 703456"/>
                <a:gd name="connsiteX15" fmla="*/ 0 w 620474"/>
                <a:gd name="connsiteY15" fmla="*/ 492419 h 703456"/>
                <a:gd name="connsiteX16" fmla="*/ 108036 w 620474"/>
                <a:gd name="connsiteY16" fmla="*/ 429401 h 703456"/>
                <a:gd name="connsiteX17" fmla="*/ 108036 w 620474"/>
                <a:gd name="connsiteY17" fmla="*/ 300434 h 703456"/>
                <a:gd name="connsiteX18" fmla="*/ 116795 w 620474"/>
                <a:gd name="connsiteY18" fmla="*/ 294572 h 703456"/>
                <a:gd name="connsiteX19" fmla="*/ 248190 w 620474"/>
                <a:gd name="connsiteY19" fmla="*/ 370780 h 703456"/>
                <a:gd name="connsiteX20" fmla="*/ 254030 w 620474"/>
                <a:gd name="connsiteY20" fmla="*/ 381039 h 703456"/>
                <a:gd name="connsiteX21" fmla="*/ 254030 w 620474"/>
                <a:gd name="connsiteY21" fmla="*/ 533454 h 703456"/>
                <a:gd name="connsiteX22" fmla="*/ 245270 w 620474"/>
                <a:gd name="connsiteY22" fmla="*/ 539316 h 703456"/>
                <a:gd name="connsiteX23" fmla="*/ 134314 w 620474"/>
                <a:gd name="connsiteY23" fmla="*/ 474833 h 703456"/>
                <a:gd name="connsiteX24" fmla="*/ 26279 w 620474"/>
                <a:gd name="connsiteY24" fmla="*/ 537851 h 703456"/>
                <a:gd name="connsiteX25" fmla="*/ 309507 w 620474"/>
                <a:gd name="connsiteY25" fmla="*/ 703456 h 703456"/>
                <a:gd name="connsiteX26" fmla="*/ 592736 w 620474"/>
                <a:gd name="connsiteY26" fmla="*/ 539316 h 703456"/>
                <a:gd name="connsiteX27" fmla="*/ 484700 w 620474"/>
                <a:gd name="connsiteY27" fmla="*/ 476298 h 703456"/>
                <a:gd name="connsiteX28" fmla="*/ 373745 w 620474"/>
                <a:gd name="connsiteY28" fmla="*/ 540782 h 703456"/>
                <a:gd name="connsiteX29" fmla="*/ 364985 w 620474"/>
                <a:gd name="connsiteY29" fmla="*/ 534920 h 703456"/>
                <a:gd name="connsiteX30" fmla="*/ 364985 w 620474"/>
                <a:gd name="connsiteY30" fmla="*/ 382504 h 703456"/>
                <a:gd name="connsiteX31" fmla="*/ 370825 w 620474"/>
                <a:gd name="connsiteY31" fmla="*/ 372245 h 703456"/>
                <a:gd name="connsiteX32" fmla="*/ 502219 w 620474"/>
                <a:gd name="connsiteY32" fmla="*/ 296038 h 703456"/>
                <a:gd name="connsiteX33" fmla="*/ 510979 w 620474"/>
                <a:gd name="connsiteY33" fmla="*/ 301900 h 703456"/>
                <a:gd name="connsiteX34" fmla="*/ 510979 w 620474"/>
                <a:gd name="connsiteY34" fmla="*/ 430867 h 703456"/>
                <a:gd name="connsiteX35" fmla="*/ 620474 w 620474"/>
                <a:gd name="connsiteY35" fmla="*/ 492419 h 70345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Lst>
              <a:rect l="l" t="t" r="r" b="b"/>
              <a:pathLst>
                <a:path w="620474" h="703456">
                  <a:moveTo>
                    <a:pt x="620474" y="492419"/>
                  </a:moveTo>
                  <a:lnTo>
                    <a:pt x="620474" y="164140"/>
                  </a:lnTo>
                  <a:lnTo>
                    <a:pt x="337246" y="0"/>
                  </a:lnTo>
                  <a:lnTo>
                    <a:pt x="337246" y="126036"/>
                  </a:lnTo>
                  <a:lnTo>
                    <a:pt x="448202" y="190519"/>
                  </a:lnTo>
                  <a:cubicBezTo>
                    <a:pt x="452581" y="193450"/>
                    <a:pt x="452581" y="199313"/>
                    <a:pt x="448202" y="200778"/>
                  </a:cubicBezTo>
                  <a:lnTo>
                    <a:pt x="316807" y="276986"/>
                  </a:lnTo>
                  <a:cubicBezTo>
                    <a:pt x="312427" y="279917"/>
                    <a:pt x="308047" y="278451"/>
                    <a:pt x="305127" y="276986"/>
                  </a:cubicBezTo>
                  <a:lnTo>
                    <a:pt x="173733" y="200778"/>
                  </a:lnTo>
                  <a:cubicBezTo>
                    <a:pt x="169353" y="199313"/>
                    <a:pt x="169353" y="191985"/>
                    <a:pt x="173733" y="190519"/>
                  </a:cubicBezTo>
                  <a:lnTo>
                    <a:pt x="284688" y="126036"/>
                  </a:lnTo>
                  <a:lnTo>
                    <a:pt x="284688" y="0"/>
                  </a:lnTo>
                  <a:lnTo>
                    <a:pt x="0" y="164140"/>
                  </a:lnTo>
                  <a:lnTo>
                    <a:pt x="0" y="492419"/>
                  </a:lnTo>
                  <a:lnTo>
                    <a:pt x="0" y="490954"/>
                  </a:lnTo>
                  <a:lnTo>
                    <a:pt x="0" y="492419"/>
                  </a:lnTo>
                  <a:lnTo>
                    <a:pt x="108036" y="429401"/>
                  </a:lnTo>
                  <a:lnTo>
                    <a:pt x="108036" y="300434"/>
                  </a:lnTo>
                  <a:cubicBezTo>
                    <a:pt x="108036" y="296038"/>
                    <a:pt x="113875" y="293107"/>
                    <a:pt x="116795" y="294572"/>
                  </a:cubicBezTo>
                  <a:lnTo>
                    <a:pt x="248190" y="370780"/>
                  </a:lnTo>
                  <a:cubicBezTo>
                    <a:pt x="252570" y="373711"/>
                    <a:pt x="254030" y="376642"/>
                    <a:pt x="254030" y="381039"/>
                  </a:cubicBezTo>
                  <a:lnTo>
                    <a:pt x="254030" y="533454"/>
                  </a:lnTo>
                  <a:cubicBezTo>
                    <a:pt x="254030" y="537851"/>
                    <a:pt x="248190" y="540782"/>
                    <a:pt x="245270" y="539316"/>
                  </a:cubicBezTo>
                  <a:lnTo>
                    <a:pt x="134314" y="474833"/>
                  </a:lnTo>
                  <a:lnTo>
                    <a:pt x="26279" y="537851"/>
                  </a:lnTo>
                  <a:lnTo>
                    <a:pt x="309507" y="703456"/>
                  </a:lnTo>
                  <a:lnTo>
                    <a:pt x="592736" y="539316"/>
                  </a:lnTo>
                  <a:lnTo>
                    <a:pt x="484700" y="476298"/>
                  </a:lnTo>
                  <a:lnTo>
                    <a:pt x="373745" y="540782"/>
                  </a:lnTo>
                  <a:cubicBezTo>
                    <a:pt x="369365" y="543713"/>
                    <a:pt x="364985" y="540782"/>
                    <a:pt x="364985" y="534920"/>
                  </a:cubicBezTo>
                  <a:lnTo>
                    <a:pt x="364985" y="382504"/>
                  </a:lnTo>
                  <a:cubicBezTo>
                    <a:pt x="364985" y="378108"/>
                    <a:pt x="367905" y="373711"/>
                    <a:pt x="370825" y="372245"/>
                  </a:cubicBezTo>
                  <a:lnTo>
                    <a:pt x="502219" y="296038"/>
                  </a:lnTo>
                  <a:cubicBezTo>
                    <a:pt x="506599" y="293107"/>
                    <a:pt x="510979" y="296038"/>
                    <a:pt x="510979" y="301900"/>
                  </a:cubicBezTo>
                  <a:lnTo>
                    <a:pt x="510979" y="430867"/>
                  </a:lnTo>
                  <a:lnTo>
                    <a:pt x="620474" y="492419"/>
                  </a:lnTo>
                  <a:close/>
                </a:path>
              </a:pathLst>
            </a:custGeom>
            <a:solidFill>
              <a:srgbClr val="CCCCCC"/>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53" name="Freeform: Shape 52">
              <a:extLst>
                <a:ext uri="{FF2B5EF4-FFF2-40B4-BE49-F238E27FC236}">
                  <a16:creationId xmlns:a16="http://schemas.microsoft.com/office/drawing/2014/main" id="{FD090354-9277-2E8C-3D64-A5D99CF0922C}"/>
                </a:ext>
              </a:extLst>
            </p:cNvPr>
            <p:cNvSpPr/>
            <p:nvPr/>
          </p:nvSpPr>
          <p:spPr>
            <a:xfrm>
              <a:off x="5090918" y="4575777"/>
              <a:ext cx="309507" cy="539316"/>
            </a:xfrm>
            <a:custGeom>
              <a:avLst/>
              <a:gdLst>
                <a:gd name="connsiteX0" fmla="*/ 0 w 309507"/>
                <a:gd name="connsiteY0" fmla="*/ 539316 h 539316"/>
                <a:gd name="connsiteX1" fmla="*/ 283228 w 309507"/>
                <a:gd name="connsiteY1" fmla="*/ 375177 h 539316"/>
                <a:gd name="connsiteX2" fmla="*/ 175193 w 309507"/>
                <a:gd name="connsiteY2" fmla="*/ 312159 h 539316"/>
                <a:gd name="connsiteX3" fmla="*/ 64237 w 309507"/>
                <a:gd name="connsiteY3" fmla="*/ 376642 h 539316"/>
                <a:gd name="connsiteX4" fmla="*/ 55478 w 309507"/>
                <a:gd name="connsiteY4" fmla="*/ 370780 h 539316"/>
                <a:gd name="connsiteX5" fmla="*/ 55478 w 309507"/>
                <a:gd name="connsiteY5" fmla="*/ 218364 h 539316"/>
                <a:gd name="connsiteX6" fmla="*/ 61317 w 309507"/>
                <a:gd name="connsiteY6" fmla="*/ 208106 h 539316"/>
                <a:gd name="connsiteX7" fmla="*/ 192712 w 309507"/>
                <a:gd name="connsiteY7" fmla="*/ 131898 h 539316"/>
                <a:gd name="connsiteX8" fmla="*/ 201472 w 309507"/>
                <a:gd name="connsiteY8" fmla="*/ 137760 h 539316"/>
                <a:gd name="connsiteX9" fmla="*/ 201472 w 309507"/>
                <a:gd name="connsiteY9" fmla="*/ 266727 h 539316"/>
                <a:gd name="connsiteX10" fmla="*/ 309507 w 309507"/>
                <a:gd name="connsiteY10" fmla="*/ 329745 h 539316"/>
                <a:gd name="connsiteX11" fmla="*/ 309507 w 309507"/>
                <a:gd name="connsiteY11" fmla="*/ 0 h 539316"/>
                <a:gd name="connsiteX12" fmla="*/ 0 w 309507"/>
                <a:gd name="connsiteY12" fmla="*/ 180261 h 539316"/>
                <a:gd name="connsiteX13" fmla="*/ 0 w 309507"/>
                <a:gd name="connsiteY13" fmla="*/ 539316 h 5393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309507" h="539316">
                  <a:moveTo>
                    <a:pt x="0" y="539316"/>
                  </a:moveTo>
                  <a:lnTo>
                    <a:pt x="283228" y="375177"/>
                  </a:lnTo>
                  <a:lnTo>
                    <a:pt x="175193" y="312159"/>
                  </a:lnTo>
                  <a:lnTo>
                    <a:pt x="64237" y="376642"/>
                  </a:lnTo>
                  <a:cubicBezTo>
                    <a:pt x="59858" y="379573"/>
                    <a:pt x="55478" y="376642"/>
                    <a:pt x="55478" y="370780"/>
                  </a:cubicBezTo>
                  <a:lnTo>
                    <a:pt x="55478" y="218364"/>
                  </a:lnTo>
                  <a:cubicBezTo>
                    <a:pt x="55478" y="213968"/>
                    <a:pt x="58398" y="209571"/>
                    <a:pt x="61317" y="208106"/>
                  </a:cubicBezTo>
                  <a:lnTo>
                    <a:pt x="192712" y="131898"/>
                  </a:lnTo>
                  <a:cubicBezTo>
                    <a:pt x="197092" y="128967"/>
                    <a:pt x="201472" y="131898"/>
                    <a:pt x="201472" y="137760"/>
                  </a:cubicBezTo>
                  <a:lnTo>
                    <a:pt x="201472" y="266727"/>
                  </a:lnTo>
                  <a:lnTo>
                    <a:pt x="309507" y="329745"/>
                  </a:lnTo>
                  <a:lnTo>
                    <a:pt x="309507" y="0"/>
                  </a:lnTo>
                  <a:lnTo>
                    <a:pt x="0" y="180261"/>
                  </a:lnTo>
                  <a:lnTo>
                    <a:pt x="0" y="539316"/>
                  </a:lnTo>
                  <a:close/>
                </a:path>
              </a:pathLst>
            </a:custGeom>
            <a:solidFill>
              <a:srgbClr val="A6A6A6"/>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54" name="Freeform: Shape 53">
              <a:extLst>
                <a:ext uri="{FF2B5EF4-FFF2-40B4-BE49-F238E27FC236}">
                  <a16:creationId xmlns:a16="http://schemas.microsoft.com/office/drawing/2014/main" id="{9EB43B3F-6475-B150-B0E1-80F5A5D79415}"/>
                </a:ext>
              </a:extLst>
            </p:cNvPr>
            <p:cNvSpPr/>
            <p:nvPr/>
          </p:nvSpPr>
          <p:spPr>
            <a:xfrm>
              <a:off x="4781411" y="4411638"/>
              <a:ext cx="619014" cy="344400"/>
            </a:xfrm>
            <a:custGeom>
              <a:avLst/>
              <a:gdLst>
                <a:gd name="connsiteX0" fmla="*/ 337246 w 619014"/>
                <a:gd name="connsiteY0" fmla="*/ 0 h 344400"/>
                <a:gd name="connsiteX1" fmla="*/ 337246 w 619014"/>
                <a:gd name="connsiteY1" fmla="*/ 126036 h 344400"/>
                <a:gd name="connsiteX2" fmla="*/ 448202 w 619014"/>
                <a:gd name="connsiteY2" fmla="*/ 190519 h 344400"/>
                <a:gd name="connsiteX3" fmla="*/ 448202 w 619014"/>
                <a:gd name="connsiteY3" fmla="*/ 200778 h 344400"/>
                <a:gd name="connsiteX4" fmla="*/ 316807 w 619014"/>
                <a:gd name="connsiteY4" fmla="*/ 276986 h 344400"/>
                <a:gd name="connsiteX5" fmla="*/ 305127 w 619014"/>
                <a:gd name="connsiteY5" fmla="*/ 276986 h 344400"/>
                <a:gd name="connsiteX6" fmla="*/ 173733 w 619014"/>
                <a:gd name="connsiteY6" fmla="*/ 200778 h 344400"/>
                <a:gd name="connsiteX7" fmla="*/ 173733 w 619014"/>
                <a:gd name="connsiteY7" fmla="*/ 190519 h 344400"/>
                <a:gd name="connsiteX8" fmla="*/ 284688 w 619014"/>
                <a:gd name="connsiteY8" fmla="*/ 126036 h 344400"/>
                <a:gd name="connsiteX9" fmla="*/ 284688 w 619014"/>
                <a:gd name="connsiteY9" fmla="*/ 0 h 344400"/>
                <a:gd name="connsiteX10" fmla="*/ 0 w 619014"/>
                <a:gd name="connsiteY10" fmla="*/ 164140 h 344400"/>
                <a:gd name="connsiteX11" fmla="*/ 309507 w 619014"/>
                <a:gd name="connsiteY11" fmla="*/ 344400 h 344400"/>
                <a:gd name="connsiteX12" fmla="*/ 619014 w 619014"/>
                <a:gd name="connsiteY12" fmla="*/ 164140 h 344400"/>
                <a:gd name="connsiteX13" fmla="*/ 337246 w 619014"/>
                <a:gd name="connsiteY13" fmla="*/ 0 h 3444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619014" h="344400">
                  <a:moveTo>
                    <a:pt x="337246" y="0"/>
                  </a:moveTo>
                  <a:lnTo>
                    <a:pt x="337246" y="126036"/>
                  </a:lnTo>
                  <a:lnTo>
                    <a:pt x="448202" y="190519"/>
                  </a:lnTo>
                  <a:cubicBezTo>
                    <a:pt x="452581" y="193450"/>
                    <a:pt x="452581" y="199313"/>
                    <a:pt x="448202" y="200778"/>
                  </a:cubicBezTo>
                  <a:lnTo>
                    <a:pt x="316807" y="276986"/>
                  </a:lnTo>
                  <a:cubicBezTo>
                    <a:pt x="312427" y="279917"/>
                    <a:pt x="308047" y="278451"/>
                    <a:pt x="305127" y="276986"/>
                  </a:cubicBezTo>
                  <a:lnTo>
                    <a:pt x="173733" y="200778"/>
                  </a:lnTo>
                  <a:cubicBezTo>
                    <a:pt x="169353" y="199313"/>
                    <a:pt x="169353" y="191985"/>
                    <a:pt x="173733" y="190519"/>
                  </a:cubicBezTo>
                  <a:lnTo>
                    <a:pt x="284688" y="126036"/>
                  </a:lnTo>
                  <a:lnTo>
                    <a:pt x="284688" y="0"/>
                  </a:lnTo>
                  <a:lnTo>
                    <a:pt x="0" y="164140"/>
                  </a:lnTo>
                  <a:lnTo>
                    <a:pt x="309507" y="344400"/>
                  </a:lnTo>
                  <a:lnTo>
                    <a:pt x="619014" y="164140"/>
                  </a:lnTo>
                  <a:lnTo>
                    <a:pt x="337246" y="0"/>
                  </a:lnTo>
                  <a:close/>
                </a:path>
              </a:pathLst>
            </a:custGeom>
            <a:solidFill>
              <a:srgbClr val="FFFFFF"/>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55" name="Freeform: Shape 54">
              <a:extLst>
                <a:ext uri="{FF2B5EF4-FFF2-40B4-BE49-F238E27FC236}">
                  <a16:creationId xmlns:a16="http://schemas.microsoft.com/office/drawing/2014/main" id="{D316605D-41F7-A024-15D4-1FEAFE3305FE}"/>
                </a:ext>
              </a:extLst>
            </p:cNvPr>
            <p:cNvSpPr/>
            <p:nvPr/>
          </p:nvSpPr>
          <p:spPr>
            <a:xfrm>
              <a:off x="4781411" y="4575777"/>
              <a:ext cx="310967" cy="539316"/>
            </a:xfrm>
            <a:custGeom>
              <a:avLst/>
              <a:gdLst>
                <a:gd name="connsiteX0" fmla="*/ 246730 w 310967"/>
                <a:gd name="connsiteY0" fmla="*/ 376642 h 539316"/>
                <a:gd name="connsiteX1" fmla="*/ 135774 w 310967"/>
                <a:gd name="connsiteY1" fmla="*/ 312159 h 539316"/>
                <a:gd name="connsiteX2" fmla="*/ 27739 w 310967"/>
                <a:gd name="connsiteY2" fmla="*/ 375177 h 539316"/>
                <a:gd name="connsiteX3" fmla="*/ 310967 w 310967"/>
                <a:gd name="connsiteY3" fmla="*/ 539316 h 539316"/>
                <a:gd name="connsiteX4" fmla="*/ 310967 w 310967"/>
                <a:gd name="connsiteY4" fmla="*/ 180261 h 539316"/>
                <a:gd name="connsiteX5" fmla="*/ 0 w 310967"/>
                <a:gd name="connsiteY5" fmla="*/ 0 h 539316"/>
                <a:gd name="connsiteX6" fmla="*/ 0 w 310967"/>
                <a:gd name="connsiteY6" fmla="*/ 328279 h 539316"/>
                <a:gd name="connsiteX7" fmla="*/ 0 w 310967"/>
                <a:gd name="connsiteY7" fmla="*/ 326814 h 539316"/>
                <a:gd name="connsiteX8" fmla="*/ 0 w 310967"/>
                <a:gd name="connsiteY8" fmla="*/ 328279 h 539316"/>
                <a:gd name="connsiteX9" fmla="*/ 108036 w 310967"/>
                <a:gd name="connsiteY9" fmla="*/ 265262 h 539316"/>
                <a:gd name="connsiteX10" fmla="*/ 108036 w 310967"/>
                <a:gd name="connsiteY10" fmla="*/ 136295 h 539316"/>
                <a:gd name="connsiteX11" fmla="*/ 116795 w 310967"/>
                <a:gd name="connsiteY11" fmla="*/ 130432 h 539316"/>
                <a:gd name="connsiteX12" fmla="*/ 248190 w 310967"/>
                <a:gd name="connsiteY12" fmla="*/ 206640 h 539316"/>
                <a:gd name="connsiteX13" fmla="*/ 254030 w 310967"/>
                <a:gd name="connsiteY13" fmla="*/ 216899 h 539316"/>
                <a:gd name="connsiteX14" fmla="*/ 254030 w 310967"/>
                <a:gd name="connsiteY14" fmla="*/ 369314 h 539316"/>
                <a:gd name="connsiteX15" fmla="*/ 246730 w 310967"/>
                <a:gd name="connsiteY15" fmla="*/ 376642 h 5393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310967" h="539316">
                  <a:moveTo>
                    <a:pt x="246730" y="376642"/>
                  </a:moveTo>
                  <a:lnTo>
                    <a:pt x="135774" y="312159"/>
                  </a:lnTo>
                  <a:lnTo>
                    <a:pt x="27739" y="375177"/>
                  </a:lnTo>
                  <a:lnTo>
                    <a:pt x="310967" y="539316"/>
                  </a:lnTo>
                  <a:lnTo>
                    <a:pt x="310967" y="180261"/>
                  </a:lnTo>
                  <a:lnTo>
                    <a:pt x="0" y="0"/>
                  </a:lnTo>
                  <a:lnTo>
                    <a:pt x="0" y="328279"/>
                  </a:lnTo>
                  <a:lnTo>
                    <a:pt x="0" y="326814"/>
                  </a:lnTo>
                  <a:lnTo>
                    <a:pt x="0" y="328279"/>
                  </a:lnTo>
                  <a:lnTo>
                    <a:pt x="108036" y="265262"/>
                  </a:lnTo>
                  <a:lnTo>
                    <a:pt x="108036" y="136295"/>
                  </a:lnTo>
                  <a:cubicBezTo>
                    <a:pt x="108036" y="131898"/>
                    <a:pt x="113875" y="128967"/>
                    <a:pt x="116795" y="130432"/>
                  </a:cubicBezTo>
                  <a:lnTo>
                    <a:pt x="248190" y="206640"/>
                  </a:lnTo>
                  <a:cubicBezTo>
                    <a:pt x="252570" y="209571"/>
                    <a:pt x="254030" y="212502"/>
                    <a:pt x="254030" y="216899"/>
                  </a:cubicBezTo>
                  <a:lnTo>
                    <a:pt x="254030" y="369314"/>
                  </a:lnTo>
                  <a:cubicBezTo>
                    <a:pt x="255489" y="375177"/>
                    <a:pt x="251110" y="379573"/>
                    <a:pt x="246730" y="376642"/>
                  </a:cubicBezTo>
                  <a:close/>
                </a:path>
              </a:pathLst>
            </a:custGeom>
            <a:solidFill>
              <a:srgbClr val="CCCCCC"/>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grpSp>
      <p:pic>
        <p:nvPicPr>
          <p:cNvPr id="56" name="Picture 55" descr="Graphical user interface, text, application&#10;&#10;Description automatically generated">
            <a:extLst>
              <a:ext uri="{FF2B5EF4-FFF2-40B4-BE49-F238E27FC236}">
                <a16:creationId xmlns:a16="http://schemas.microsoft.com/office/drawing/2014/main" id="{E56D622D-CEC9-DDF2-705B-801564F04E07}"/>
              </a:ext>
            </a:extLst>
          </p:cNvPr>
          <p:cNvPicPr>
            <a:picLocks noChangeAspect="1"/>
          </p:cNvPicPr>
          <p:nvPr/>
        </p:nvPicPr>
        <p:blipFill rotWithShape="1">
          <a:blip r:embed="rId22" cstate="screen">
            <a:extLst>
              <a:ext uri="{28A0092B-C50C-407E-A947-70E740481C1C}">
                <a14:useLocalDpi xmlns:a14="http://schemas.microsoft.com/office/drawing/2010/main" val="0"/>
              </a:ext>
            </a:extLst>
          </a:blip>
          <a:srcRect/>
          <a:stretch/>
        </p:blipFill>
        <p:spPr>
          <a:xfrm>
            <a:off x="6625963" y="5474968"/>
            <a:ext cx="1114947" cy="277624"/>
          </a:xfrm>
          <a:prstGeom prst="rect">
            <a:avLst/>
          </a:prstGeom>
        </p:spPr>
      </p:pic>
      <p:pic>
        <p:nvPicPr>
          <p:cNvPr id="57" name="Picture 56" descr="A picture containing nature&#10;&#10;Description automatically generated">
            <a:extLst>
              <a:ext uri="{FF2B5EF4-FFF2-40B4-BE49-F238E27FC236}">
                <a16:creationId xmlns:a16="http://schemas.microsoft.com/office/drawing/2014/main" id="{26883735-F273-CE33-78EA-F8D625106374}"/>
              </a:ext>
            </a:extLst>
          </p:cNvPr>
          <p:cNvPicPr>
            <a:picLocks noChangeAspect="1"/>
          </p:cNvPicPr>
          <p:nvPr/>
        </p:nvPicPr>
        <p:blipFill rotWithShape="1">
          <a:blip r:embed="rId23" cstate="screen">
            <a:extLst>
              <a:ext uri="{28A0092B-C50C-407E-A947-70E740481C1C}">
                <a14:useLocalDpi xmlns:a14="http://schemas.microsoft.com/office/drawing/2010/main" val="0"/>
              </a:ext>
            </a:extLst>
          </a:blip>
          <a:srcRect/>
          <a:stretch/>
        </p:blipFill>
        <p:spPr>
          <a:xfrm>
            <a:off x="589886" y="2725728"/>
            <a:ext cx="1340024" cy="465548"/>
          </a:xfrm>
          <a:prstGeom prst="rect">
            <a:avLst/>
          </a:prstGeom>
        </p:spPr>
      </p:pic>
      <p:pic>
        <p:nvPicPr>
          <p:cNvPr id="58" name="Picture 57">
            <a:extLst>
              <a:ext uri="{FF2B5EF4-FFF2-40B4-BE49-F238E27FC236}">
                <a16:creationId xmlns:a16="http://schemas.microsoft.com/office/drawing/2014/main" id="{93FE3EAF-BA8F-9E76-CFF1-C0FB88119204}"/>
              </a:ext>
            </a:extLst>
          </p:cNvPr>
          <p:cNvPicPr>
            <a:picLocks noChangeAspect="1"/>
          </p:cNvPicPr>
          <p:nvPr/>
        </p:nvPicPr>
        <p:blipFill>
          <a:blip r:embed="rId24" cstate="screen">
            <a:extLst>
              <a:ext uri="{28A0092B-C50C-407E-A947-70E740481C1C}">
                <a14:useLocalDpi xmlns:a14="http://schemas.microsoft.com/office/drawing/2010/main" val="0"/>
              </a:ext>
            </a:extLst>
          </a:blip>
          <a:stretch>
            <a:fillRect/>
          </a:stretch>
        </p:blipFill>
        <p:spPr>
          <a:xfrm>
            <a:off x="2315166" y="5791720"/>
            <a:ext cx="1501459" cy="312385"/>
          </a:xfrm>
          <a:prstGeom prst="rect">
            <a:avLst/>
          </a:prstGeom>
        </p:spPr>
      </p:pic>
      <p:pic>
        <p:nvPicPr>
          <p:cNvPr id="59" name="Picture 58" descr="A picture containing text, weapon, clipart&#10;&#10;Description automatically generated">
            <a:extLst>
              <a:ext uri="{FF2B5EF4-FFF2-40B4-BE49-F238E27FC236}">
                <a16:creationId xmlns:a16="http://schemas.microsoft.com/office/drawing/2014/main" id="{E7F00A11-0A01-FFFF-E43E-B92183D6CA0B}"/>
              </a:ext>
            </a:extLst>
          </p:cNvPr>
          <p:cNvPicPr>
            <a:picLocks noChangeAspect="1"/>
          </p:cNvPicPr>
          <p:nvPr/>
        </p:nvPicPr>
        <p:blipFill>
          <a:blip r:embed="rId25" cstate="screen">
            <a:extLst>
              <a:ext uri="{28A0092B-C50C-407E-A947-70E740481C1C}">
                <a14:useLocalDpi xmlns:a14="http://schemas.microsoft.com/office/drawing/2010/main" val="0"/>
              </a:ext>
            </a:extLst>
          </a:blip>
          <a:stretch>
            <a:fillRect/>
          </a:stretch>
        </p:blipFill>
        <p:spPr>
          <a:xfrm>
            <a:off x="2697120" y="2756825"/>
            <a:ext cx="1008386" cy="403355"/>
          </a:xfrm>
          <a:prstGeom prst="rect">
            <a:avLst/>
          </a:prstGeom>
        </p:spPr>
      </p:pic>
      <p:pic>
        <p:nvPicPr>
          <p:cNvPr id="60" name="Picture 59" descr="Logo&#10;&#10;Description automatically generated">
            <a:extLst>
              <a:ext uri="{FF2B5EF4-FFF2-40B4-BE49-F238E27FC236}">
                <a16:creationId xmlns:a16="http://schemas.microsoft.com/office/drawing/2014/main" id="{412F3613-CBE1-8C2F-0ECB-1C594EC47573}"/>
              </a:ext>
            </a:extLst>
          </p:cNvPr>
          <p:cNvPicPr>
            <a:picLocks noChangeAspect="1"/>
          </p:cNvPicPr>
          <p:nvPr/>
        </p:nvPicPr>
        <p:blipFill>
          <a:blip r:embed="rId26" cstate="screen">
            <a:extLst>
              <a:ext uri="{28A0092B-C50C-407E-A947-70E740481C1C}">
                <a14:useLocalDpi xmlns:a14="http://schemas.microsoft.com/office/drawing/2010/main" val="0"/>
              </a:ext>
            </a:extLst>
          </a:blip>
          <a:stretch>
            <a:fillRect/>
          </a:stretch>
        </p:blipFill>
        <p:spPr>
          <a:xfrm>
            <a:off x="8498635" y="4185816"/>
            <a:ext cx="1217806" cy="261423"/>
          </a:xfrm>
          <a:prstGeom prst="rect">
            <a:avLst/>
          </a:prstGeom>
        </p:spPr>
      </p:pic>
      <p:pic>
        <p:nvPicPr>
          <p:cNvPr id="61" name="Picture 60">
            <a:extLst>
              <a:ext uri="{FF2B5EF4-FFF2-40B4-BE49-F238E27FC236}">
                <a16:creationId xmlns:a16="http://schemas.microsoft.com/office/drawing/2014/main" id="{A5608476-B374-C6F1-761B-FAAB372D3A99}"/>
              </a:ext>
            </a:extLst>
          </p:cNvPr>
          <p:cNvPicPr>
            <a:picLocks noChangeAspect="1"/>
          </p:cNvPicPr>
          <p:nvPr/>
        </p:nvPicPr>
        <p:blipFill>
          <a:blip r:embed="rId27" cstate="screen">
            <a:extLst>
              <a:ext uri="{28A0092B-C50C-407E-A947-70E740481C1C}">
                <a14:useLocalDpi xmlns:a14="http://schemas.microsoft.com/office/drawing/2010/main" val="0"/>
              </a:ext>
            </a:extLst>
          </a:blip>
          <a:stretch>
            <a:fillRect/>
          </a:stretch>
        </p:blipFill>
        <p:spPr>
          <a:xfrm>
            <a:off x="2777026" y="4714941"/>
            <a:ext cx="898064" cy="298395"/>
          </a:xfrm>
          <a:prstGeom prst="rect">
            <a:avLst/>
          </a:prstGeom>
        </p:spPr>
      </p:pic>
      <p:pic>
        <p:nvPicPr>
          <p:cNvPr id="62" name="Picture 61">
            <a:extLst>
              <a:ext uri="{FF2B5EF4-FFF2-40B4-BE49-F238E27FC236}">
                <a16:creationId xmlns:a16="http://schemas.microsoft.com/office/drawing/2014/main" id="{48A30157-0291-851F-D2CC-3AC3FBAA5B76}"/>
              </a:ext>
            </a:extLst>
          </p:cNvPr>
          <p:cNvPicPr>
            <a:picLocks noChangeAspect="1"/>
          </p:cNvPicPr>
          <p:nvPr/>
        </p:nvPicPr>
        <p:blipFill>
          <a:blip r:embed="rId28">
            <a:extLst>
              <a:ext uri="{28A0092B-C50C-407E-A947-70E740481C1C}">
                <a14:useLocalDpi xmlns:a14="http://schemas.microsoft.com/office/drawing/2010/main" val="0"/>
              </a:ext>
            </a:extLst>
          </a:blip>
          <a:stretch>
            <a:fillRect/>
          </a:stretch>
        </p:blipFill>
        <p:spPr>
          <a:xfrm>
            <a:off x="774886" y="5752708"/>
            <a:ext cx="1109569" cy="347502"/>
          </a:xfrm>
          <a:prstGeom prst="rect">
            <a:avLst/>
          </a:prstGeom>
        </p:spPr>
      </p:pic>
      <p:sp>
        <p:nvSpPr>
          <p:cNvPr id="63" name="TextBox 62">
            <a:extLst>
              <a:ext uri="{FF2B5EF4-FFF2-40B4-BE49-F238E27FC236}">
                <a16:creationId xmlns:a16="http://schemas.microsoft.com/office/drawing/2014/main" id="{88FA8CF3-D238-2E9D-E6E7-CD53188944D5}"/>
              </a:ext>
            </a:extLst>
          </p:cNvPr>
          <p:cNvSpPr txBox="1"/>
          <p:nvPr/>
        </p:nvSpPr>
        <p:spPr>
          <a:xfrm>
            <a:off x="584625" y="5294907"/>
            <a:ext cx="3623457" cy="312385"/>
          </a:xfrm>
          <a:prstGeom prst="rect">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txBody>
          <a:bodyPr wrap="square" lIns="90357" tIns="45171" rIns="90357" bIns="45171"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AI BASED TOOLS</a:t>
            </a:r>
          </a:p>
        </p:txBody>
      </p:sp>
      <p:grpSp>
        <p:nvGrpSpPr>
          <p:cNvPr id="64" name="Group 63">
            <a:extLst>
              <a:ext uri="{FF2B5EF4-FFF2-40B4-BE49-F238E27FC236}">
                <a16:creationId xmlns:a16="http://schemas.microsoft.com/office/drawing/2014/main" id="{CA673F22-1D3F-0E1F-8467-7CFE7F761143}"/>
              </a:ext>
            </a:extLst>
          </p:cNvPr>
          <p:cNvGrpSpPr/>
          <p:nvPr/>
        </p:nvGrpSpPr>
        <p:grpSpPr>
          <a:xfrm>
            <a:off x="2289030" y="6242838"/>
            <a:ext cx="1276930" cy="358677"/>
            <a:chOff x="655028" y="5791378"/>
            <a:chExt cx="1699594" cy="433999"/>
          </a:xfrm>
        </p:grpSpPr>
        <p:sp>
          <p:nvSpPr>
            <p:cNvPr id="65" name="Freeform: Shape 64">
              <a:extLst>
                <a:ext uri="{FF2B5EF4-FFF2-40B4-BE49-F238E27FC236}">
                  <a16:creationId xmlns:a16="http://schemas.microsoft.com/office/drawing/2014/main" id="{D6CF5A0C-3C17-D178-FAF8-3F9E380C884B}"/>
                </a:ext>
              </a:extLst>
            </p:cNvPr>
            <p:cNvSpPr/>
            <p:nvPr/>
          </p:nvSpPr>
          <p:spPr>
            <a:xfrm>
              <a:off x="655028" y="5791378"/>
              <a:ext cx="425687" cy="366392"/>
            </a:xfrm>
            <a:custGeom>
              <a:avLst/>
              <a:gdLst>
                <a:gd name="connsiteX0" fmla="*/ 156130 w 425687"/>
                <a:gd name="connsiteY0" fmla="*/ 67593 h 366392"/>
                <a:gd name="connsiteX1" fmla="*/ 420989 w 425687"/>
                <a:gd name="connsiteY1" fmla="*/ 67593 h 366392"/>
                <a:gd name="connsiteX2" fmla="*/ 424760 w 425687"/>
                <a:gd name="connsiteY2" fmla="*/ 50767 h 366392"/>
                <a:gd name="connsiteX3" fmla="*/ 383856 w 425687"/>
                <a:gd name="connsiteY3" fmla="*/ 0 h 366392"/>
                <a:gd name="connsiteX4" fmla="*/ 126540 w 425687"/>
                <a:gd name="connsiteY4" fmla="*/ 0 h 366392"/>
                <a:gd name="connsiteX5" fmla="*/ 57207 w 425687"/>
                <a:gd name="connsiteY5" fmla="*/ 55699 h 366392"/>
                <a:gd name="connsiteX6" fmla="*/ 928 w 425687"/>
                <a:gd name="connsiteY6" fmla="*/ 315626 h 366392"/>
                <a:gd name="connsiteX7" fmla="*/ 41832 w 425687"/>
                <a:gd name="connsiteY7" fmla="*/ 366393 h 366392"/>
                <a:gd name="connsiteX8" fmla="*/ 57497 w 425687"/>
                <a:gd name="connsiteY8" fmla="*/ 366393 h 366392"/>
                <a:gd name="connsiteX9" fmla="*/ 114936 w 425687"/>
                <a:gd name="connsiteY9" fmla="*/ 100664 h 366392"/>
                <a:gd name="connsiteX10" fmla="*/ 156130 w 425687"/>
                <a:gd name="connsiteY10" fmla="*/ 67593 h 3663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25687" h="366392">
                  <a:moveTo>
                    <a:pt x="156130" y="67593"/>
                  </a:moveTo>
                  <a:lnTo>
                    <a:pt x="420989" y="67593"/>
                  </a:lnTo>
                  <a:lnTo>
                    <a:pt x="424760" y="50767"/>
                  </a:lnTo>
                  <a:cubicBezTo>
                    <a:pt x="430272" y="24658"/>
                    <a:pt x="410545" y="0"/>
                    <a:pt x="383856" y="0"/>
                  </a:cubicBezTo>
                  <a:lnTo>
                    <a:pt x="126540" y="0"/>
                  </a:lnTo>
                  <a:cubicBezTo>
                    <a:pt x="93179" y="0"/>
                    <a:pt x="64459" y="23208"/>
                    <a:pt x="57207" y="55699"/>
                  </a:cubicBezTo>
                  <a:lnTo>
                    <a:pt x="928" y="315626"/>
                  </a:lnTo>
                  <a:cubicBezTo>
                    <a:pt x="-4584" y="341735"/>
                    <a:pt x="15143" y="366393"/>
                    <a:pt x="41832" y="366393"/>
                  </a:cubicBezTo>
                  <a:lnTo>
                    <a:pt x="57497" y="366393"/>
                  </a:lnTo>
                  <a:lnTo>
                    <a:pt x="114936" y="100664"/>
                  </a:lnTo>
                  <a:cubicBezTo>
                    <a:pt x="119287" y="81517"/>
                    <a:pt x="136403" y="67593"/>
                    <a:pt x="156130" y="67593"/>
                  </a:cubicBezTo>
                  <a:close/>
                </a:path>
              </a:pathLst>
            </a:custGeom>
            <a:solidFill>
              <a:srgbClr val="00CDFA"/>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66" name="Freeform: Shape 65">
              <a:extLst>
                <a:ext uri="{FF2B5EF4-FFF2-40B4-BE49-F238E27FC236}">
                  <a16:creationId xmlns:a16="http://schemas.microsoft.com/office/drawing/2014/main" id="{D76ACA4D-A24E-08FC-B00B-3A31684F7BA0}"/>
                </a:ext>
              </a:extLst>
            </p:cNvPr>
            <p:cNvSpPr/>
            <p:nvPr/>
          </p:nvSpPr>
          <p:spPr>
            <a:xfrm>
              <a:off x="708116" y="5858984"/>
              <a:ext cx="425677" cy="366393"/>
            </a:xfrm>
            <a:custGeom>
              <a:avLst/>
              <a:gdLst>
                <a:gd name="connsiteX0" fmla="*/ 383567 w 425677"/>
                <a:gd name="connsiteY0" fmla="*/ 0 h 366393"/>
                <a:gd name="connsiteX1" fmla="*/ 367900 w 425677"/>
                <a:gd name="connsiteY1" fmla="*/ 0 h 366393"/>
                <a:gd name="connsiteX2" fmla="*/ 310461 w 425677"/>
                <a:gd name="connsiteY2" fmla="*/ 265729 h 366393"/>
                <a:gd name="connsiteX3" fmla="*/ 269558 w 425677"/>
                <a:gd name="connsiteY3" fmla="*/ 298800 h 366393"/>
                <a:gd name="connsiteX4" fmla="*/ 4699 w 425677"/>
                <a:gd name="connsiteY4" fmla="*/ 298800 h 366393"/>
                <a:gd name="connsiteX5" fmla="*/ 928 w 425677"/>
                <a:gd name="connsiteY5" fmla="*/ 315626 h 366393"/>
                <a:gd name="connsiteX6" fmla="*/ 41832 w 425677"/>
                <a:gd name="connsiteY6" fmla="*/ 366393 h 366393"/>
                <a:gd name="connsiteX7" fmla="*/ 299148 w 425677"/>
                <a:gd name="connsiteY7" fmla="*/ 366393 h 366393"/>
                <a:gd name="connsiteX8" fmla="*/ 368481 w 425677"/>
                <a:gd name="connsiteY8" fmla="*/ 310694 h 366393"/>
                <a:gd name="connsiteX9" fmla="*/ 424760 w 425677"/>
                <a:gd name="connsiteY9" fmla="*/ 51057 h 366393"/>
                <a:gd name="connsiteX10" fmla="*/ 383567 w 425677"/>
                <a:gd name="connsiteY10" fmla="*/ 0 h 36639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25677" h="366393">
                  <a:moveTo>
                    <a:pt x="383567" y="0"/>
                  </a:moveTo>
                  <a:lnTo>
                    <a:pt x="367900" y="0"/>
                  </a:lnTo>
                  <a:lnTo>
                    <a:pt x="310461" y="265729"/>
                  </a:lnTo>
                  <a:cubicBezTo>
                    <a:pt x="306401" y="284876"/>
                    <a:pt x="289285" y="298800"/>
                    <a:pt x="269558" y="298800"/>
                  </a:cubicBezTo>
                  <a:lnTo>
                    <a:pt x="4699" y="298800"/>
                  </a:lnTo>
                  <a:lnTo>
                    <a:pt x="928" y="315626"/>
                  </a:lnTo>
                  <a:cubicBezTo>
                    <a:pt x="-4584" y="341734"/>
                    <a:pt x="15143" y="366393"/>
                    <a:pt x="41832" y="366393"/>
                  </a:cubicBezTo>
                  <a:lnTo>
                    <a:pt x="299148" y="366393"/>
                  </a:lnTo>
                  <a:cubicBezTo>
                    <a:pt x="332510" y="366393"/>
                    <a:pt x="361229" y="343185"/>
                    <a:pt x="368481" y="310694"/>
                  </a:cubicBezTo>
                  <a:lnTo>
                    <a:pt x="424760" y="51057"/>
                  </a:lnTo>
                  <a:cubicBezTo>
                    <a:pt x="430272" y="24658"/>
                    <a:pt x="410255" y="0"/>
                    <a:pt x="383567" y="0"/>
                  </a:cubicBezTo>
                  <a:close/>
                </a:path>
              </a:pathLst>
            </a:custGeom>
            <a:gradFill>
              <a:gsLst>
                <a:gs pos="0">
                  <a:srgbClr val="FFB3FF"/>
                </a:gs>
                <a:gs pos="53350">
                  <a:srgbClr val="FF76DF"/>
                </a:gs>
                <a:gs pos="100000">
                  <a:srgbClr val="C239C6"/>
                </a:gs>
              </a:gsLst>
              <a:lin ang="0" scaled="1"/>
            </a:gra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67" name="Freeform: Shape 66">
              <a:extLst>
                <a:ext uri="{FF2B5EF4-FFF2-40B4-BE49-F238E27FC236}">
                  <a16:creationId xmlns:a16="http://schemas.microsoft.com/office/drawing/2014/main" id="{A6E7B3BD-BF78-8C94-3559-C0859ECC8823}"/>
                </a:ext>
              </a:extLst>
            </p:cNvPr>
            <p:cNvSpPr/>
            <p:nvPr/>
          </p:nvSpPr>
          <p:spPr>
            <a:xfrm>
              <a:off x="712810" y="5858984"/>
              <a:ext cx="363201" cy="298799"/>
            </a:xfrm>
            <a:custGeom>
              <a:avLst/>
              <a:gdLst>
                <a:gd name="connsiteX0" fmla="*/ 305763 w 363201"/>
                <a:gd name="connsiteY0" fmla="*/ 265729 h 298799"/>
                <a:gd name="connsiteX1" fmla="*/ 363202 w 363201"/>
                <a:gd name="connsiteY1" fmla="*/ 0 h 298799"/>
                <a:gd name="connsiteX2" fmla="*/ 98342 w 363201"/>
                <a:gd name="connsiteY2" fmla="*/ 0 h 298799"/>
                <a:gd name="connsiteX3" fmla="*/ 57439 w 363201"/>
                <a:gd name="connsiteY3" fmla="*/ 33071 h 298799"/>
                <a:gd name="connsiteX4" fmla="*/ 0 w 363201"/>
                <a:gd name="connsiteY4" fmla="*/ 298800 h 298799"/>
                <a:gd name="connsiteX5" fmla="*/ 264859 w 363201"/>
                <a:gd name="connsiteY5" fmla="*/ 298800 h 298799"/>
                <a:gd name="connsiteX6" fmla="*/ 305763 w 363201"/>
                <a:gd name="connsiteY6" fmla="*/ 265729 h 298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63201" h="298799">
                  <a:moveTo>
                    <a:pt x="305763" y="265729"/>
                  </a:moveTo>
                  <a:lnTo>
                    <a:pt x="363202" y="0"/>
                  </a:lnTo>
                  <a:lnTo>
                    <a:pt x="98342" y="0"/>
                  </a:lnTo>
                  <a:cubicBezTo>
                    <a:pt x="78617" y="0"/>
                    <a:pt x="61501" y="13635"/>
                    <a:pt x="57439" y="33071"/>
                  </a:cubicBezTo>
                  <a:lnTo>
                    <a:pt x="0" y="298800"/>
                  </a:lnTo>
                  <a:lnTo>
                    <a:pt x="264859" y="298800"/>
                  </a:lnTo>
                  <a:cubicBezTo>
                    <a:pt x="284585" y="298800"/>
                    <a:pt x="301411" y="284876"/>
                    <a:pt x="305763" y="265729"/>
                  </a:cubicBezTo>
                  <a:close/>
                </a:path>
              </a:pathLst>
            </a:custGeom>
            <a:solidFill>
              <a:srgbClr val="3A00FF"/>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68" name="Freeform: Shape 67">
              <a:extLst>
                <a:ext uri="{FF2B5EF4-FFF2-40B4-BE49-F238E27FC236}">
                  <a16:creationId xmlns:a16="http://schemas.microsoft.com/office/drawing/2014/main" id="{215C97E0-CD77-BECD-463C-3D92275B2D4B}"/>
                </a:ext>
              </a:extLst>
            </p:cNvPr>
            <p:cNvSpPr/>
            <p:nvPr/>
          </p:nvSpPr>
          <p:spPr>
            <a:xfrm>
              <a:off x="779813" y="5956737"/>
              <a:ext cx="159759" cy="99644"/>
            </a:xfrm>
            <a:custGeom>
              <a:avLst/>
              <a:gdLst>
                <a:gd name="connsiteX0" fmla="*/ 19168 w 159759"/>
                <a:gd name="connsiteY0" fmla="*/ 99644 h 99644"/>
                <a:gd name="connsiteX1" fmla="*/ 0 w 159759"/>
                <a:gd name="connsiteY1" fmla="*/ 0 h 99644"/>
                <a:gd name="connsiteX2" fmla="*/ 30057 w 159759"/>
                <a:gd name="connsiteY2" fmla="*/ 0 h 99644"/>
                <a:gd name="connsiteX3" fmla="*/ 39314 w 159759"/>
                <a:gd name="connsiteY3" fmla="*/ 62182 h 99644"/>
                <a:gd name="connsiteX4" fmla="*/ 69698 w 159759"/>
                <a:gd name="connsiteY4" fmla="*/ 0 h 99644"/>
                <a:gd name="connsiteX5" fmla="*/ 89953 w 159759"/>
                <a:gd name="connsiteY5" fmla="*/ 0 h 99644"/>
                <a:gd name="connsiteX6" fmla="*/ 101823 w 159759"/>
                <a:gd name="connsiteY6" fmla="*/ 62182 h 99644"/>
                <a:gd name="connsiteX7" fmla="*/ 129702 w 159759"/>
                <a:gd name="connsiteY7" fmla="*/ 0 h 99644"/>
                <a:gd name="connsiteX8" fmla="*/ 159759 w 159759"/>
                <a:gd name="connsiteY8" fmla="*/ 0 h 99644"/>
                <a:gd name="connsiteX9" fmla="*/ 111079 w 159759"/>
                <a:gd name="connsiteY9" fmla="*/ 99644 h 99644"/>
                <a:gd name="connsiteX10" fmla="*/ 85924 w 159759"/>
                <a:gd name="connsiteY10" fmla="*/ 99644 h 99644"/>
                <a:gd name="connsiteX11" fmla="*/ 73945 w 159759"/>
                <a:gd name="connsiteY11" fmla="*/ 41273 h 99644"/>
                <a:gd name="connsiteX12" fmla="*/ 44650 w 159759"/>
                <a:gd name="connsiteY12" fmla="*/ 99644 h 99644"/>
                <a:gd name="connsiteX13" fmla="*/ 19168 w 159759"/>
                <a:gd name="connsiteY13" fmla="*/ 99644 h 996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59759" h="99644">
                  <a:moveTo>
                    <a:pt x="19168" y="99644"/>
                  </a:moveTo>
                  <a:lnTo>
                    <a:pt x="0" y="0"/>
                  </a:lnTo>
                  <a:lnTo>
                    <a:pt x="30057" y="0"/>
                  </a:lnTo>
                  <a:lnTo>
                    <a:pt x="39314" y="62182"/>
                  </a:lnTo>
                  <a:lnTo>
                    <a:pt x="69698" y="0"/>
                  </a:lnTo>
                  <a:lnTo>
                    <a:pt x="89953" y="0"/>
                  </a:lnTo>
                  <a:lnTo>
                    <a:pt x="101823" y="62182"/>
                  </a:lnTo>
                  <a:lnTo>
                    <a:pt x="129702" y="0"/>
                  </a:lnTo>
                  <a:lnTo>
                    <a:pt x="159759" y="0"/>
                  </a:lnTo>
                  <a:lnTo>
                    <a:pt x="111079" y="99644"/>
                  </a:lnTo>
                  <a:lnTo>
                    <a:pt x="85924" y="99644"/>
                  </a:lnTo>
                  <a:lnTo>
                    <a:pt x="73945" y="41273"/>
                  </a:lnTo>
                  <a:lnTo>
                    <a:pt x="44650" y="99644"/>
                  </a:lnTo>
                  <a:lnTo>
                    <a:pt x="19168" y="99644"/>
                  </a:lnTo>
                  <a:close/>
                </a:path>
              </a:pathLst>
            </a:custGeom>
            <a:solidFill>
              <a:srgbClr val="FFFFFF"/>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69" name="Freeform: Shape 68">
              <a:extLst>
                <a:ext uri="{FF2B5EF4-FFF2-40B4-BE49-F238E27FC236}">
                  <a16:creationId xmlns:a16="http://schemas.microsoft.com/office/drawing/2014/main" id="{25DFCDBE-826E-6891-6B91-439DA69C5A1C}"/>
                </a:ext>
              </a:extLst>
            </p:cNvPr>
            <p:cNvSpPr/>
            <p:nvPr/>
          </p:nvSpPr>
          <p:spPr>
            <a:xfrm>
              <a:off x="929015" y="5953246"/>
              <a:ext cx="91586" cy="105961"/>
            </a:xfrm>
            <a:custGeom>
              <a:avLst/>
              <a:gdLst>
                <a:gd name="connsiteX0" fmla="*/ 0 w 91586"/>
                <a:gd name="connsiteY0" fmla="*/ 87013 h 105961"/>
                <a:gd name="connsiteX1" fmla="*/ 15682 w 91586"/>
                <a:gd name="connsiteY1" fmla="*/ 68826 h 105961"/>
                <a:gd name="connsiteX2" fmla="*/ 42689 w 91586"/>
                <a:gd name="connsiteY2" fmla="*/ 82003 h 105961"/>
                <a:gd name="connsiteX3" fmla="*/ 56955 w 91586"/>
                <a:gd name="connsiteY3" fmla="*/ 74162 h 105961"/>
                <a:gd name="connsiteX4" fmla="*/ 50747 w 91586"/>
                <a:gd name="connsiteY4" fmla="*/ 66538 h 105961"/>
                <a:gd name="connsiteX5" fmla="*/ 43452 w 91586"/>
                <a:gd name="connsiteY5" fmla="*/ 63816 h 105961"/>
                <a:gd name="connsiteX6" fmla="*/ 26137 w 91586"/>
                <a:gd name="connsiteY6" fmla="*/ 55649 h 105961"/>
                <a:gd name="connsiteX7" fmla="*/ 14157 w 91586"/>
                <a:gd name="connsiteY7" fmla="*/ 28642 h 105961"/>
                <a:gd name="connsiteX8" fmla="*/ 55322 w 91586"/>
                <a:gd name="connsiteY8" fmla="*/ 0 h 105961"/>
                <a:gd name="connsiteX9" fmla="*/ 91586 w 91586"/>
                <a:gd name="connsiteY9" fmla="*/ 14266 h 105961"/>
                <a:gd name="connsiteX10" fmla="*/ 76122 w 91586"/>
                <a:gd name="connsiteY10" fmla="*/ 32343 h 105961"/>
                <a:gd name="connsiteX11" fmla="*/ 53907 w 91586"/>
                <a:gd name="connsiteY11" fmla="*/ 23413 h 105961"/>
                <a:gd name="connsiteX12" fmla="*/ 42253 w 91586"/>
                <a:gd name="connsiteY12" fmla="*/ 29621 h 105961"/>
                <a:gd name="connsiteX13" fmla="*/ 47699 w 91586"/>
                <a:gd name="connsiteY13" fmla="*/ 38006 h 105961"/>
                <a:gd name="connsiteX14" fmla="*/ 56412 w 91586"/>
                <a:gd name="connsiteY14" fmla="*/ 41600 h 105961"/>
                <a:gd name="connsiteX15" fmla="*/ 67518 w 91586"/>
                <a:gd name="connsiteY15" fmla="*/ 46392 h 105961"/>
                <a:gd name="connsiteX16" fmla="*/ 85378 w 91586"/>
                <a:gd name="connsiteY16" fmla="*/ 75033 h 105961"/>
                <a:gd name="connsiteX17" fmla="*/ 70568 w 91586"/>
                <a:gd name="connsiteY17" fmla="*/ 97794 h 105961"/>
                <a:gd name="connsiteX18" fmla="*/ 41383 w 91586"/>
                <a:gd name="connsiteY18" fmla="*/ 105962 h 105961"/>
                <a:gd name="connsiteX19" fmla="*/ 0 w 91586"/>
                <a:gd name="connsiteY19" fmla="*/ 87013 h 10596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1586" h="105961">
                  <a:moveTo>
                    <a:pt x="0" y="87013"/>
                  </a:moveTo>
                  <a:lnTo>
                    <a:pt x="15682" y="68826"/>
                  </a:lnTo>
                  <a:cubicBezTo>
                    <a:pt x="22760" y="77537"/>
                    <a:pt x="31690" y="82003"/>
                    <a:pt x="42689" y="82003"/>
                  </a:cubicBezTo>
                  <a:cubicBezTo>
                    <a:pt x="49768" y="82003"/>
                    <a:pt x="55976" y="79062"/>
                    <a:pt x="56955" y="74162"/>
                  </a:cubicBezTo>
                  <a:cubicBezTo>
                    <a:pt x="57282" y="71221"/>
                    <a:pt x="55322" y="68717"/>
                    <a:pt x="50747" y="66538"/>
                  </a:cubicBezTo>
                  <a:cubicBezTo>
                    <a:pt x="49658" y="65995"/>
                    <a:pt x="47263" y="65123"/>
                    <a:pt x="43452" y="63816"/>
                  </a:cubicBezTo>
                  <a:cubicBezTo>
                    <a:pt x="35937" y="60876"/>
                    <a:pt x="32670" y="59787"/>
                    <a:pt x="26137" y="55649"/>
                  </a:cubicBezTo>
                  <a:cubicBezTo>
                    <a:pt x="16988" y="49986"/>
                    <a:pt x="12632" y="42145"/>
                    <a:pt x="14157" y="28642"/>
                  </a:cubicBezTo>
                  <a:cubicBezTo>
                    <a:pt x="17098" y="10236"/>
                    <a:pt x="33978" y="0"/>
                    <a:pt x="55322" y="0"/>
                  </a:cubicBezTo>
                  <a:cubicBezTo>
                    <a:pt x="69915" y="0"/>
                    <a:pt x="81894" y="4792"/>
                    <a:pt x="91586" y="14266"/>
                  </a:cubicBezTo>
                  <a:lnTo>
                    <a:pt x="76122" y="32343"/>
                  </a:lnTo>
                  <a:cubicBezTo>
                    <a:pt x="69696" y="26354"/>
                    <a:pt x="62291" y="23413"/>
                    <a:pt x="53907" y="23413"/>
                  </a:cubicBezTo>
                  <a:cubicBezTo>
                    <a:pt x="47153" y="23413"/>
                    <a:pt x="43125" y="25374"/>
                    <a:pt x="42253" y="29621"/>
                  </a:cubicBezTo>
                  <a:cubicBezTo>
                    <a:pt x="41491" y="33106"/>
                    <a:pt x="43342" y="36047"/>
                    <a:pt x="47699" y="38006"/>
                  </a:cubicBezTo>
                  <a:cubicBezTo>
                    <a:pt x="49114" y="38769"/>
                    <a:pt x="52055" y="39967"/>
                    <a:pt x="56412" y="41600"/>
                  </a:cubicBezTo>
                  <a:cubicBezTo>
                    <a:pt x="60766" y="43234"/>
                    <a:pt x="64470" y="44650"/>
                    <a:pt x="67518" y="46392"/>
                  </a:cubicBezTo>
                  <a:cubicBezTo>
                    <a:pt x="77320" y="50530"/>
                    <a:pt x="88863" y="60223"/>
                    <a:pt x="85378" y="75033"/>
                  </a:cubicBezTo>
                  <a:cubicBezTo>
                    <a:pt x="83745" y="84725"/>
                    <a:pt x="78845" y="92349"/>
                    <a:pt x="70568" y="97794"/>
                  </a:cubicBezTo>
                  <a:cubicBezTo>
                    <a:pt x="62401" y="103238"/>
                    <a:pt x="52491" y="105962"/>
                    <a:pt x="41383" y="105962"/>
                  </a:cubicBezTo>
                  <a:cubicBezTo>
                    <a:pt x="23523" y="105852"/>
                    <a:pt x="9693" y="99644"/>
                    <a:pt x="0" y="87013"/>
                  </a:cubicBezTo>
                  <a:close/>
                </a:path>
              </a:pathLst>
            </a:custGeom>
            <a:solidFill>
              <a:srgbClr val="FFFFFF"/>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0" name="Freeform: Shape 69">
              <a:extLst>
                <a:ext uri="{FF2B5EF4-FFF2-40B4-BE49-F238E27FC236}">
                  <a16:creationId xmlns:a16="http://schemas.microsoft.com/office/drawing/2014/main" id="{1EFA89A6-A5EF-C8AD-AB8D-B181542A1CF1}"/>
                </a:ext>
              </a:extLst>
            </p:cNvPr>
            <p:cNvSpPr/>
            <p:nvPr/>
          </p:nvSpPr>
          <p:spPr>
            <a:xfrm>
              <a:off x="1210825" y="5930079"/>
              <a:ext cx="237348" cy="166549"/>
            </a:xfrm>
            <a:custGeom>
              <a:avLst/>
              <a:gdLst>
                <a:gd name="connsiteX0" fmla="*/ 83276 w 237348"/>
                <a:gd name="connsiteY0" fmla="*/ 166550 h 166549"/>
                <a:gd name="connsiteX1" fmla="*/ 55130 w 237348"/>
                <a:gd name="connsiteY1" fmla="*/ 166550 h 166549"/>
                <a:gd name="connsiteX2" fmla="*/ 0 w 237348"/>
                <a:gd name="connsiteY2" fmla="*/ 0 h 166549"/>
                <a:gd name="connsiteX3" fmla="*/ 36560 w 237348"/>
                <a:gd name="connsiteY3" fmla="*/ 0 h 166549"/>
                <a:gd name="connsiteX4" fmla="*/ 70219 w 237348"/>
                <a:gd name="connsiteY4" fmla="*/ 112000 h 166549"/>
                <a:gd name="connsiteX5" fmla="*/ 107938 w 237348"/>
                <a:gd name="connsiteY5" fmla="*/ 0 h 166549"/>
                <a:gd name="connsiteX6" fmla="*/ 129120 w 237348"/>
                <a:gd name="connsiteY6" fmla="*/ 0 h 166549"/>
                <a:gd name="connsiteX7" fmla="*/ 167711 w 237348"/>
                <a:gd name="connsiteY7" fmla="*/ 112000 h 166549"/>
                <a:gd name="connsiteX8" fmla="*/ 200789 w 237348"/>
                <a:gd name="connsiteY8" fmla="*/ 0 h 166549"/>
                <a:gd name="connsiteX9" fmla="*/ 237349 w 237348"/>
                <a:gd name="connsiteY9" fmla="*/ 0 h 166549"/>
                <a:gd name="connsiteX10" fmla="*/ 182509 w 237348"/>
                <a:gd name="connsiteY10" fmla="*/ 166550 h 166549"/>
                <a:gd name="connsiteX11" fmla="*/ 154363 w 237348"/>
                <a:gd name="connsiteY11" fmla="*/ 166550 h 166549"/>
                <a:gd name="connsiteX12" fmla="*/ 118965 w 237348"/>
                <a:gd name="connsiteY12" fmla="*/ 57451 h 166549"/>
                <a:gd name="connsiteX13" fmla="*/ 83276 w 237348"/>
                <a:gd name="connsiteY13" fmla="*/ 166550 h 1665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237348" h="166549">
                  <a:moveTo>
                    <a:pt x="83276" y="166550"/>
                  </a:moveTo>
                  <a:lnTo>
                    <a:pt x="55130" y="166550"/>
                  </a:lnTo>
                  <a:lnTo>
                    <a:pt x="0" y="0"/>
                  </a:lnTo>
                  <a:lnTo>
                    <a:pt x="36560" y="0"/>
                  </a:lnTo>
                  <a:lnTo>
                    <a:pt x="70219" y="112000"/>
                  </a:lnTo>
                  <a:lnTo>
                    <a:pt x="107938" y="0"/>
                  </a:lnTo>
                  <a:lnTo>
                    <a:pt x="129120" y="0"/>
                  </a:lnTo>
                  <a:lnTo>
                    <a:pt x="167711" y="112000"/>
                  </a:lnTo>
                  <a:lnTo>
                    <a:pt x="200789" y="0"/>
                  </a:lnTo>
                  <a:lnTo>
                    <a:pt x="237349" y="0"/>
                  </a:lnTo>
                  <a:lnTo>
                    <a:pt x="182509" y="166550"/>
                  </a:lnTo>
                  <a:lnTo>
                    <a:pt x="154363" y="166550"/>
                  </a:lnTo>
                  <a:lnTo>
                    <a:pt x="118965" y="57451"/>
                  </a:lnTo>
                  <a:lnTo>
                    <a:pt x="83276" y="166550"/>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1" name="Freeform: Shape 70">
              <a:extLst>
                <a:ext uri="{FF2B5EF4-FFF2-40B4-BE49-F238E27FC236}">
                  <a16:creationId xmlns:a16="http://schemas.microsoft.com/office/drawing/2014/main" id="{3C6D3733-239B-6AA5-8C99-4BF04DD445A2}"/>
                </a:ext>
              </a:extLst>
            </p:cNvPr>
            <p:cNvSpPr/>
            <p:nvPr/>
          </p:nvSpPr>
          <p:spPr>
            <a:xfrm>
              <a:off x="1447581" y="5970697"/>
              <a:ext cx="79211" cy="125927"/>
            </a:xfrm>
            <a:custGeom>
              <a:avLst/>
              <a:gdLst>
                <a:gd name="connsiteX0" fmla="*/ 31917 w 79211"/>
                <a:gd name="connsiteY0" fmla="*/ 125928 h 125927"/>
                <a:gd name="connsiteX1" fmla="*/ 0 w 79211"/>
                <a:gd name="connsiteY1" fmla="*/ 125928 h 125927"/>
                <a:gd name="connsiteX2" fmla="*/ 0 w 79211"/>
                <a:gd name="connsiteY2" fmla="*/ 3192 h 125927"/>
                <a:gd name="connsiteX3" fmla="*/ 30757 w 79211"/>
                <a:gd name="connsiteY3" fmla="*/ 3192 h 125927"/>
                <a:gd name="connsiteX4" fmla="*/ 30757 w 79211"/>
                <a:gd name="connsiteY4" fmla="*/ 19732 h 125927"/>
                <a:gd name="connsiteX5" fmla="*/ 64414 w 79211"/>
                <a:gd name="connsiteY5" fmla="*/ 0 h 125927"/>
                <a:gd name="connsiteX6" fmla="*/ 79212 w 79211"/>
                <a:gd name="connsiteY6" fmla="*/ 2611 h 125927"/>
                <a:gd name="connsiteX7" fmla="*/ 76601 w 79211"/>
                <a:gd name="connsiteY7" fmla="*/ 33078 h 125927"/>
                <a:gd name="connsiteX8" fmla="*/ 62093 w 79211"/>
                <a:gd name="connsiteY8" fmla="*/ 30467 h 125927"/>
                <a:gd name="connsiteX9" fmla="*/ 40041 w 79211"/>
                <a:gd name="connsiteY9" fmla="*/ 39751 h 125927"/>
                <a:gd name="connsiteX10" fmla="*/ 31917 w 79211"/>
                <a:gd name="connsiteY10" fmla="*/ 67606 h 125927"/>
                <a:gd name="connsiteX11" fmla="*/ 31917 w 79211"/>
                <a:gd name="connsiteY11" fmla="*/ 125928 h 125927"/>
                <a:gd name="connsiteX12" fmla="*/ 31917 w 79211"/>
                <a:gd name="connsiteY12" fmla="*/ 125928 h 12592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79211" h="125927">
                  <a:moveTo>
                    <a:pt x="31917" y="125928"/>
                  </a:moveTo>
                  <a:lnTo>
                    <a:pt x="0" y="125928"/>
                  </a:lnTo>
                  <a:lnTo>
                    <a:pt x="0" y="3192"/>
                  </a:lnTo>
                  <a:lnTo>
                    <a:pt x="30757" y="3192"/>
                  </a:lnTo>
                  <a:lnTo>
                    <a:pt x="30757" y="19732"/>
                  </a:lnTo>
                  <a:cubicBezTo>
                    <a:pt x="38011" y="6384"/>
                    <a:pt x="49327" y="0"/>
                    <a:pt x="64414" y="0"/>
                  </a:cubicBezTo>
                  <a:cubicBezTo>
                    <a:pt x="69347" y="0"/>
                    <a:pt x="74279" y="870"/>
                    <a:pt x="79212" y="2611"/>
                  </a:cubicBezTo>
                  <a:lnTo>
                    <a:pt x="76601" y="33078"/>
                  </a:lnTo>
                  <a:cubicBezTo>
                    <a:pt x="71087" y="31338"/>
                    <a:pt x="66446" y="30467"/>
                    <a:pt x="62093" y="30467"/>
                  </a:cubicBezTo>
                  <a:cubicBezTo>
                    <a:pt x="52808" y="30467"/>
                    <a:pt x="45554" y="33659"/>
                    <a:pt x="40041" y="39751"/>
                  </a:cubicBezTo>
                  <a:cubicBezTo>
                    <a:pt x="34819" y="45846"/>
                    <a:pt x="31917" y="55130"/>
                    <a:pt x="31917" y="67606"/>
                  </a:cubicBezTo>
                  <a:lnTo>
                    <a:pt x="31917" y="125928"/>
                  </a:lnTo>
                  <a:lnTo>
                    <a:pt x="31917" y="125928"/>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2" name="Freeform: Shape 71">
              <a:extLst>
                <a:ext uri="{FF2B5EF4-FFF2-40B4-BE49-F238E27FC236}">
                  <a16:creationId xmlns:a16="http://schemas.microsoft.com/office/drawing/2014/main" id="{657B559D-3981-3559-4017-A32C49FED3EC}"/>
                </a:ext>
              </a:extLst>
            </p:cNvPr>
            <p:cNvSpPr/>
            <p:nvPr/>
          </p:nvSpPr>
          <p:spPr>
            <a:xfrm>
              <a:off x="1530876" y="5921384"/>
              <a:ext cx="38881" cy="175253"/>
            </a:xfrm>
            <a:custGeom>
              <a:avLst/>
              <a:gdLst>
                <a:gd name="connsiteX0" fmla="*/ 38881 w 38881"/>
                <a:gd name="connsiteY0" fmla="*/ 19150 h 175253"/>
                <a:gd name="connsiteX1" fmla="*/ 33368 w 38881"/>
                <a:gd name="connsiteY1" fmla="*/ 33077 h 175253"/>
                <a:gd name="connsiteX2" fmla="*/ 19441 w 38881"/>
                <a:gd name="connsiteY2" fmla="*/ 38591 h 175253"/>
                <a:gd name="connsiteX3" fmla="*/ 5513 w 38881"/>
                <a:gd name="connsiteY3" fmla="*/ 33077 h 175253"/>
                <a:gd name="connsiteX4" fmla="*/ 0 w 38881"/>
                <a:gd name="connsiteY4" fmla="*/ 19150 h 175253"/>
                <a:gd name="connsiteX5" fmla="*/ 5513 w 38881"/>
                <a:gd name="connsiteY5" fmla="*/ 5513 h 175253"/>
                <a:gd name="connsiteX6" fmla="*/ 19441 w 38881"/>
                <a:gd name="connsiteY6" fmla="*/ 0 h 175253"/>
                <a:gd name="connsiteX7" fmla="*/ 33368 w 38881"/>
                <a:gd name="connsiteY7" fmla="*/ 5513 h 175253"/>
                <a:gd name="connsiteX8" fmla="*/ 38881 w 38881"/>
                <a:gd name="connsiteY8" fmla="*/ 19150 h 175253"/>
                <a:gd name="connsiteX9" fmla="*/ 35109 w 38881"/>
                <a:gd name="connsiteY9" fmla="*/ 52518 h 175253"/>
                <a:gd name="connsiteX10" fmla="*/ 35109 w 38881"/>
                <a:gd name="connsiteY10" fmla="*/ 175254 h 175253"/>
                <a:gd name="connsiteX11" fmla="*/ 3192 w 38881"/>
                <a:gd name="connsiteY11" fmla="*/ 175254 h 175253"/>
                <a:gd name="connsiteX12" fmla="*/ 3192 w 38881"/>
                <a:gd name="connsiteY12" fmla="*/ 52518 h 175253"/>
                <a:gd name="connsiteX13" fmla="*/ 35109 w 38881"/>
                <a:gd name="connsiteY13" fmla="*/ 52518 h 175253"/>
                <a:gd name="connsiteX14" fmla="*/ 35109 w 38881"/>
                <a:gd name="connsiteY14" fmla="*/ 52518 h 17525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38881" h="175253">
                  <a:moveTo>
                    <a:pt x="38881" y="19150"/>
                  </a:moveTo>
                  <a:cubicBezTo>
                    <a:pt x="38881" y="24663"/>
                    <a:pt x="37140" y="29306"/>
                    <a:pt x="33368" y="33077"/>
                  </a:cubicBezTo>
                  <a:cubicBezTo>
                    <a:pt x="29595" y="36850"/>
                    <a:pt x="24954" y="38591"/>
                    <a:pt x="19441" y="38591"/>
                  </a:cubicBezTo>
                  <a:cubicBezTo>
                    <a:pt x="13927" y="38591"/>
                    <a:pt x="9284" y="36850"/>
                    <a:pt x="5513" y="33077"/>
                  </a:cubicBezTo>
                  <a:cubicBezTo>
                    <a:pt x="1741" y="29306"/>
                    <a:pt x="0" y="24663"/>
                    <a:pt x="0" y="19150"/>
                  </a:cubicBezTo>
                  <a:cubicBezTo>
                    <a:pt x="0" y="13637"/>
                    <a:pt x="1741" y="8995"/>
                    <a:pt x="5513" y="5513"/>
                  </a:cubicBezTo>
                  <a:cubicBezTo>
                    <a:pt x="9284" y="1741"/>
                    <a:pt x="13927" y="0"/>
                    <a:pt x="19441" y="0"/>
                  </a:cubicBezTo>
                  <a:cubicBezTo>
                    <a:pt x="24954" y="0"/>
                    <a:pt x="29595" y="1741"/>
                    <a:pt x="33368" y="5513"/>
                  </a:cubicBezTo>
                  <a:cubicBezTo>
                    <a:pt x="37140" y="8995"/>
                    <a:pt x="38881" y="13637"/>
                    <a:pt x="38881" y="19150"/>
                  </a:cubicBezTo>
                  <a:close/>
                  <a:moveTo>
                    <a:pt x="35109" y="52518"/>
                  </a:moveTo>
                  <a:lnTo>
                    <a:pt x="35109" y="175254"/>
                  </a:lnTo>
                  <a:lnTo>
                    <a:pt x="3192" y="175254"/>
                  </a:lnTo>
                  <a:lnTo>
                    <a:pt x="3192" y="52518"/>
                  </a:lnTo>
                  <a:lnTo>
                    <a:pt x="35109" y="52518"/>
                  </a:lnTo>
                  <a:lnTo>
                    <a:pt x="35109" y="52518"/>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3" name="Freeform: Shape 72">
              <a:extLst>
                <a:ext uri="{FF2B5EF4-FFF2-40B4-BE49-F238E27FC236}">
                  <a16:creationId xmlns:a16="http://schemas.microsoft.com/office/drawing/2014/main" id="{71A22042-BB76-71A2-54E3-6EF02007254B}"/>
                </a:ext>
              </a:extLst>
            </p:cNvPr>
            <p:cNvSpPr/>
            <p:nvPr/>
          </p:nvSpPr>
          <p:spPr>
            <a:xfrm>
              <a:off x="1575269" y="5930079"/>
              <a:ext cx="98943" cy="169451"/>
            </a:xfrm>
            <a:custGeom>
              <a:avLst/>
              <a:gdLst>
                <a:gd name="connsiteX0" fmla="*/ 89368 w 98943"/>
                <a:gd name="connsiteY0" fmla="*/ 134342 h 169451"/>
                <a:gd name="connsiteX1" fmla="*/ 98944 w 98943"/>
                <a:gd name="connsiteY1" fmla="*/ 159296 h 169451"/>
                <a:gd name="connsiteX2" fmla="*/ 62675 w 98943"/>
                <a:gd name="connsiteY2" fmla="*/ 169452 h 169451"/>
                <a:gd name="connsiteX3" fmla="*/ 30757 w 98943"/>
                <a:gd name="connsiteY3" fmla="*/ 157265 h 169451"/>
                <a:gd name="connsiteX4" fmla="*/ 20021 w 98943"/>
                <a:gd name="connsiteY4" fmla="*/ 120995 h 169451"/>
                <a:gd name="connsiteX5" fmla="*/ 20021 w 98943"/>
                <a:gd name="connsiteY5" fmla="*/ 70219 h 169451"/>
                <a:gd name="connsiteX6" fmla="*/ 0 w 98943"/>
                <a:gd name="connsiteY6" fmla="*/ 70219 h 169451"/>
                <a:gd name="connsiteX7" fmla="*/ 0 w 98943"/>
                <a:gd name="connsiteY7" fmla="*/ 43524 h 169451"/>
                <a:gd name="connsiteX8" fmla="*/ 20311 w 98943"/>
                <a:gd name="connsiteY8" fmla="*/ 43524 h 169451"/>
                <a:gd name="connsiteX9" fmla="*/ 20311 w 98943"/>
                <a:gd name="connsiteY9" fmla="*/ 0 h 169451"/>
                <a:gd name="connsiteX10" fmla="*/ 51938 w 98943"/>
                <a:gd name="connsiteY10" fmla="*/ 0 h 169451"/>
                <a:gd name="connsiteX11" fmla="*/ 51938 w 98943"/>
                <a:gd name="connsiteY11" fmla="*/ 43524 h 169451"/>
                <a:gd name="connsiteX12" fmla="*/ 92560 w 98943"/>
                <a:gd name="connsiteY12" fmla="*/ 43524 h 169451"/>
                <a:gd name="connsiteX13" fmla="*/ 92560 w 98943"/>
                <a:gd name="connsiteY13" fmla="*/ 70219 h 169451"/>
                <a:gd name="connsiteX14" fmla="*/ 51938 w 98943"/>
                <a:gd name="connsiteY14" fmla="*/ 70219 h 169451"/>
                <a:gd name="connsiteX15" fmla="*/ 51938 w 98943"/>
                <a:gd name="connsiteY15" fmla="*/ 118965 h 169451"/>
                <a:gd name="connsiteX16" fmla="*/ 69348 w 98943"/>
                <a:gd name="connsiteY16" fmla="*/ 140725 h 169451"/>
                <a:gd name="connsiteX17" fmla="*/ 89368 w 98943"/>
                <a:gd name="connsiteY17" fmla="*/ 134342 h 1694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98943" h="169451">
                  <a:moveTo>
                    <a:pt x="89368" y="134342"/>
                  </a:moveTo>
                  <a:lnTo>
                    <a:pt x="98944" y="159296"/>
                  </a:lnTo>
                  <a:cubicBezTo>
                    <a:pt x="88789" y="165969"/>
                    <a:pt x="76602" y="169452"/>
                    <a:pt x="62675" y="169452"/>
                  </a:cubicBezTo>
                  <a:cubicBezTo>
                    <a:pt x="48457" y="169452"/>
                    <a:pt x="38011" y="165390"/>
                    <a:pt x="30757" y="157265"/>
                  </a:cubicBezTo>
                  <a:cubicBezTo>
                    <a:pt x="23503" y="149141"/>
                    <a:pt x="20021" y="136954"/>
                    <a:pt x="20021" y="120995"/>
                  </a:cubicBezTo>
                  <a:lnTo>
                    <a:pt x="20021" y="70219"/>
                  </a:lnTo>
                  <a:lnTo>
                    <a:pt x="0" y="70219"/>
                  </a:lnTo>
                  <a:lnTo>
                    <a:pt x="0" y="43524"/>
                  </a:lnTo>
                  <a:lnTo>
                    <a:pt x="20311" y="43524"/>
                  </a:lnTo>
                  <a:lnTo>
                    <a:pt x="20311" y="0"/>
                  </a:lnTo>
                  <a:lnTo>
                    <a:pt x="51938" y="0"/>
                  </a:lnTo>
                  <a:lnTo>
                    <a:pt x="51938" y="43524"/>
                  </a:lnTo>
                  <a:lnTo>
                    <a:pt x="92560" y="43524"/>
                  </a:lnTo>
                  <a:lnTo>
                    <a:pt x="92560" y="70219"/>
                  </a:lnTo>
                  <a:lnTo>
                    <a:pt x="51938" y="70219"/>
                  </a:lnTo>
                  <a:lnTo>
                    <a:pt x="51938" y="118965"/>
                  </a:lnTo>
                  <a:cubicBezTo>
                    <a:pt x="51938" y="133471"/>
                    <a:pt x="57741" y="140725"/>
                    <a:pt x="69348" y="140725"/>
                  </a:cubicBezTo>
                  <a:cubicBezTo>
                    <a:pt x="75151" y="140725"/>
                    <a:pt x="82114" y="138695"/>
                    <a:pt x="89368" y="134342"/>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4" name="Freeform: Shape 73">
              <a:extLst>
                <a:ext uri="{FF2B5EF4-FFF2-40B4-BE49-F238E27FC236}">
                  <a16:creationId xmlns:a16="http://schemas.microsoft.com/office/drawing/2014/main" id="{AB680958-2CFF-CE42-2B3A-E1CFDF3275F4}"/>
                </a:ext>
              </a:extLst>
            </p:cNvPr>
            <p:cNvSpPr/>
            <p:nvPr/>
          </p:nvSpPr>
          <p:spPr>
            <a:xfrm>
              <a:off x="1671594" y="5970697"/>
              <a:ext cx="125927" cy="128538"/>
            </a:xfrm>
            <a:custGeom>
              <a:avLst/>
              <a:gdLst>
                <a:gd name="connsiteX0" fmla="*/ 125928 w 125927"/>
                <a:gd name="connsiteY0" fmla="*/ 61803 h 128538"/>
                <a:gd name="connsiteX1" fmla="*/ 124766 w 125927"/>
                <a:gd name="connsiteY1" fmla="*/ 75730 h 128538"/>
                <a:gd name="connsiteX2" fmla="*/ 32497 w 125927"/>
                <a:gd name="connsiteY2" fmla="*/ 75730 h 128538"/>
                <a:gd name="connsiteX3" fmla="*/ 68187 w 125927"/>
                <a:gd name="connsiteY3" fmla="*/ 101846 h 128538"/>
                <a:gd name="connsiteX4" fmla="*/ 107938 w 125927"/>
                <a:gd name="connsiteY4" fmla="*/ 89368 h 128538"/>
                <a:gd name="connsiteX5" fmla="*/ 120414 w 125927"/>
                <a:gd name="connsiteY5" fmla="*/ 111711 h 128538"/>
                <a:gd name="connsiteX6" fmla="*/ 66736 w 125927"/>
                <a:gd name="connsiteY6" fmla="*/ 128539 h 128538"/>
                <a:gd name="connsiteX7" fmla="*/ 17119 w 125927"/>
                <a:gd name="connsiteY7" fmla="*/ 109970 h 128538"/>
                <a:gd name="connsiteX8" fmla="*/ 0 w 125927"/>
                <a:gd name="connsiteY8" fmla="*/ 64416 h 128538"/>
                <a:gd name="connsiteX9" fmla="*/ 17700 w 125927"/>
                <a:gd name="connsiteY9" fmla="*/ 18281 h 128538"/>
                <a:gd name="connsiteX10" fmla="*/ 63833 w 125927"/>
                <a:gd name="connsiteY10" fmla="*/ 0 h 128538"/>
                <a:gd name="connsiteX11" fmla="*/ 107938 w 125927"/>
                <a:gd name="connsiteY11" fmla="*/ 16540 h 128538"/>
                <a:gd name="connsiteX12" fmla="*/ 125928 w 125927"/>
                <a:gd name="connsiteY12" fmla="*/ 61803 h 128538"/>
                <a:gd name="connsiteX13" fmla="*/ 64414 w 125927"/>
                <a:gd name="connsiteY13" fmla="*/ 26405 h 128538"/>
                <a:gd name="connsiteX14" fmla="*/ 44103 w 125927"/>
                <a:gd name="connsiteY14" fmla="*/ 33368 h 128538"/>
                <a:gd name="connsiteX15" fmla="*/ 32787 w 125927"/>
                <a:gd name="connsiteY15" fmla="*/ 52229 h 128538"/>
                <a:gd name="connsiteX16" fmla="*/ 95171 w 125927"/>
                <a:gd name="connsiteY16" fmla="*/ 52229 h 128538"/>
                <a:gd name="connsiteX17" fmla="*/ 84725 w 125927"/>
                <a:gd name="connsiteY17" fmla="*/ 33368 h 128538"/>
                <a:gd name="connsiteX18" fmla="*/ 64414 w 125927"/>
                <a:gd name="connsiteY18" fmla="*/ 26405 h 1285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125927" h="128538">
                  <a:moveTo>
                    <a:pt x="125928" y="61803"/>
                  </a:moveTo>
                  <a:cubicBezTo>
                    <a:pt x="125928" y="65576"/>
                    <a:pt x="125637" y="70219"/>
                    <a:pt x="124766" y="75730"/>
                  </a:cubicBezTo>
                  <a:lnTo>
                    <a:pt x="32497" y="75730"/>
                  </a:lnTo>
                  <a:cubicBezTo>
                    <a:pt x="37139" y="93141"/>
                    <a:pt x="49036" y="101846"/>
                    <a:pt x="68187" y="101846"/>
                  </a:cubicBezTo>
                  <a:cubicBezTo>
                    <a:pt x="82404" y="101846"/>
                    <a:pt x="95752" y="97784"/>
                    <a:pt x="107938" y="89368"/>
                  </a:cubicBezTo>
                  <a:lnTo>
                    <a:pt x="120414" y="111711"/>
                  </a:lnTo>
                  <a:cubicBezTo>
                    <a:pt x="104746" y="123027"/>
                    <a:pt x="87046" y="128539"/>
                    <a:pt x="66736" y="128539"/>
                  </a:cubicBezTo>
                  <a:cubicBezTo>
                    <a:pt x="45263" y="128539"/>
                    <a:pt x="28725" y="122446"/>
                    <a:pt x="17119" y="109970"/>
                  </a:cubicBezTo>
                  <a:cubicBezTo>
                    <a:pt x="5803" y="97784"/>
                    <a:pt x="0" y="82405"/>
                    <a:pt x="0" y="64416"/>
                  </a:cubicBezTo>
                  <a:cubicBezTo>
                    <a:pt x="0" y="45554"/>
                    <a:pt x="5803" y="30176"/>
                    <a:pt x="17700" y="18281"/>
                  </a:cubicBezTo>
                  <a:cubicBezTo>
                    <a:pt x="29595" y="6094"/>
                    <a:pt x="44974" y="0"/>
                    <a:pt x="63833" y="0"/>
                  </a:cubicBezTo>
                  <a:cubicBezTo>
                    <a:pt x="81823" y="0"/>
                    <a:pt x="96331" y="5513"/>
                    <a:pt x="107938" y="16540"/>
                  </a:cubicBezTo>
                  <a:cubicBezTo>
                    <a:pt x="120125" y="27856"/>
                    <a:pt x="125928" y="42943"/>
                    <a:pt x="125928" y="61803"/>
                  </a:cubicBezTo>
                  <a:close/>
                  <a:moveTo>
                    <a:pt x="64414" y="26405"/>
                  </a:moveTo>
                  <a:cubicBezTo>
                    <a:pt x="56579" y="26405"/>
                    <a:pt x="49617" y="28726"/>
                    <a:pt x="44103" y="33368"/>
                  </a:cubicBezTo>
                  <a:cubicBezTo>
                    <a:pt x="38590" y="38011"/>
                    <a:pt x="34819" y="44105"/>
                    <a:pt x="32787" y="52229"/>
                  </a:cubicBezTo>
                  <a:lnTo>
                    <a:pt x="95171" y="52229"/>
                  </a:lnTo>
                  <a:cubicBezTo>
                    <a:pt x="93720" y="44394"/>
                    <a:pt x="90238" y="38011"/>
                    <a:pt x="84725" y="33368"/>
                  </a:cubicBezTo>
                  <a:cubicBezTo>
                    <a:pt x="79212" y="28726"/>
                    <a:pt x="72539" y="26405"/>
                    <a:pt x="64414" y="26405"/>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5" name="Freeform: Shape 74">
              <a:extLst>
                <a:ext uri="{FF2B5EF4-FFF2-40B4-BE49-F238E27FC236}">
                  <a16:creationId xmlns:a16="http://schemas.microsoft.com/office/drawing/2014/main" id="{CE11E924-7DBE-6876-E42E-7C9E0684A83F}"/>
                </a:ext>
              </a:extLst>
            </p:cNvPr>
            <p:cNvSpPr/>
            <p:nvPr/>
          </p:nvSpPr>
          <p:spPr>
            <a:xfrm>
              <a:off x="1800140" y="5969253"/>
              <a:ext cx="99522" cy="130569"/>
            </a:xfrm>
            <a:custGeom>
              <a:avLst/>
              <a:gdLst>
                <a:gd name="connsiteX0" fmla="*/ 50777 w 99522"/>
                <a:gd name="connsiteY0" fmla="*/ 130569 h 130569"/>
                <a:gd name="connsiteX1" fmla="*/ 0 w 99522"/>
                <a:gd name="connsiteY1" fmla="*/ 106777 h 130569"/>
                <a:gd name="connsiteX2" fmla="*/ 16830 w 99522"/>
                <a:gd name="connsiteY2" fmla="*/ 86757 h 130569"/>
                <a:gd name="connsiteX3" fmla="*/ 32498 w 99522"/>
                <a:gd name="connsiteY3" fmla="*/ 99233 h 130569"/>
                <a:gd name="connsiteX4" fmla="*/ 50777 w 99522"/>
                <a:gd name="connsiteY4" fmla="*/ 103876 h 130569"/>
                <a:gd name="connsiteX5" fmla="*/ 62963 w 99522"/>
                <a:gd name="connsiteY5" fmla="*/ 100393 h 130569"/>
                <a:gd name="connsiteX6" fmla="*/ 67896 w 99522"/>
                <a:gd name="connsiteY6" fmla="*/ 91690 h 130569"/>
                <a:gd name="connsiteX7" fmla="*/ 59192 w 99522"/>
                <a:gd name="connsiteY7" fmla="*/ 81244 h 130569"/>
                <a:gd name="connsiteX8" fmla="*/ 44684 w 99522"/>
                <a:gd name="connsiteY8" fmla="*/ 75730 h 130569"/>
                <a:gd name="connsiteX9" fmla="*/ 29016 w 99522"/>
                <a:gd name="connsiteY9" fmla="*/ 69057 h 130569"/>
                <a:gd name="connsiteX10" fmla="*/ 7835 w 99522"/>
                <a:gd name="connsiteY10" fmla="*/ 37139 h 130569"/>
                <a:gd name="connsiteX11" fmla="*/ 20311 w 99522"/>
                <a:gd name="connsiteY11" fmla="*/ 10446 h 130569"/>
                <a:gd name="connsiteX12" fmla="*/ 53679 w 99522"/>
                <a:gd name="connsiteY12" fmla="*/ 0 h 130569"/>
                <a:gd name="connsiteX13" fmla="*/ 96622 w 99522"/>
                <a:gd name="connsiteY13" fmla="*/ 17700 h 130569"/>
                <a:gd name="connsiteX14" fmla="*/ 80954 w 99522"/>
                <a:gd name="connsiteY14" fmla="*/ 38300 h 130569"/>
                <a:gd name="connsiteX15" fmla="*/ 52808 w 99522"/>
                <a:gd name="connsiteY15" fmla="*/ 26114 h 130569"/>
                <a:gd name="connsiteX16" fmla="*/ 42652 w 99522"/>
                <a:gd name="connsiteY16" fmla="*/ 29014 h 130569"/>
                <a:gd name="connsiteX17" fmla="*/ 38590 w 99522"/>
                <a:gd name="connsiteY17" fmla="*/ 36269 h 130569"/>
                <a:gd name="connsiteX18" fmla="*/ 49327 w 99522"/>
                <a:gd name="connsiteY18" fmla="*/ 47585 h 130569"/>
                <a:gd name="connsiteX19" fmla="*/ 78922 w 99522"/>
                <a:gd name="connsiteY19" fmla="*/ 59482 h 130569"/>
                <a:gd name="connsiteX20" fmla="*/ 99523 w 99522"/>
                <a:gd name="connsiteY20" fmla="*/ 90528 h 130569"/>
                <a:gd name="connsiteX21" fmla="*/ 85887 w 99522"/>
                <a:gd name="connsiteY21" fmla="*/ 118963 h 130569"/>
                <a:gd name="connsiteX22" fmla="*/ 50777 w 99522"/>
                <a:gd name="connsiteY22" fmla="*/ 130569 h 1305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99522" h="130569">
                  <a:moveTo>
                    <a:pt x="50777" y="130569"/>
                  </a:moveTo>
                  <a:cubicBezTo>
                    <a:pt x="29306" y="130569"/>
                    <a:pt x="12476" y="122736"/>
                    <a:pt x="0" y="106777"/>
                  </a:cubicBezTo>
                  <a:lnTo>
                    <a:pt x="16830" y="86757"/>
                  </a:lnTo>
                  <a:cubicBezTo>
                    <a:pt x="21181" y="91979"/>
                    <a:pt x="26403" y="96041"/>
                    <a:pt x="32498" y="99233"/>
                  </a:cubicBezTo>
                  <a:cubicBezTo>
                    <a:pt x="38590" y="102425"/>
                    <a:pt x="44684" y="103876"/>
                    <a:pt x="50777" y="103876"/>
                  </a:cubicBezTo>
                  <a:cubicBezTo>
                    <a:pt x="55711" y="103876"/>
                    <a:pt x="59482" y="102715"/>
                    <a:pt x="62963" y="100393"/>
                  </a:cubicBezTo>
                  <a:cubicBezTo>
                    <a:pt x="66155" y="98072"/>
                    <a:pt x="67896" y="95171"/>
                    <a:pt x="67896" y="91690"/>
                  </a:cubicBezTo>
                  <a:cubicBezTo>
                    <a:pt x="67896" y="87336"/>
                    <a:pt x="64995" y="83855"/>
                    <a:pt x="59192" y="81244"/>
                  </a:cubicBezTo>
                  <a:cubicBezTo>
                    <a:pt x="57451" y="80373"/>
                    <a:pt x="52519" y="78633"/>
                    <a:pt x="44684" y="75730"/>
                  </a:cubicBezTo>
                  <a:cubicBezTo>
                    <a:pt x="37720" y="73119"/>
                    <a:pt x="32498" y="71087"/>
                    <a:pt x="29016" y="69057"/>
                  </a:cubicBezTo>
                  <a:cubicBezTo>
                    <a:pt x="14798" y="62384"/>
                    <a:pt x="7835" y="51647"/>
                    <a:pt x="7835" y="37139"/>
                  </a:cubicBezTo>
                  <a:cubicBezTo>
                    <a:pt x="7835" y="26403"/>
                    <a:pt x="11897" y="17700"/>
                    <a:pt x="20311" y="10446"/>
                  </a:cubicBezTo>
                  <a:cubicBezTo>
                    <a:pt x="28435" y="3481"/>
                    <a:pt x="39752" y="0"/>
                    <a:pt x="53679" y="0"/>
                  </a:cubicBezTo>
                  <a:cubicBezTo>
                    <a:pt x="71087" y="0"/>
                    <a:pt x="85595" y="5803"/>
                    <a:pt x="96622" y="17700"/>
                  </a:cubicBezTo>
                  <a:lnTo>
                    <a:pt x="80954" y="38300"/>
                  </a:lnTo>
                  <a:cubicBezTo>
                    <a:pt x="72249" y="30176"/>
                    <a:pt x="62963" y="26114"/>
                    <a:pt x="52808" y="26114"/>
                  </a:cubicBezTo>
                  <a:cubicBezTo>
                    <a:pt x="48746" y="26114"/>
                    <a:pt x="45265" y="26984"/>
                    <a:pt x="42652" y="29014"/>
                  </a:cubicBezTo>
                  <a:cubicBezTo>
                    <a:pt x="40041" y="31046"/>
                    <a:pt x="38590" y="33368"/>
                    <a:pt x="38590" y="36269"/>
                  </a:cubicBezTo>
                  <a:cubicBezTo>
                    <a:pt x="38590" y="41492"/>
                    <a:pt x="42073" y="45263"/>
                    <a:pt x="49327" y="47585"/>
                  </a:cubicBezTo>
                  <a:cubicBezTo>
                    <a:pt x="65285" y="53679"/>
                    <a:pt x="75150" y="57450"/>
                    <a:pt x="78922" y="59482"/>
                  </a:cubicBezTo>
                  <a:cubicBezTo>
                    <a:pt x="92850" y="66736"/>
                    <a:pt x="99523" y="77181"/>
                    <a:pt x="99523" y="90528"/>
                  </a:cubicBezTo>
                  <a:cubicBezTo>
                    <a:pt x="99523" y="102135"/>
                    <a:pt x="94881" y="111420"/>
                    <a:pt x="85887" y="118963"/>
                  </a:cubicBezTo>
                  <a:cubicBezTo>
                    <a:pt x="77181" y="126798"/>
                    <a:pt x="65576" y="130569"/>
                    <a:pt x="50777" y="130569"/>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6" name="Freeform: Shape 75">
              <a:extLst>
                <a:ext uri="{FF2B5EF4-FFF2-40B4-BE49-F238E27FC236}">
                  <a16:creationId xmlns:a16="http://schemas.microsoft.com/office/drawing/2014/main" id="{E1D16390-1124-0867-C44C-6E68C06D389F}"/>
                </a:ext>
              </a:extLst>
            </p:cNvPr>
            <p:cNvSpPr/>
            <p:nvPr/>
          </p:nvSpPr>
          <p:spPr>
            <a:xfrm>
              <a:off x="1905444" y="5970426"/>
              <a:ext cx="131730" cy="129119"/>
            </a:xfrm>
            <a:custGeom>
              <a:avLst/>
              <a:gdLst>
                <a:gd name="connsiteX0" fmla="*/ 0 w 131730"/>
                <a:gd name="connsiteY0" fmla="*/ 64705 h 129119"/>
                <a:gd name="connsiteX1" fmla="*/ 18570 w 131730"/>
                <a:gd name="connsiteY1" fmla="*/ 18861 h 129119"/>
                <a:gd name="connsiteX2" fmla="*/ 65865 w 131730"/>
                <a:gd name="connsiteY2" fmla="*/ 0 h 129119"/>
                <a:gd name="connsiteX3" fmla="*/ 113162 w 131730"/>
                <a:gd name="connsiteY3" fmla="*/ 18861 h 129119"/>
                <a:gd name="connsiteX4" fmla="*/ 131731 w 131730"/>
                <a:gd name="connsiteY4" fmla="*/ 64705 h 129119"/>
                <a:gd name="connsiteX5" fmla="*/ 113162 w 131730"/>
                <a:gd name="connsiteY5" fmla="*/ 110551 h 129119"/>
                <a:gd name="connsiteX6" fmla="*/ 65865 w 131730"/>
                <a:gd name="connsiteY6" fmla="*/ 129120 h 129119"/>
                <a:gd name="connsiteX7" fmla="*/ 18570 w 131730"/>
                <a:gd name="connsiteY7" fmla="*/ 110551 h 129119"/>
                <a:gd name="connsiteX8" fmla="*/ 0 w 131730"/>
                <a:gd name="connsiteY8" fmla="*/ 64705 h 129119"/>
                <a:gd name="connsiteX9" fmla="*/ 41492 w 131730"/>
                <a:gd name="connsiteY9" fmla="*/ 89659 h 129119"/>
                <a:gd name="connsiteX10" fmla="*/ 65865 w 131730"/>
                <a:gd name="connsiteY10" fmla="*/ 99814 h 129119"/>
                <a:gd name="connsiteX11" fmla="*/ 89949 w 131730"/>
                <a:gd name="connsiteY11" fmla="*/ 89659 h 129119"/>
                <a:gd name="connsiteX12" fmla="*/ 99814 w 131730"/>
                <a:gd name="connsiteY12" fmla="*/ 64705 h 129119"/>
                <a:gd name="connsiteX13" fmla="*/ 89949 w 131730"/>
                <a:gd name="connsiteY13" fmla="*/ 40043 h 129119"/>
                <a:gd name="connsiteX14" fmla="*/ 65865 w 131730"/>
                <a:gd name="connsiteY14" fmla="*/ 29886 h 129119"/>
                <a:gd name="connsiteX15" fmla="*/ 41492 w 131730"/>
                <a:gd name="connsiteY15" fmla="*/ 40043 h 129119"/>
                <a:gd name="connsiteX16" fmla="*/ 31918 w 131730"/>
                <a:gd name="connsiteY16" fmla="*/ 64705 h 129119"/>
                <a:gd name="connsiteX17" fmla="*/ 41492 w 131730"/>
                <a:gd name="connsiteY17" fmla="*/ 89659 h 1291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131730" h="129119">
                  <a:moveTo>
                    <a:pt x="0" y="64705"/>
                  </a:moveTo>
                  <a:cubicBezTo>
                    <a:pt x="0" y="46426"/>
                    <a:pt x="6094" y="31338"/>
                    <a:pt x="18570" y="18861"/>
                  </a:cubicBezTo>
                  <a:cubicBezTo>
                    <a:pt x="31046" y="6384"/>
                    <a:pt x="46716" y="0"/>
                    <a:pt x="65865" y="0"/>
                  </a:cubicBezTo>
                  <a:cubicBezTo>
                    <a:pt x="85016" y="0"/>
                    <a:pt x="100684" y="6384"/>
                    <a:pt x="113162" y="18861"/>
                  </a:cubicBezTo>
                  <a:cubicBezTo>
                    <a:pt x="125348" y="31048"/>
                    <a:pt x="131731" y="46426"/>
                    <a:pt x="131731" y="64705"/>
                  </a:cubicBezTo>
                  <a:cubicBezTo>
                    <a:pt x="131731" y="82986"/>
                    <a:pt x="125638" y="98364"/>
                    <a:pt x="113162" y="110551"/>
                  </a:cubicBezTo>
                  <a:cubicBezTo>
                    <a:pt x="100684" y="123027"/>
                    <a:pt x="85016" y="129120"/>
                    <a:pt x="65865" y="129120"/>
                  </a:cubicBezTo>
                  <a:cubicBezTo>
                    <a:pt x="46716" y="129120"/>
                    <a:pt x="31046" y="123027"/>
                    <a:pt x="18570" y="110551"/>
                  </a:cubicBezTo>
                  <a:cubicBezTo>
                    <a:pt x="6094" y="98364"/>
                    <a:pt x="0" y="82986"/>
                    <a:pt x="0" y="64705"/>
                  </a:cubicBezTo>
                  <a:close/>
                  <a:moveTo>
                    <a:pt x="41492" y="89659"/>
                  </a:moveTo>
                  <a:cubicBezTo>
                    <a:pt x="47876" y="96332"/>
                    <a:pt x="56000" y="99814"/>
                    <a:pt x="65865" y="99814"/>
                  </a:cubicBezTo>
                  <a:cubicBezTo>
                    <a:pt x="75441" y="99814"/>
                    <a:pt x="83276" y="96332"/>
                    <a:pt x="89949" y="89659"/>
                  </a:cubicBezTo>
                  <a:cubicBezTo>
                    <a:pt x="96622" y="82695"/>
                    <a:pt x="99814" y="74281"/>
                    <a:pt x="99814" y="64705"/>
                  </a:cubicBezTo>
                  <a:cubicBezTo>
                    <a:pt x="99814" y="55130"/>
                    <a:pt x="96622" y="46716"/>
                    <a:pt x="89949" y="40043"/>
                  </a:cubicBezTo>
                  <a:cubicBezTo>
                    <a:pt x="83276" y="33369"/>
                    <a:pt x="75441" y="29886"/>
                    <a:pt x="65865" y="29886"/>
                  </a:cubicBezTo>
                  <a:cubicBezTo>
                    <a:pt x="56000" y="29886"/>
                    <a:pt x="47876" y="33369"/>
                    <a:pt x="41492" y="40043"/>
                  </a:cubicBezTo>
                  <a:cubicBezTo>
                    <a:pt x="35110" y="46716"/>
                    <a:pt x="31918" y="54840"/>
                    <a:pt x="31918" y="64705"/>
                  </a:cubicBezTo>
                  <a:cubicBezTo>
                    <a:pt x="31918" y="74570"/>
                    <a:pt x="35110" y="82986"/>
                    <a:pt x="41492" y="89659"/>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7" name="Freeform: Shape 76">
              <a:extLst>
                <a:ext uri="{FF2B5EF4-FFF2-40B4-BE49-F238E27FC236}">
                  <a16:creationId xmlns:a16="http://schemas.microsoft.com/office/drawing/2014/main" id="{C5648962-B1CD-D063-DD91-F99A209F9D82}"/>
                </a:ext>
              </a:extLst>
            </p:cNvPr>
            <p:cNvSpPr/>
            <p:nvPr/>
          </p:nvSpPr>
          <p:spPr>
            <a:xfrm>
              <a:off x="2050238" y="5970697"/>
              <a:ext cx="117512" cy="126218"/>
            </a:xfrm>
            <a:custGeom>
              <a:avLst/>
              <a:gdLst>
                <a:gd name="connsiteX0" fmla="*/ 31918 w 117512"/>
                <a:gd name="connsiteY0" fmla="*/ 125928 h 126218"/>
                <a:gd name="connsiteX1" fmla="*/ 0 w 117512"/>
                <a:gd name="connsiteY1" fmla="*/ 125928 h 126218"/>
                <a:gd name="connsiteX2" fmla="*/ 0 w 117512"/>
                <a:gd name="connsiteY2" fmla="*/ 3192 h 126218"/>
                <a:gd name="connsiteX3" fmla="*/ 31048 w 117512"/>
                <a:gd name="connsiteY3" fmla="*/ 3192 h 126218"/>
                <a:gd name="connsiteX4" fmla="*/ 31048 w 117512"/>
                <a:gd name="connsiteY4" fmla="*/ 20311 h 126218"/>
                <a:gd name="connsiteX5" fmla="*/ 46426 w 117512"/>
                <a:gd name="connsiteY5" fmla="*/ 5513 h 126218"/>
                <a:gd name="connsiteX6" fmla="*/ 69638 w 117512"/>
                <a:gd name="connsiteY6" fmla="*/ 0 h 126218"/>
                <a:gd name="connsiteX7" fmla="*/ 103586 w 117512"/>
                <a:gd name="connsiteY7" fmla="*/ 13348 h 126218"/>
                <a:gd name="connsiteX8" fmla="*/ 117512 w 117512"/>
                <a:gd name="connsiteY8" fmla="*/ 51068 h 126218"/>
                <a:gd name="connsiteX9" fmla="*/ 117512 w 117512"/>
                <a:gd name="connsiteY9" fmla="*/ 126219 h 126218"/>
                <a:gd name="connsiteX10" fmla="*/ 85597 w 117512"/>
                <a:gd name="connsiteY10" fmla="*/ 126219 h 126218"/>
                <a:gd name="connsiteX11" fmla="*/ 85597 w 117512"/>
                <a:gd name="connsiteY11" fmla="*/ 59773 h 126218"/>
                <a:gd name="connsiteX12" fmla="*/ 78633 w 117512"/>
                <a:gd name="connsiteY12" fmla="*/ 37430 h 126218"/>
                <a:gd name="connsiteX13" fmla="*/ 59773 w 117512"/>
                <a:gd name="connsiteY13" fmla="*/ 29306 h 126218"/>
                <a:gd name="connsiteX14" fmla="*/ 39462 w 117512"/>
                <a:gd name="connsiteY14" fmla="*/ 38011 h 126218"/>
                <a:gd name="connsiteX15" fmla="*/ 31627 w 117512"/>
                <a:gd name="connsiteY15" fmla="*/ 60354 h 126218"/>
                <a:gd name="connsiteX16" fmla="*/ 31627 w 117512"/>
                <a:gd name="connsiteY16" fmla="*/ 125928 h 126218"/>
                <a:gd name="connsiteX17" fmla="*/ 31918 w 117512"/>
                <a:gd name="connsiteY17" fmla="*/ 125928 h 1262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117512" h="126218">
                  <a:moveTo>
                    <a:pt x="31918" y="125928"/>
                  </a:moveTo>
                  <a:lnTo>
                    <a:pt x="0" y="125928"/>
                  </a:lnTo>
                  <a:lnTo>
                    <a:pt x="0" y="3192"/>
                  </a:lnTo>
                  <a:lnTo>
                    <a:pt x="31048" y="3192"/>
                  </a:lnTo>
                  <a:lnTo>
                    <a:pt x="31048" y="20311"/>
                  </a:lnTo>
                  <a:cubicBezTo>
                    <a:pt x="34240" y="14218"/>
                    <a:pt x="39462" y="9286"/>
                    <a:pt x="46426" y="5513"/>
                  </a:cubicBezTo>
                  <a:cubicBezTo>
                    <a:pt x="53389" y="1741"/>
                    <a:pt x="60933" y="0"/>
                    <a:pt x="69638" y="0"/>
                  </a:cubicBezTo>
                  <a:cubicBezTo>
                    <a:pt x="82986" y="0"/>
                    <a:pt x="94302" y="4353"/>
                    <a:pt x="103586" y="13348"/>
                  </a:cubicBezTo>
                  <a:cubicBezTo>
                    <a:pt x="112875" y="22343"/>
                    <a:pt x="117512" y="34819"/>
                    <a:pt x="117512" y="51068"/>
                  </a:cubicBezTo>
                  <a:lnTo>
                    <a:pt x="117512" y="126219"/>
                  </a:lnTo>
                  <a:lnTo>
                    <a:pt x="85597" y="126219"/>
                  </a:lnTo>
                  <a:lnTo>
                    <a:pt x="85597" y="59773"/>
                  </a:lnTo>
                  <a:cubicBezTo>
                    <a:pt x="85597" y="50197"/>
                    <a:pt x="83276" y="42654"/>
                    <a:pt x="78633" y="37430"/>
                  </a:cubicBezTo>
                  <a:cubicBezTo>
                    <a:pt x="73991" y="32208"/>
                    <a:pt x="67607" y="29306"/>
                    <a:pt x="59773" y="29306"/>
                  </a:cubicBezTo>
                  <a:cubicBezTo>
                    <a:pt x="51359" y="29306"/>
                    <a:pt x="44685" y="32208"/>
                    <a:pt x="39462" y="38011"/>
                  </a:cubicBezTo>
                  <a:cubicBezTo>
                    <a:pt x="34240" y="43814"/>
                    <a:pt x="31627" y="51357"/>
                    <a:pt x="31627" y="60354"/>
                  </a:cubicBezTo>
                  <a:lnTo>
                    <a:pt x="31627" y="125928"/>
                  </a:lnTo>
                  <a:lnTo>
                    <a:pt x="31918" y="125928"/>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8" name="Freeform: Shape 77">
              <a:extLst>
                <a:ext uri="{FF2B5EF4-FFF2-40B4-BE49-F238E27FC236}">
                  <a16:creationId xmlns:a16="http://schemas.microsoft.com/office/drawing/2014/main" id="{C175F44B-6E16-350C-11A6-988143759423}"/>
                </a:ext>
              </a:extLst>
            </p:cNvPr>
            <p:cNvSpPr/>
            <p:nvPr/>
          </p:nvSpPr>
          <p:spPr>
            <a:xfrm>
              <a:off x="2183417" y="5921384"/>
              <a:ext cx="38881" cy="175253"/>
            </a:xfrm>
            <a:custGeom>
              <a:avLst/>
              <a:gdLst>
                <a:gd name="connsiteX0" fmla="*/ 38881 w 38881"/>
                <a:gd name="connsiteY0" fmla="*/ 19150 h 175253"/>
                <a:gd name="connsiteX1" fmla="*/ 33366 w 38881"/>
                <a:gd name="connsiteY1" fmla="*/ 33077 h 175253"/>
                <a:gd name="connsiteX2" fmla="*/ 19440 w 38881"/>
                <a:gd name="connsiteY2" fmla="*/ 38591 h 175253"/>
                <a:gd name="connsiteX3" fmla="*/ 5515 w 38881"/>
                <a:gd name="connsiteY3" fmla="*/ 33077 h 175253"/>
                <a:gd name="connsiteX4" fmla="*/ 0 w 38881"/>
                <a:gd name="connsiteY4" fmla="*/ 19150 h 175253"/>
                <a:gd name="connsiteX5" fmla="*/ 5515 w 38881"/>
                <a:gd name="connsiteY5" fmla="*/ 5513 h 175253"/>
                <a:gd name="connsiteX6" fmla="*/ 19440 w 38881"/>
                <a:gd name="connsiteY6" fmla="*/ 0 h 175253"/>
                <a:gd name="connsiteX7" fmla="*/ 33366 w 38881"/>
                <a:gd name="connsiteY7" fmla="*/ 5513 h 175253"/>
                <a:gd name="connsiteX8" fmla="*/ 38881 w 38881"/>
                <a:gd name="connsiteY8" fmla="*/ 19150 h 175253"/>
                <a:gd name="connsiteX9" fmla="*/ 35107 w 38881"/>
                <a:gd name="connsiteY9" fmla="*/ 52518 h 175253"/>
                <a:gd name="connsiteX10" fmla="*/ 35107 w 38881"/>
                <a:gd name="connsiteY10" fmla="*/ 175254 h 175253"/>
                <a:gd name="connsiteX11" fmla="*/ 3189 w 38881"/>
                <a:gd name="connsiteY11" fmla="*/ 175254 h 175253"/>
                <a:gd name="connsiteX12" fmla="*/ 3189 w 38881"/>
                <a:gd name="connsiteY12" fmla="*/ 52518 h 175253"/>
                <a:gd name="connsiteX13" fmla="*/ 35107 w 38881"/>
                <a:gd name="connsiteY13" fmla="*/ 52518 h 175253"/>
                <a:gd name="connsiteX14" fmla="*/ 35107 w 38881"/>
                <a:gd name="connsiteY14" fmla="*/ 52518 h 17525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38881" h="175253">
                  <a:moveTo>
                    <a:pt x="38881" y="19150"/>
                  </a:moveTo>
                  <a:cubicBezTo>
                    <a:pt x="38881" y="24663"/>
                    <a:pt x="37140" y="29306"/>
                    <a:pt x="33366" y="33077"/>
                  </a:cubicBezTo>
                  <a:cubicBezTo>
                    <a:pt x="29592" y="36850"/>
                    <a:pt x="24955" y="38591"/>
                    <a:pt x="19440" y="38591"/>
                  </a:cubicBezTo>
                  <a:cubicBezTo>
                    <a:pt x="13926" y="38591"/>
                    <a:pt x="9289" y="36850"/>
                    <a:pt x="5515" y="33077"/>
                  </a:cubicBezTo>
                  <a:cubicBezTo>
                    <a:pt x="1741" y="29306"/>
                    <a:pt x="0" y="24663"/>
                    <a:pt x="0" y="19150"/>
                  </a:cubicBezTo>
                  <a:cubicBezTo>
                    <a:pt x="0" y="13637"/>
                    <a:pt x="1741" y="8995"/>
                    <a:pt x="5515" y="5513"/>
                  </a:cubicBezTo>
                  <a:cubicBezTo>
                    <a:pt x="9289" y="1741"/>
                    <a:pt x="13926" y="0"/>
                    <a:pt x="19440" y="0"/>
                  </a:cubicBezTo>
                  <a:cubicBezTo>
                    <a:pt x="24955" y="0"/>
                    <a:pt x="29592" y="1741"/>
                    <a:pt x="33366" y="5513"/>
                  </a:cubicBezTo>
                  <a:cubicBezTo>
                    <a:pt x="37140" y="8995"/>
                    <a:pt x="38881" y="13637"/>
                    <a:pt x="38881" y="19150"/>
                  </a:cubicBezTo>
                  <a:close/>
                  <a:moveTo>
                    <a:pt x="35107" y="52518"/>
                  </a:moveTo>
                  <a:lnTo>
                    <a:pt x="35107" y="175254"/>
                  </a:lnTo>
                  <a:lnTo>
                    <a:pt x="3189" y="175254"/>
                  </a:lnTo>
                  <a:lnTo>
                    <a:pt x="3189" y="52518"/>
                  </a:lnTo>
                  <a:lnTo>
                    <a:pt x="35107" y="52518"/>
                  </a:lnTo>
                  <a:lnTo>
                    <a:pt x="35107" y="52518"/>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79" name="Freeform: Shape 78">
              <a:extLst>
                <a:ext uri="{FF2B5EF4-FFF2-40B4-BE49-F238E27FC236}">
                  <a16:creationId xmlns:a16="http://schemas.microsoft.com/office/drawing/2014/main" id="{54C0BD52-ED91-ACC5-5EDC-3966EB4F614D}"/>
                </a:ext>
              </a:extLst>
            </p:cNvPr>
            <p:cNvSpPr/>
            <p:nvPr/>
          </p:nvSpPr>
          <p:spPr>
            <a:xfrm>
              <a:off x="2231309" y="5970999"/>
              <a:ext cx="123313" cy="128538"/>
            </a:xfrm>
            <a:custGeom>
              <a:avLst/>
              <a:gdLst>
                <a:gd name="connsiteX0" fmla="*/ 65285 w 123313"/>
                <a:gd name="connsiteY0" fmla="*/ 128539 h 128538"/>
                <a:gd name="connsiteX1" fmla="*/ 18270 w 123313"/>
                <a:gd name="connsiteY1" fmla="*/ 110549 h 128538"/>
                <a:gd name="connsiteX2" fmla="*/ 0 w 123313"/>
                <a:gd name="connsiteY2" fmla="*/ 64414 h 128538"/>
                <a:gd name="connsiteX3" fmla="*/ 18563 w 123313"/>
                <a:gd name="connsiteY3" fmla="*/ 18279 h 128538"/>
                <a:gd name="connsiteX4" fmla="*/ 66147 w 123313"/>
                <a:gd name="connsiteY4" fmla="*/ 0 h 128538"/>
                <a:gd name="connsiteX5" fmla="*/ 100392 w 123313"/>
                <a:gd name="connsiteY5" fmla="*/ 8995 h 128538"/>
                <a:gd name="connsiteX6" fmla="*/ 123314 w 123313"/>
                <a:gd name="connsiteY6" fmla="*/ 34238 h 128538"/>
                <a:gd name="connsiteX7" fmla="*/ 97773 w 123313"/>
                <a:gd name="connsiteY7" fmla="*/ 48165 h 128538"/>
                <a:gd name="connsiteX8" fmla="*/ 66440 w 123313"/>
                <a:gd name="connsiteY8" fmla="*/ 29595 h 128538"/>
                <a:gd name="connsiteX9" fmla="*/ 41484 w 123313"/>
                <a:gd name="connsiteY9" fmla="*/ 39750 h 128538"/>
                <a:gd name="connsiteX10" fmla="*/ 31626 w 123313"/>
                <a:gd name="connsiteY10" fmla="*/ 64414 h 128538"/>
                <a:gd name="connsiteX11" fmla="*/ 41192 w 123313"/>
                <a:gd name="connsiteY11" fmla="*/ 89658 h 128538"/>
                <a:gd name="connsiteX12" fmla="*/ 65855 w 123313"/>
                <a:gd name="connsiteY12" fmla="*/ 99523 h 128538"/>
                <a:gd name="connsiteX13" fmla="*/ 84432 w 123313"/>
                <a:gd name="connsiteY13" fmla="*/ 94301 h 128538"/>
                <a:gd name="connsiteX14" fmla="*/ 97203 w 123313"/>
                <a:gd name="connsiteY14" fmla="*/ 80953 h 128538"/>
                <a:gd name="connsiteX15" fmla="*/ 123021 w 123313"/>
                <a:gd name="connsiteY15" fmla="*/ 96041 h 128538"/>
                <a:gd name="connsiteX16" fmla="*/ 99806 w 123313"/>
                <a:gd name="connsiteY16" fmla="*/ 119834 h 128538"/>
                <a:gd name="connsiteX17" fmla="*/ 65285 w 123313"/>
                <a:gd name="connsiteY17" fmla="*/ 128539 h 1285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123313" h="128538">
                  <a:moveTo>
                    <a:pt x="65285" y="128539"/>
                  </a:moveTo>
                  <a:cubicBezTo>
                    <a:pt x="46414" y="128539"/>
                    <a:pt x="30748" y="122445"/>
                    <a:pt x="18270" y="110549"/>
                  </a:cubicBezTo>
                  <a:cubicBezTo>
                    <a:pt x="6085" y="98652"/>
                    <a:pt x="0" y="83274"/>
                    <a:pt x="0" y="64414"/>
                  </a:cubicBezTo>
                  <a:cubicBezTo>
                    <a:pt x="0" y="45554"/>
                    <a:pt x="6085" y="30176"/>
                    <a:pt x="18563" y="18279"/>
                  </a:cubicBezTo>
                  <a:cubicBezTo>
                    <a:pt x="31040" y="6093"/>
                    <a:pt x="46999" y="0"/>
                    <a:pt x="66147" y="0"/>
                  </a:cubicBezTo>
                  <a:cubicBezTo>
                    <a:pt x="78625" y="0"/>
                    <a:pt x="90225" y="2901"/>
                    <a:pt x="100392" y="8995"/>
                  </a:cubicBezTo>
                  <a:cubicBezTo>
                    <a:pt x="110543" y="15087"/>
                    <a:pt x="118384" y="23501"/>
                    <a:pt x="123314" y="34238"/>
                  </a:cubicBezTo>
                  <a:lnTo>
                    <a:pt x="97773" y="48165"/>
                  </a:lnTo>
                  <a:cubicBezTo>
                    <a:pt x="90225" y="35689"/>
                    <a:pt x="79780" y="29595"/>
                    <a:pt x="66440" y="29595"/>
                  </a:cubicBezTo>
                  <a:cubicBezTo>
                    <a:pt x="56288" y="29595"/>
                    <a:pt x="47862" y="33077"/>
                    <a:pt x="41484" y="39750"/>
                  </a:cubicBezTo>
                  <a:cubicBezTo>
                    <a:pt x="34814" y="46425"/>
                    <a:pt x="31626" y="54549"/>
                    <a:pt x="31626" y="64414"/>
                  </a:cubicBezTo>
                  <a:cubicBezTo>
                    <a:pt x="31626" y="74569"/>
                    <a:pt x="34814" y="82984"/>
                    <a:pt x="41192" y="89658"/>
                  </a:cubicBezTo>
                  <a:cubicBezTo>
                    <a:pt x="47862" y="96331"/>
                    <a:pt x="55996" y="99523"/>
                    <a:pt x="65855" y="99523"/>
                  </a:cubicBezTo>
                  <a:cubicBezTo>
                    <a:pt x="72247" y="99523"/>
                    <a:pt x="78332" y="97782"/>
                    <a:pt x="84432" y="94301"/>
                  </a:cubicBezTo>
                  <a:cubicBezTo>
                    <a:pt x="90225" y="90818"/>
                    <a:pt x="94584" y="86466"/>
                    <a:pt x="97203" y="80953"/>
                  </a:cubicBezTo>
                  <a:lnTo>
                    <a:pt x="123021" y="96041"/>
                  </a:lnTo>
                  <a:cubicBezTo>
                    <a:pt x="117799" y="105906"/>
                    <a:pt x="109958" y="113741"/>
                    <a:pt x="99806" y="119834"/>
                  </a:cubicBezTo>
                  <a:cubicBezTo>
                    <a:pt x="89362" y="125347"/>
                    <a:pt x="77762" y="128539"/>
                    <a:pt x="65285" y="128539"/>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grpSp>
      <p:pic>
        <p:nvPicPr>
          <p:cNvPr id="80" name="Picture 79">
            <a:extLst>
              <a:ext uri="{FF2B5EF4-FFF2-40B4-BE49-F238E27FC236}">
                <a16:creationId xmlns:a16="http://schemas.microsoft.com/office/drawing/2014/main" id="{2525740E-A2FA-E69B-D7BC-80F9672FB0BC}"/>
              </a:ext>
            </a:extLst>
          </p:cNvPr>
          <p:cNvPicPr>
            <a:picLocks noChangeAspect="1"/>
          </p:cNvPicPr>
          <p:nvPr/>
        </p:nvPicPr>
        <p:blipFill>
          <a:blip r:embed="rId29" cstate="screen">
            <a:extLst>
              <a:ext uri="{28A0092B-C50C-407E-A947-70E740481C1C}">
                <a14:useLocalDpi xmlns:a14="http://schemas.microsoft.com/office/drawing/2010/main" val="0"/>
              </a:ext>
            </a:extLst>
          </a:blip>
          <a:stretch>
            <a:fillRect/>
          </a:stretch>
        </p:blipFill>
        <p:spPr>
          <a:xfrm>
            <a:off x="816919" y="6243601"/>
            <a:ext cx="705384" cy="279405"/>
          </a:xfrm>
          <a:prstGeom prst="rect">
            <a:avLst/>
          </a:prstGeom>
        </p:spPr>
      </p:pic>
      <p:pic>
        <p:nvPicPr>
          <p:cNvPr id="81" name="Picture 80" descr="Icon&#10;&#10;Description automatically generated">
            <a:extLst>
              <a:ext uri="{FF2B5EF4-FFF2-40B4-BE49-F238E27FC236}">
                <a16:creationId xmlns:a16="http://schemas.microsoft.com/office/drawing/2014/main" id="{3D024883-405D-BCF2-5409-4F40456854E9}"/>
              </a:ext>
            </a:extLst>
          </p:cNvPr>
          <p:cNvPicPr>
            <a:picLocks noChangeAspect="1"/>
          </p:cNvPicPr>
          <p:nvPr/>
        </p:nvPicPr>
        <p:blipFill>
          <a:blip r:embed="rId30" cstate="screen">
            <a:extLst>
              <a:ext uri="{28A0092B-C50C-407E-A947-70E740481C1C}">
                <a14:useLocalDpi xmlns:a14="http://schemas.microsoft.com/office/drawing/2010/main" val="0"/>
              </a:ext>
            </a:extLst>
          </a:blip>
          <a:stretch>
            <a:fillRect/>
          </a:stretch>
        </p:blipFill>
        <p:spPr>
          <a:xfrm>
            <a:off x="1711151" y="4570023"/>
            <a:ext cx="492296" cy="492296"/>
          </a:xfrm>
          <a:prstGeom prst="rect">
            <a:avLst/>
          </a:prstGeom>
        </p:spPr>
      </p:pic>
      <p:pic>
        <p:nvPicPr>
          <p:cNvPr id="82" name="Picture 81">
            <a:extLst>
              <a:ext uri="{FF2B5EF4-FFF2-40B4-BE49-F238E27FC236}">
                <a16:creationId xmlns:a16="http://schemas.microsoft.com/office/drawing/2014/main" id="{78E5F669-48BC-944B-2C81-22742C41AA98}"/>
              </a:ext>
            </a:extLst>
          </p:cNvPr>
          <p:cNvPicPr>
            <a:picLocks noChangeAspect="1"/>
          </p:cNvPicPr>
          <p:nvPr/>
        </p:nvPicPr>
        <p:blipFill>
          <a:blip r:embed="rId31" cstate="screen">
            <a:extLst>
              <a:ext uri="{28A0092B-C50C-407E-A947-70E740481C1C}">
                <a14:useLocalDpi xmlns:a14="http://schemas.microsoft.com/office/drawing/2010/main" val="0"/>
              </a:ext>
            </a:extLst>
          </a:blip>
          <a:stretch>
            <a:fillRect/>
          </a:stretch>
        </p:blipFill>
        <p:spPr>
          <a:xfrm>
            <a:off x="8401854" y="5289285"/>
            <a:ext cx="1450043" cy="281562"/>
          </a:xfrm>
          <a:prstGeom prst="rect">
            <a:avLst/>
          </a:prstGeom>
        </p:spPr>
      </p:pic>
      <p:grpSp>
        <p:nvGrpSpPr>
          <p:cNvPr id="83" name="Group 82">
            <a:extLst>
              <a:ext uri="{FF2B5EF4-FFF2-40B4-BE49-F238E27FC236}">
                <a16:creationId xmlns:a16="http://schemas.microsoft.com/office/drawing/2014/main" id="{66FDF000-701B-9FCE-41F7-E43626E94B01}"/>
              </a:ext>
            </a:extLst>
          </p:cNvPr>
          <p:cNvGrpSpPr/>
          <p:nvPr/>
        </p:nvGrpSpPr>
        <p:grpSpPr>
          <a:xfrm>
            <a:off x="9982270" y="5190022"/>
            <a:ext cx="1570774" cy="616039"/>
            <a:chOff x="10234365" y="5179879"/>
            <a:chExt cx="1570774" cy="616038"/>
          </a:xfrm>
        </p:grpSpPr>
        <p:pic>
          <p:nvPicPr>
            <p:cNvPr id="84" name="Picture 83" descr="A picture containing bubble chart&#10;&#10;Description automatically generated">
              <a:extLst>
                <a:ext uri="{FF2B5EF4-FFF2-40B4-BE49-F238E27FC236}">
                  <a16:creationId xmlns:a16="http://schemas.microsoft.com/office/drawing/2014/main" id="{BC294AB5-5035-3E3C-9D59-D767D6BE477A}"/>
                </a:ext>
              </a:extLst>
            </p:cNvPr>
            <p:cNvPicPr>
              <a:picLocks noChangeAspect="1"/>
            </p:cNvPicPr>
            <p:nvPr/>
          </p:nvPicPr>
          <p:blipFill>
            <a:blip r:embed="rId32" cstate="screen">
              <a:clrChange>
                <a:clrFrom>
                  <a:srgbClr val="FFFFFF"/>
                </a:clrFrom>
                <a:clrTo>
                  <a:srgbClr val="FFFFFF">
                    <a:alpha val="0"/>
                  </a:srgbClr>
                </a:clrTo>
              </a:clrChange>
              <a:extLst>
                <a:ext uri="{28A0092B-C50C-407E-A947-70E740481C1C}">
                  <a14:useLocalDpi xmlns:a14="http://schemas.microsoft.com/office/drawing/2010/main" val="0"/>
                </a:ext>
              </a:extLst>
            </a:blip>
            <a:stretch>
              <a:fillRect/>
            </a:stretch>
          </p:blipFill>
          <p:spPr>
            <a:xfrm>
              <a:off x="10306504" y="5179879"/>
              <a:ext cx="1426497" cy="442287"/>
            </a:xfrm>
            <a:prstGeom prst="rect">
              <a:avLst/>
            </a:prstGeom>
          </p:spPr>
        </p:pic>
        <p:sp>
          <p:nvSpPr>
            <p:cNvPr id="85" name="TextBox 84">
              <a:extLst>
                <a:ext uri="{FF2B5EF4-FFF2-40B4-BE49-F238E27FC236}">
                  <a16:creationId xmlns:a16="http://schemas.microsoft.com/office/drawing/2014/main" id="{D51EC669-C89E-9A09-2BD6-4F065DD2ABDE}"/>
                </a:ext>
              </a:extLst>
            </p:cNvPr>
            <p:cNvSpPr txBox="1"/>
            <p:nvPr/>
          </p:nvSpPr>
          <p:spPr>
            <a:xfrm>
              <a:off x="10234365" y="5518918"/>
              <a:ext cx="1570774" cy="276999"/>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srgbClr val="0859A1"/>
                  </a:solidFill>
                  <a:effectLst/>
                  <a:uLnTx/>
                  <a:uFillTx/>
                  <a:latin typeface="Calibri"/>
                  <a:ea typeface="Tahoma" panose="020B0604030504040204" pitchFamily="34" charset="0"/>
                  <a:cs typeface="Tahoma" panose="020B0604030504040204" pitchFamily="34" charset="0"/>
                </a:rPr>
                <a:t>Microsoft Viva</a:t>
              </a:r>
              <a:endParaRPr kumimoji="0" lang="en-IN" sz="1200" b="1" i="0" u="none" strike="noStrike" kern="1200" cap="none" spc="0" normalizeH="0" baseline="0" noProof="0">
                <a:ln>
                  <a:noFill/>
                </a:ln>
                <a:solidFill>
                  <a:srgbClr val="0859A1"/>
                </a:solidFill>
                <a:effectLst/>
                <a:uLnTx/>
                <a:uFillTx/>
                <a:latin typeface="Calibri"/>
                <a:ea typeface="+mn-ea"/>
                <a:cs typeface="+mn-cs"/>
              </a:endParaRPr>
            </a:p>
          </p:txBody>
        </p:sp>
      </p:grpSp>
      <p:pic>
        <p:nvPicPr>
          <p:cNvPr id="86" name="Picture 85">
            <a:extLst>
              <a:ext uri="{FF2B5EF4-FFF2-40B4-BE49-F238E27FC236}">
                <a16:creationId xmlns:a16="http://schemas.microsoft.com/office/drawing/2014/main" id="{53D4C380-18B7-65BA-E73C-B554BA957C8B}"/>
              </a:ext>
            </a:extLst>
          </p:cNvPr>
          <p:cNvPicPr>
            <a:picLocks noChangeAspect="1"/>
          </p:cNvPicPr>
          <p:nvPr/>
        </p:nvPicPr>
        <p:blipFill>
          <a:blip r:embed="rId33">
            <a:clrChange>
              <a:clrFrom>
                <a:srgbClr val="FFFFFF"/>
              </a:clrFrom>
              <a:clrTo>
                <a:srgbClr val="FFFFFF">
                  <a:alpha val="0"/>
                </a:srgbClr>
              </a:clrTo>
            </a:clrChange>
            <a:extLst>
              <a:ext uri="{28A0092B-C50C-407E-A947-70E740481C1C}">
                <a14:useLocalDpi xmlns:a14="http://schemas.microsoft.com/office/drawing/2010/main" val="0"/>
              </a:ext>
            </a:extLst>
          </a:blip>
          <a:stretch>
            <a:fillRect/>
          </a:stretch>
        </p:blipFill>
        <p:spPr>
          <a:xfrm>
            <a:off x="4460804" y="5415257"/>
            <a:ext cx="2038540" cy="353548"/>
          </a:xfrm>
          <a:prstGeom prst="rect">
            <a:avLst/>
          </a:prstGeom>
        </p:spPr>
      </p:pic>
      <p:pic>
        <p:nvPicPr>
          <p:cNvPr id="87" name="Picture 86">
            <a:extLst>
              <a:ext uri="{FF2B5EF4-FFF2-40B4-BE49-F238E27FC236}">
                <a16:creationId xmlns:a16="http://schemas.microsoft.com/office/drawing/2014/main" id="{AF86822F-DFAA-2DC6-19B8-0A0DF04289DC}"/>
              </a:ext>
            </a:extLst>
          </p:cNvPr>
          <p:cNvPicPr>
            <a:picLocks noChangeAspect="1"/>
          </p:cNvPicPr>
          <p:nvPr/>
        </p:nvPicPr>
        <p:blipFill>
          <a:blip r:embed="rId34" cstate="screen">
            <a:extLst>
              <a:ext uri="{28A0092B-C50C-407E-A947-70E740481C1C}">
                <a14:useLocalDpi xmlns:a14="http://schemas.microsoft.com/office/drawing/2010/main" val="0"/>
              </a:ext>
            </a:extLst>
          </a:blip>
          <a:stretch>
            <a:fillRect/>
          </a:stretch>
        </p:blipFill>
        <p:spPr>
          <a:xfrm>
            <a:off x="5563726" y="6057747"/>
            <a:ext cx="1152544" cy="269965"/>
          </a:xfrm>
          <a:prstGeom prst="rect">
            <a:avLst/>
          </a:prstGeom>
        </p:spPr>
      </p:pic>
      <p:pic>
        <p:nvPicPr>
          <p:cNvPr id="88" name="Picture 87" descr="Icon&#10;&#10;Description automatically generated">
            <a:extLst>
              <a:ext uri="{FF2B5EF4-FFF2-40B4-BE49-F238E27FC236}">
                <a16:creationId xmlns:a16="http://schemas.microsoft.com/office/drawing/2014/main" id="{30B6E3C8-86C1-0838-65D0-8D0FEB01D65F}"/>
              </a:ext>
            </a:extLst>
          </p:cNvPr>
          <p:cNvPicPr>
            <a:picLocks noChangeAspect="1"/>
          </p:cNvPicPr>
          <p:nvPr/>
        </p:nvPicPr>
        <p:blipFill>
          <a:blip r:embed="rId35" cstate="screen">
            <a:extLst>
              <a:ext uri="{28A0092B-C50C-407E-A947-70E740481C1C}">
                <a14:useLocalDpi xmlns:a14="http://schemas.microsoft.com/office/drawing/2010/main" val="0"/>
              </a:ext>
            </a:extLst>
          </a:blip>
          <a:stretch>
            <a:fillRect/>
          </a:stretch>
        </p:blipFill>
        <p:spPr>
          <a:xfrm>
            <a:off x="3232125" y="3927841"/>
            <a:ext cx="527245" cy="527245"/>
          </a:xfrm>
          <a:prstGeom prst="rect">
            <a:avLst/>
          </a:prstGeom>
        </p:spPr>
      </p:pic>
      <p:cxnSp>
        <p:nvCxnSpPr>
          <p:cNvPr id="89" name="Straight Connector 88">
            <a:extLst>
              <a:ext uri="{FF2B5EF4-FFF2-40B4-BE49-F238E27FC236}">
                <a16:creationId xmlns:a16="http://schemas.microsoft.com/office/drawing/2014/main" id="{4CE40692-5D1D-CDB0-5A0E-38C91B3A150E}"/>
              </a:ext>
            </a:extLst>
          </p:cNvPr>
          <p:cNvCxnSpPr>
            <a:cxnSpLocks/>
          </p:cNvCxnSpPr>
          <p:nvPr/>
        </p:nvCxnSpPr>
        <p:spPr>
          <a:xfrm>
            <a:off x="4202548" y="2219593"/>
            <a:ext cx="0" cy="4293432"/>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90" name="Straight Connector 89">
            <a:extLst>
              <a:ext uri="{FF2B5EF4-FFF2-40B4-BE49-F238E27FC236}">
                <a16:creationId xmlns:a16="http://schemas.microsoft.com/office/drawing/2014/main" id="{DB0BD2A7-0ACD-1265-AF90-32EB0831AF8E}"/>
              </a:ext>
            </a:extLst>
          </p:cNvPr>
          <p:cNvCxnSpPr>
            <a:cxnSpLocks/>
          </p:cNvCxnSpPr>
          <p:nvPr/>
        </p:nvCxnSpPr>
        <p:spPr>
          <a:xfrm>
            <a:off x="8051579" y="2219593"/>
            <a:ext cx="0" cy="4293432"/>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620314845"/>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7C35917-99DB-EA3A-2D1F-FB3857CD11B7}"/>
              </a:ext>
            </a:extLst>
          </p:cNvPr>
          <p:cNvSpPr>
            <a:spLocks noGrp="1"/>
          </p:cNvSpPr>
          <p:nvPr>
            <p:ph type="title"/>
          </p:nvPr>
        </p:nvSpPr>
        <p:spPr/>
        <p:txBody>
          <a:bodyPr/>
          <a:lstStyle/>
          <a:p>
            <a:r>
              <a:rPr lang="en-IN"/>
              <a:t>Service Models</a:t>
            </a:r>
          </a:p>
        </p:txBody>
      </p:sp>
      <p:sp>
        <p:nvSpPr>
          <p:cNvPr id="4" name="Rectangle 3">
            <a:extLst>
              <a:ext uri="{FF2B5EF4-FFF2-40B4-BE49-F238E27FC236}">
                <a16:creationId xmlns:a16="http://schemas.microsoft.com/office/drawing/2014/main" id="{DB22723B-9176-1ABB-5107-6C3471D226CE}"/>
              </a:ext>
            </a:extLst>
          </p:cNvPr>
          <p:cNvSpPr/>
          <p:nvPr/>
        </p:nvSpPr>
        <p:spPr>
          <a:xfrm>
            <a:off x="585923" y="1696977"/>
            <a:ext cx="3520022" cy="3405376"/>
          </a:xfrm>
          <a:prstGeom prst="rect">
            <a:avLst/>
          </a:prstGeom>
          <a:solidFill>
            <a:schemeClr val="bg1"/>
          </a:solidFill>
          <a:ln>
            <a:noFill/>
          </a:ln>
          <a:effectLst>
            <a:outerShdw blurRad="241300" sx="104000" sy="104000" algn="ctr"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 Box 6">
            <a:extLst>
              <a:ext uri="{FF2B5EF4-FFF2-40B4-BE49-F238E27FC236}">
                <a16:creationId xmlns:a16="http://schemas.microsoft.com/office/drawing/2014/main" id="{361C61B6-EE9A-3DA5-2719-8922C1AD7EF3}"/>
              </a:ext>
            </a:extLst>
          </p:cNvPr>
          <p:cNvSpPr txBox="1">
            <a:spLocks noChangeArrowheads="1"/>
          </p:cNvSpPr>
          <p:nvPr/>
        </p:nvSpPr>
        <p:spPr bwMode="auto">
          <a:xfrm>
            <a:off x="815264" y="3517309"/>
            <a:ext cx="3015079" cy="6001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nchor="ctr">
            <a:spAutoFit/>
          </a:bodyPr>
          <a:lstStyle>
            <a:lvl1pPr marL="174625" indent="-174625" eaLnBrk="0" hangingPunct="0">
              <a:defRPr sz="1200" b="1">
                <a:solidFill>
                  <a:srgbClr val="42535A"/>
                </a:solidFill>
                <a:latin typeface="Calibri" pitchFamily="34" charset="0"/>
                <a:cs typeface="Arial" charset="0"/>
              </a:defRPr>
            </a:lvl1pPr>
            <a:lvl2pPr marL="742950" indent="-285750" eaLnBrk="0" hangingPunct="0">
              <a:defRPr sz="1200" b="1">
                <a:solidFill>
                  <a:srgbClr val="42535A"/>
                </a:solidFill>
                <a:latin typeface="Calibri" pitchFamily="34" charset="0"/>
                <a:cs typeface="Arial" charset="0"/>
              </a:defRPr>
            </a:lvl2pPr>
            <a:lvl3pPr marL="1143000" indent="-228600" eaLnBrk="0" hangingPunct="0">
              <a:defRPr sz="1200" b="1">
                <a:solidFill>
                  <a:srgbClr val="42535A"/>
                </a:solidFill>
                <a:latin typeface="Calibri" pitchFamily="34" charset="0"/>
                <a:cs typeface="Arial" charset="0"/>
              </a:defRPr>
            </a:lvl3pPr>
            <a:lvl4pPr marL="1600200" indent="-228600" eaLnBrk="0" hangingPunct="0">
              <a:defRPr sz="1200" b="1">
                <a:solidFill>
                  <a:srgbClr val="42535A"/>
                </a:solidFill>
                <a:latin typeface="Calibri" pitchFamily="34" charset="0"/>
                <a:cs typeface="Arial" charset="0"/>
              </a:defRPr>
            </a:lvl4pPr>
            <a:lvl5pPr marL="2057400" indent="-228600" eaLnBrk="0" hangingPunct="0">
              <a:defRPr sz="1200" b="1">
                <a:solidFill>
                  <a:srgbClr val="42535A"/>
                </a:solidFill>
                <a:latin typeface="Calibri" pitchFamily="34" charset="0"/>
                <a:cs typeface="Arial" charset="0"/>
              </a:defRPr>
            </a:lvl5pPr>
            <a:lvl6pPr marL="2514600" indent="-228600" eaLnBrk="0" fontAlgn="base" hangingPunct="0">
              <a:spcBef>
                <a:spcPct val="0"/>
              </a:spcBef>
              <a:spcAft>
                <a:spcPct val="0"/>
              </a:spcAft>
              <a:defRPr sz="1200" b="1">
                <a:solidFill>
                  <a:srgbClr val="42535A"/>
                </a:solidFill>
                <a:latin typeface="Calibri" pitchFamily="34" charset="0"/>
                <a:cs typeface="Arial" charset="0"/>
              </a:defRPr>
            </a:lvl6pPr>
            <a:lvl7pPr marL="2971800" indent="-228600" eaLnBrk="0" fontAlgn="base" hangingPunct="0">
              <a:spcBef>
                <a:spcPct val="0"/>
              </a:spcBef>
              <a:spcAft>
                <a:spcPct val="0"/>
              </a:spcAft>
              <a:defRPr sz="1200" b="1">
                <a:solidFill>
                  <a:srgbClr val="42535A"/>
                </a:solidFill>
                <a:latin typeface="Calibri" pitchFamily="34" charset="0"/>
                <a:cs typeface="Arial" charset="0"/>
              </a:defRPr>
            </a:lvl7pPr>
            <a:lvl8pPr marL="3429000" indent="-228600" eaLnBrk="0" fontAlgn="base" hangingPunct="0">
              <a:spcBef>
                <a:spcPct val="0"/>
              </a:spcBef>
              <a:spcAft>
                <a:spcPct val="0"/>
              </a:spcAft>
              <a:defRPr sz="1200" b="1">
                <a:solidFill>
                  <a:srgbClr val="42535A"/>
                </a:solidFill>
                <a:latin typeface="Calibri" pitchFamily="34" charset="0"/>
                <a:cs typeface="Arial" charset="0"/>
              </a:defRPr>
            </a:lvl8pPr>
            <a:lvl9pPr marL="3886200" indent="-228600" eaLnBrk="0" fontAlgn="base" hangingPunct="0">
              <a:spcBef>
                <a:spcPct val="0"/>
              </a:spcBef>
              <a:spcAft>
                <a:spcPct val="0"/>
              </a:spcAft>
              <a:defRPr sz="1200" b="1">
                <a:solidFill>
                  <a:srgbClr val="42535A"/>
                </a:solidFill>
                <a:latin typeface="Calibri" pitchFamily="34" charset="0"/>
                <a:cs typeface="Arial" charset="0"/>
              </a:defRPr>
            </a:lvl9pPr>
          </a:lstStyle>
          <a:p>
            <a:pPr marL="0" lvl="0" indent="0" eaLnBrk="1" fontAlgn="base" hangingPunct="1">
              <a:spcBef>
                <a:spcPct val="0"/>
              </a:spcBef>
              <a:spcAft>
                <a:spcPct val="0"/>
              </a:spcAft>
              <a:defRPr/>
            </a:pPr>
            <a:r>
              <a:rPr lang="en-US" sz="1100" b="0">
                <a:solidFill>
                  <a:schemeClr val="tx1"/>
                </a:solidFill>
                <a:latin typeface="Roboto Light" panose="02000000000000000000" pitchFamily="2" charset="0"/>
                <a:ea typeface="Roboto Light" panose="02000000000000000000" pitchFamily="2" charset="0"/>
                <a:cs typeface="Roboto Light" panose="02000000000000000000" pitchFamily="2" charset="0"/>
              </a:rPr>
              <a:t>Instructional Designers, Trainers, Tech Writers, Process and Procedures, LMS Consultants</a:t>
            </a:r>
          </a:p>
        </p:txBody>
      </p:sp>
      <p:sp>
        <p:nvSpPr>
          <p:cNvPr id="6" name="Rectangle 5">
            <a:extLst>
              <a:ext uri="{FF2B5EF4-FFF2-40B4-BE49-F238E27FC236}">
                <a16:creationId xmlns:a16="http://schemas.microsoft.com/office/drawing/2014/main" id="{EF53C24B-C37D-8AF6-65DE-30292E98F08B}"/>
              </a:ext>
            </a:extLst>
          </p:cNvPr>
          <p:cNvSpPr/>
          <p:nvPr/>
        </p:nvSpPr>
        <p:spPr>
          <a:xfrm>
            <a:off x="595288" y="1432297"/>
            <a:ext cx="3520022" cy="1829322"/>
          </a:xfrm>
          <a:prstGeom prst="rect">
            <a:avLst/>
          </a:prstGeom>
          <a:solidFill>
            <a:srgbClr val="045694"/>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Rectangle 6">
            <a:extLst>
              <a:ext uri="{FF2B5EF4-FFF2-40B4-BE49-F238E27FC236}">
                <a16:creationId xmlns:a16="http://schemas.microsoft.com/office/drawing/2014/main" id="{5F9807FA-A3CC-901C-E005-21FAC5DD920F}"/>
              </a:ext>
            </a:extLst>
          </p:cNvPr>
          <p:cNvSpPr/>
          <p:nvPr/>
        </p:nvSpPr>
        <p:spPr>
          <a:xfrm>
            <a:off x="652535" y="2583798"/>
            <a:ext cx="3522423" cy="584775"/>
          </a:xfrm>
          <a:prstGeom prst="rect">
            <a:avLst/>
          </a:prstGeom>
        </p:spPr>
        <p:txBody>
          <a:bodyPr wrap="square">
            <a:spAutoFit/>
          </a:bodyPr>
          <a:lstStyle/>
          <a:p>
            <a:pPr lvl="0" algn="ctr" fontAlgn="base">
              <a:spcBef>
                <a:spcPct val="0"/>
              </a:spcBef>
              <a:spcAft>
                <a:spcPct val="0"/>
              </a:spcAft>
              <a:defRPr/>
            </a:pPr>
            <a:r>
              <a:rPr lang="en-US" altLang="en-US" sz="1600" b="1">
                <a:solidFill>
                  <a:schemeClr val="bg1"/>
                </a:solidFill>
                <a:latin typeface="Roboto "/>
                <a:cs typeface="Arial" charset="0"/>
              </a:rPr>
              <a:t>Model 1</a:t>
            </a:r>
          </a:p>
          <a:p>
            <a:pPr lvl="0" algn="ctr" fontAlgn="base">
              <a:spcBef>
                <a:spcPct val="0"/>
              </a:spcBef>
              <a:spcAft>
                <a:spcPct val="0"/>
              </a:spcAft>
              <a:defRPr/>
            </a:pPr>
            <a:r>
              <a:rPr lang="en-US" altLang="en-US" sz="1600">
                <a:solidFill>
                  <a:schemeClr val="bg1"/>
                </a:solidFill>
                <a:latin typeface="Roboto "/>
                <a:cs typeface="Arial" charset="0"/>
              </a:rPr>
              <a:t>Consulting</a:t>
            </a:r>
          </a:p>
        </p:txBody>
      </p:sp>
      <p:sp>
        <p:nvSpPr>
          <p:cNvPr id="8" name="Rectangle 7">
            <a:extLst>
              <a:ext uri="{FF2B5EF4-FFF2-40B4-BE49-F238E27FC236}">
                <a16:creationId xmlns:a16="http://schemas.microsoft.com/office/drawing/2014/main" id="{A3D46B49-5BFF-FDF0-C0FA-B3EEA456E847}"/>
              </a:ext>
            </a:extLst>
          </p:cNvPr>
          <p:cNvSpPr/>
          <p:nvPr/>
        </p:nvSpPr>
        <p:spPr>
          <a:xfrm>
            <a:off x="8041074" y="1432297"/>
            <a:ext cx="3520022" cy="3670056"/>
          </a:xfrm>
          <a:prstGeom prst="rect">
            <a:avLst/>
          </a:prstGeom>
          <a:solidFill>
            <a:schemeClr val="bg1"/>
          </a:solidFill>
          <a:ln>
            <a:noFill/>
          </a:ln>
          <a:effectLst>
            <a:outerShdw blurRad="241300" sx="104000" sy="104000" algn="ctr"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87716EFF-D4BE-0961-E080-1093C68A488C}"/>
              </a:ext>
            </a:extLst>
          </p:cNvPr>
          <p:cNvSpPr/>
          <p:nvPr/>
        </p:nvSpPr>
        <p:spPr>
          <a:xfrm>
            <a:off x="8041074" y="1432297"/>
            <a:ext cx="3520022" cy="1829322"/>
          </a:xfrm>
          <a:prstGeom prst="rect">
            <a:avLst/>
          </a:prstGeom>
          <a:solidFill>
            <a:srgbClr val="4BACC6"/>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 Box 7">
            <a:extLst>
              <a:ext uri="{FF2B5EF4-FFF2-40B4-BE49-F238E27FC236}">
                <a16:creationId xmlns:a16="http://schemas.microsoft.com/office/drawing/2014/main" id="{4F9FE8D5-76A6-44BD-454A-B4206FAB99B5}"/>
              </a:ext>
            </a:extLst>
          </p:cNvPr>
          <p:cNvSpPr txBox="1">
            <a:spLocks noChangeArrowheads="1"/>
          </p:cNvSpPr>
          <p:nvPr/>
        </p:nvSpPr>
        <p:spPr bwMode="auto">
          <a:xfrm>
            <a:off x="8208862" y="3417281"/>
            <a:ext cx="3037881" cy="98488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nchor="ctr">
            <a:spAutoFit/>
          </a:bodyPr>
          <a:lstStyle>
            <a:lvl1pPr marL="174625" indent="-174625" eaLnBrk="0" hangingPunct="0">
              <a:defRPr sz="1200" b="1">
                <a:solidFill>
                  <a:srgbClr val="42535A"/>
                </a:solidFill>
                <a:latin typeface="Calibri" pitchFamily="34" charset="0"/>
                <a:cs typeface="Arial" charset="0"/>
              </a:defRPr>
            </a:lvl1pPr>
            <a:lvl2pPr marL="742950" indent="-285750" eaLnBrk="0" hangingPunct="0">
              <a:defRPr sz="1200" b="1">
                <a:solidFill>
                  <a:srgbClr val="42535A"/>
                </a:solidFill>
                <a:latin typeface="Calibri" pitchFamily="34" charset="0"/>
                <a:cs typeface="Arial" charset="0"/>
              </a:defRPr>
            </a:lvl2pPr>
            <a:lvl3pPr marL="1143000" indent="-228600" eaLnBrk="0" hangingPunct="0">
              <a:defRPr sz="1200" b="1">
                <a:solidFill>
                  <a:srgbClr val="42535A"/>
                </a:solidFill>
                <a:latin typeface="Calibri" pitchFamily="34" charset="0"/>
                <a:cs typeface="Arial" charset="0"/>
              </a:defRPr>
            </a:lvl3pPr>
            <a:lvl4pPr marL="1600200" indent="-228600" eaLnBrk="0" hangingPunct="0">
              <a:defRPr sz="1200" b="1">
                <a:solidFill>
                  <a:srgbClr val="42535A"/>
                </a:solidFill>
                <a:latin typeface="Calibri" pitchFamily="34" charset="0"/>
                <a:cs typeface="Arial" charset="0"/>
              </a:defRPr>
            </a:lvl4pPr>
            <a:lvl5pPr marL="2057400" indent="-228600" eaLnBrk="0" hangingPunct="0">
              <a:defRPr sz="1200" b="1">
                <a:solidFill>
                  <a:srgbClr val="42535A"/>
                </a:solidFill>
                <a:latin typeface="Calibri" pitchFamily="34" charset="0"/>
                <a:cs typeface="Arial" charset="0"/>
              </a:defRPr>
            </a:lvl5pPr>
            <a:lvl6pPr marL="2514600" indent="-228600" eaLnBrk="0" fontAlgn="base" hangingPunct="0">
              <a:spcBef>
                <a:spcPct val="0"/>
              </a:spcBef>
              <a:spcAft>
                <a:spcPct val="0"/>
              </a:spcAft>
              <a:defRPr sz="1200" b="1">
                <a:solidFill>
                  <a:srgbClr val="42535A"/>
                </a:solidFill>
                <a:latin typeface="Calibri" pitchFamily="34" charset="0"/>
                <a:cs typeface="Arial" charset="0"/>
              </a:defRPr>
            </a:lvl6pPr>
            <a:lvl7pPr marL="2971800" indent="-228600" eaLnBrk="0" fontAlgn="base" hangingPunct="0">
              <a:spcBef>
                <a:spcPct val="0"/>
              </a:spcBef>
              <a:spcAft>
                <a:spcPct val="0"/>
              </a:spcAft>
              <a:defRPr sz="1200" b="1">
                <a:solidFill>
                  <a:srgbClr val="42535A"/>
                </a:solidFill>
                <a:latin typeface="Calibri" pitchFamily="34" charset="0"/>
                <a:cs typeface="Arial" charset="0"/>
              </a:defRPr>
            </a:lvl7pPr>
            <a:lvl8pPr marL="3429000" indent="-228600" eaLnBrk="0" fontAlgn="base" hangingPunct="0">
              <a:spcBef>
                <a:spcPct val="0"/>
              </a:spcBef>
              <a:spcAft>
                <a:spcPct val="0"/>
              </a:spcAft>
              <a:defRPr sz="1200" b="1">
                <a:solidFill>
                  <a:srgbClr val="42535A"/>
                </a:solidFill>
                <a:latin typeface="Calibri" pitchFamily="34" charset="0"/>
                <a:cs typeface="Arial" charset="0"/>
              </a:defRPr>
            </a:lvl8pPr>
            <a:lvl9pPr marL="3886200" indent="-228600" eaLnBrk="0" fontAlgn="base" hangingPunct="0">
              <a:spcBef>
                <a:spcPct val="0"/>
              </a:spcBef>
              <a:spcAft>
                <a:spcPct val="0"/>
              </a:spcAft>
              <a:defRPr sz="1200" b="1">
                <a:solidFill>
                  <a:srgbClr val="42535A"/>
                </a:solidFill>
                <a:latin typeface="Calibri" pitchFamily="34" charset="0"/>
                <a:cs typeface="Arial" charset="0"/>
              </a:defRPr>
            </a:lvl9pPr>
          </a:lstStyle>
          <a:p>
            <a:pPr marL="0" lvl="0" indent="0" eaLnBrk="1" fontAlgn="base" hangingPunct="1">
              <a:spcBef>
                <a:spcPct val="0"/>
              </a:spcBef>
              <a:spcAft>
                <a:spcPct val="0"/>
              </a:spcAft>
              <a:defRPr/>
            </a:pPr>
            <a:endParaRPr lang="en-US" altLang="en-US" sz="1400" b="0">
              <a:solidFill>
                <a:srgbClr val="404040"/>
              </a:solidFill>
              <a:latin typeface="Calibri"/>
            </a:endParaRPr>
          </a:p>
          <a:p>
            <a:pPr marL="0" lvl="0" indent="0" eaLnBrk="1" fontAlgn="base" hangingPunct="1">
              <a:spcBef>
                <a:spcPct val="0"/>
              </a:spcBef>
              <a:spcAft>
                <a:spcPct val="0"/>
              </a:spcAft>
              <a:defRPr/>
            </a:pPr>
            <a:r>
              <a:rPr lang="en-US" altLang="en-US" sz="1100" b="0">
                <a:solidFill>
                  <a:schemeClr val="tx1"/>
                </a:solidFill>
                <a:latin typeface="Roboto Light" panose="02000000000000000000" pitchFamily="2" charset="0"/>
                <a:ea typeface="Roboto Light" panose="02000000000000000000" pitchFamily="2" charset="0"/>
                <a:cs typeface="Roboto Light" panose="02000000000000000000" pitchFamily="2" charset="0"/>
              </a:rPr>
              <a:t>A unique combination of Model 1 and Model 2, providing clients with highly qualified local resources with the cost efficiencies of an offshore team</a:t>
            </a:r>
          </a:p>
        </p:txBody>
      </p:sp>
      <p:sp>
        <p:nvSpPr>
          <p:cNvPr id="11" name="Text Box 9">
            <a:extLst>
              <a:ext uri="{FF2B5EF4-FFF2-40B4-BE49-F238E27FC236}">
                <a16:creationId xmlns:a16="http://schemas.microsoft.com/office/drawing/2014/main" id="{D7DDA30A-2B6F-A779-C58F-9A9354D0C732}"/>
              </a:ext>
            </a:extLst>
          </p:cNvPr>
          <p:cNvSpPr txBox="1">
            <a:spLocks noChangeArrowheads="1"/>
          </p:cNvSpPr>
          <p:nvPr/>
        </p:nvSpPr>
        <p:spPr bwMode="auto">
          <a:xfrm>
            <a:off x="8041074" y="2571362"/>
            <a:ext cx="3520022" cy="584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174625" indent="-174625" eaLnBrk="0" hangingPunct="0">
              <a:defRPr sz="1200" b="1">
                <a:solidFill>
                  <a:srgbClr val="42535A"/>
                </a:solidFill>
                <a:latin typeface="Calibri" pitchFamily="34" charset="0"/>
                <a:cs typeface="Arial" charset="0"/>
              </a:defRPr>
            </a:lvl1pPr>
            <a:lvl2pPr marL="742950" indent="-285750" eaLnBrk="0" hangingPunct="0">
              <a:defRPr sz="1200" b="1">
                <a:solidFill>
                  <a:srgbClr val="42535A"/>
                </a:solidFill>
                <a:latin typeface="Calibri" pitchFamily="34" charset="0"/>
                <a:cs typeface="Arial" charset="0"/>
              </a:defRPr>
            </a:lvl2pPr>
            <a:lvl3pPr marL="1143000" indent="-228600" eaLnBrk="0" hangingPunct="0">
              <a:defRPr sz="1200" b="1">
                <a:solidFill>
                  <a:srgbClr val="42535A"/>
                </a:solidFill>
                <a:latin typeface="Calibri" pitchFamily="34" charset="0"/>
                <a:cs typeface="Arial" charset="0"/>
              </a:defRPr>
            </a:lvl3pPr>
            <a:lvl4pPr marL="1600200" indent="-228600" eaLnBrk="0" hangingPunct="0">
              <a:defRPr sz="1200" b="1">
                <a:solidFill>
                  <a:srgbClr val="42535A"/>
                </a:solidFill>
                <a:latin typeface="Calibri" pitchFamily="34" charset="0"/>
                <a:cs typeface="Arial" charset="0"/>
              </a:defRPr>
            </a:lvl4pPr>
            <a:lvl5pPr marL="2057400" indent="-228600" eaLnBrk="0" hangingPunct="0">
              <a:defRPr sz="1200" b="1">
                <a:solidFill>
                  <a:srgbClr val="42535A"/>
                </a:solidFill>
                <a:latin typeface="Calibri" pitchFamily="34" charset="0"/>
                <a:cs typeface="Arial" charset="0"/>
              </a:defRPr>
            </a:lvl5pPr>
            <a:lvl6pPr marL="2514600" indent="-228600" eaLnBrk="0" fontAlgn="base" hangingPunct="0">
              <a:spcBef>
                <a:spcPct val="0"/>
              </a:spcBef>
              <a:spcAft>
                <a:spcPct val="0"/>
              </a:spcAft>
              <a:defRPr sz="1200" b="1">
                <a:solidFill>
                  <a:srgbClr val="42535A"/>
                </a:solidFill>
                <a:latin typeface="Calibri" pitchFamily="34" charset="0"/>
                <a:cs typeface="Arial" charset="0"/>
              </a:defRPr>
            </a:lvl6pPr>
            <a:lvl7pPr marL="2971800" indent="-228600" eaLnBrk="0" fontAlgn="base" hangingPunct="0">
              <a:spcBef>
                <a:spcPct val="0"/>
              </a:spcBef>
              <a:spcAft>
                <a:spcPct val="0"/>
              </a:spcAft>
              <a:defRPr sz="1200" b="1">
                <a:solidFill>
                  <a:srgbClr val="42535A"/>
                </a:solidFill>
                <a:latin typeface="Calibri" pitchFamily="34" charset="0"/>
                <a:cs typeface="Arial" charset="0"/>
              </a:defRPr>
            </a:lvl7pPr>
            <a:lvl8pPr marL="3429000" indent="-228600" eaLnBrk="0" fontAlgn="base" hangingPunct="0">
              <a:spcBef>
                <a:spcPct val="0"/>
              </a:spcBef>
              <a:spcAft>
                <a:spcPct val="0"/>
              </a:spcAft>
              <a:defRPr sz="1200" b="1">
                <a:solidFill>
                  <a:srgbClr val="42535A"/>
                </a:solidFill>
                <a:latin typeface="Calibri" pitchFamily="34" charset="0"/>
                <a:cs typeface="Arial" charset="0"/>
              </a:defRPr>
            </a:lvl8pPr>
            <a:lvl9pPr marL="3886200" indent="-228600" eaLnBrk="0" fontAlgn="base" hangingPunct="0">
              <a:spcBef>
                <a:spcPct val="0"/>
              </a:spcBef>
              <a:spcAft>
                <a:spcPct val="0"/>
              </a:spcAft>
              <a:defRPr sz="1200" b="1">
                <a:solidFill>
                  <a:srgbClr val="42535A"/>
                </a:solidFill>
                <a:latin typeface="Calibri" pitchFamily="34" charset="0"/>
                <a:cs typeface="Arial" charset="0"/>
              </a:defRPr>
            </a:lvl9pPr>
          </a:lstStyle>
          <a:p>
            <a:pPr lvl="0" algn="ctr" eaLnBrk="1" fontAlgn="base" hangingPunct="1">
              <a:spcBef>
                <a:spcPct val="0"/>
              </a:spcBef>
              <a:spcAft>
                <a:spcPct val="0"/>
              </a:spcAft>
              <a:defRPr/>
            </a:pPr>
            <a:r>
              <a:rPr lang="en-US" altLang="en-US" sz="1600">
                <a:solidFill>
                  <a:schemeClr val="bg1"/>
                </a:solidFill>
                <a:latin typeface="Roboto "/>
              </a:rPr>
              <a:t>Model 3</a:t>
            </a:r>
          </a:p>
          <a:p>
            <a:pPr lvl="0" algn="ctr" eaLnBrk="1" fontAlgn="base" hangingPunct="1">
              <a:spcBef>
                <a:spcPct val="0"/>
              </a:spcBef>
              <a:spcAft>
                <a:spcPct val="0"/>
              </a:spcAft>
              <a:defRPr/>
            </a:pPr>
            <a:r>
              <a:rPr lang="en-US" altLang="en-US" sz="1600" b="0">
                <a:solidFill>
                  <a:schemeClr val="bg1"/>
                </a:solidFill>
                <a:latin typeface="Roboto "/>
              </a:rPr>
              <a:t>One Team</a:t>
            </a:r>
          </a:p>
        </p:txBody>
      </p:sp>
      <p:sp>
        <p:nvSpPr>
          <p:cNvPr id="12" name="Rectangle 11">
            <a:extLst>
              <a:ext uri="{FF2B5EF4-FFF2-40B4-BE49-F238E27FC236}">
                <a16:creationId xmlns:a16="http://schemas.microsoft.com/office/drawing/2014/main" id="{17D5AB0A-8433-9924-5448-70DD3F167C33}"/>
              </a:ext>
            </a:extLst>
          </p:cNvPr>
          <p:cNvSpPr/>
          <p:nvPr/>
        </p:nvSpPr>
        <p:spPr>
          <a:xfrm>
            <a:off x="4341331" y="1432297"/>
            <a:ext cx="3520022" cy="3670056"/>
          </a:xfrm>
          <a:prstGeom prst="rect">
            <a:avLst/>
          </a:prstGeom>
          <a:solidFill>
            <a:schemeClr val="bg1"/>
          </a:solidFill>
          <a:ln>
            <a:noFill/>
          </a:ln>
          <a:effectLst>
            <a:outerShdw blurRad="241300" sx="104000" sy="104000" algn="ctr"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extLst>
              <a:ext uri="{FF2B5EF4-FFF2-40B4-BE49-F238E27FC236}">
                <a16:creationId xmlns:a16="http://schemas.microsoft.com/office/drawing/2014/main" id="{009A0B3F-9EE9-96CF-9FE6-3D2BD39CE145}"/>
              </a:ext>
            </a:extLst>
          </p:cNvPr>
          <p:cNvSpPr/>
          <p:nvPr/>
        </p:nvSpPr>
        <p:spPr>
          <a:xfrm>
            <a:off x="4341331" y="1432297"/>
            <a:ext cx="3520022" cy="1829322"/>
          </a:xfrm>
          <a:prstGeom prst="rect">
            <a:avLst/>
          </a:prstGeom>
          <a:solidFill>
            <a:srgbClr val="5767B4"/>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Text Box 7">
            <a:extLst>
              <a:ext uri="{FF2B5EF4-FFF2-40B4-BE49-F238E27FC236}">
                <a16:creationId xmlns:a16="http://schemas.microsoft.com/office/drawing/2014/main" id="{66F8BF02-738B-6AF8-8F42-8CD7848DE65D}"/>
              </a:ext>
            </a:extLst>
          </p:cNvPr>
          <p:cNvSpPr txBox="1">
            <a:spLocks noChangeArrowheads="1"/>
          </p:cNvSpPr>
          <p:nvPr/>
        </p:nvSpPr>
        <p:spPr bwMode="auto">
          <a:xfrm>
            <a:off x="4518371" y="3517308"/>
            <a:ext cx="3052934" cy="6001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nchor="ctr">
            <a:spAutoFit/>
          </a:bodyPr>
          <a:lstStyle>
            <a:lvl1pPr marL="174625" indent="-174625" eaLnBrk="0" hangingPunct="0">
              <a:defRPr sz="1200" b="1">
                <a:solidFill>
                  <a:srgbClr val="42535A"/>
                </a:solidFill>
                <a:latin typeface="Calibri" pitchFamily="34" charset="0"/>
                <a:cs typeface="Arial" charset="0"/>
              </a:defRPr>
            </a:lvl1pPr>
            <a:lvl2pPr marL="742950" indent="-285750" eaLnBrk="0" hangingPunct="0">
              <a:defRPr sz="1200" b="1">
                <a:solidFill>
                  <a:srgbClr val="42535A"/>
                </a:solidFill>
                <a:latin typeface="Calibri" pitchFamily="34" charset="0"/>
                <a:cs typeface="Arial" charset="0"/>
              </a:defRPr>
            </a:lvl2pPr>
            <a:lvl3pPr marL="1143000" indent="-228600" eaLnBrk="0" hangingPunct="0">
              <a:defRPr sz="1200" b="1">
                <a:solidFill>
                  <a:srgbClr val="42535A"/>
                </a:solidFill>
                <a:latin typeface="Calibri" pitchFamily="34" charset="0"/>
                <a:cs typeface="Arial" charset="0"/>
              </a:defRPr>
            </a:lvl3pPr>
            <a:lvl4pPr marL="1600200" indent="-228600" eaLnBrk="0" hangingPunct="0">
              <a:defRPr sz="1200" b="1">
                <a:solidFill>
                  <a:srgbClr val="42535A"/>
                </a:solidFill>
                <a:latin typeface="Calibri" pitchFamily="34" charset="0"/>
                <a:cs typeface="Arial" charset="0"/>
              </a:defRPr>
            </a:lvl4pPr>
            <a:lvl5pPr marL="2057400" indent="-228600" eaLnBrk="0" hangingPunct="0">
              <a:defRPr sz="1200" b="1">
                <a:solidFill>
                  <a:srgbClr val="42535A"/>
                </a:solidFill>
                <a:latin typeface="Calibri" pitchFamily="34" charset="0"/>
                <a:cs typeface="Arial" charset="0"/>
              </a:defRPr>
            </a:lvl5pPr>
            <a:lvl6pPr marL="2514600" indent="-228600" eaLnBrk="0" fontAlgn="base" hangingPunct="0">
              <a:spcBef>
                <a:spcPct val="0"/>
              </a:spcBef>
              <a:spcAft>
                <a:spcPct val="0"/>
              </a:spcAft>
              <a:defRPr sz="1200" b="1">
                <a:solidFill>
                  <a:srgbClr val="42535A"/>
                </a:solidFill>
                <a:latin typeface="Calibri" pitchFamily="34" charset="0"/>
                <a:cs typeface="Arial" charset="0"/>
              </a:defRPr>
            </a:lvl6pPr>
            <a:lvl7pPr marL="2971800" indent="-228600" eaLnBrk="0" fontAlgn="base" hangingPunct="0">
              <a:spcBef>
                <a:spcPct val="0"/>
              </a:spcBef>
              <a:spcAft>
                <a:spcPct val="0"/>
              </a:spcAft>
              <a:defRPr sz="1200" b="1">
                <a:solidFill>
                  <a:srgbClr val="42535A"/>
                </a:solidFill>
                <a:latin typeface="Calibri" pitchFamily="34" charset="0"/>
                <a:cs typeface="Arial" charset="0"/>
              </a:defRPr>
            </a:lvl7pPr>
            <a:lvl8pPr marL="3429000" indent="-228600" eaLnBrk="0" fontAlgn="base" hangingPunct="0">
              <a:spcBef>
                <a:spcPct val="0"/>
              </a:spcBef>
              <a:spcAft>
                <a:spcPct val="0"/>
              </a:spcAft>
              <a:defRPr sz="1200" b="1">
                <a:solidFill>
                  <a:srgbClr val="42535A"/>
                </a:solidFill>
                <a:latin typeface="Calibri" pitchFamily="34" charset="0"/>
                <a:cs typeface="Arial" charset="0"/>
              </a:defRPr>
            </a:lvl8pPr>
            <a:lvl9pPr marL="3886200" indent="-228600" eaLnBrk="0" fontAlgn="base" hangingPunct="0">
              <a:spcBef>
                <a:spcPct val="0"/>
              </a:spcBef>
              <a:spcAft>
                <a:spcPct val="0"/>
              </a:spcAft>
              <a:defRPr sz="1200" b="1">
                <a:solidFill>
                  <a:srgbClr val="42535A"/>
                </a:solidFill>
                <a:latin typeface="Calibri" pitchFamily="34" charset="0"/>
                <a:cs typeface="Arial" charset="0"/>
              </a:defRPr>
            </a:lvl9pPr>
          </a:lstStyle>
          <a:p>
            <a:pPr marL="0" indent="0" eaLnBrk="1" fontAlgn="base" hangingPunct="1">
              <a:spcBef>
                <a:spcPct val="0"/>
              </a:spcBef>
              <a:spcAft>
                <a:spcPct val="0"/>
              </a:spcAft>
              <a:defRPr/>
            </a:pPr>
            <a:r>
              <a:rPr lang="en-US" altLang="en-US" sz="1100" b="0">
                <a:solidFill>
                  <a:schemeClr val="tx1"/>
                </a:solidFill>
                <a:latin typeface="Roboto Light" panose="02000000000000000000" pitchFamily="2" charset="0"/>
                <a:ea typeface="Roboto Light" panose="02000000000000000000" pitchFamily="2" charset="0"/>
                <a:cs typeface="Roboto Light" panose="02000000000000000000" pitchFamily="2" charset="0"/>
              </a:rPr>
              <a:t>ILT, eLearning, Mobile Apps, Content &amp; Audio Translation, Portals and application development</a:t>
            </a:r>
          </a:p>
        </p:txBody>
      </p:sp>
      <p:sp>
        <p:nvSpPr>
          <p:cNvPr id="15" name="Rectangle 14">
            <a:extLst>
              <a:ext uri="{FF2B5EF4-FFF2-40B4-BE49-F238E27FC236}">
                <a16:creationId xmlns:a16="http://schemas.microsoft.com/office/drawing/2014/main" id="{DC83767D-95EB-75A5-22D4-073C5986E21A}"/>
              </a:ext>
            </a:extLst>
          </p:cNvPr>
          <p:cNvSpPr/>
          <p:nvPr/>
        </p:nvSpPr>
        <p:spPr>
          <a:xfrm>
            <a:off x="4341331" y="2597653"/>
            <a:ext cx="3537464" cy="584775"/>
          </a:xfrm>
          <a:prstGeom prst="rect">
            <a:avLst/>
          </a:prstGeom>
        </p:spPr>
        <p:txBody>
          <a:bodyPr wrap="square">
            <a:spAutoFit/>
          </a:bodyPr>
          <a:lstStyle/>
          <a:p>
            <a:pPr lvl="0" algn="ctr" fontAlgn="base">
              <a:spcBef>
                <a:spcPct val="0"/>
              </a:spcBef>
              <a:spcAft>
                <a:spcPct val="0"/>
              </a:spcAft>
              <a:defRPr/>
            </a:pPr>
            <a:r>
              <a:rPr lang="en-US" altLang="en-US" sz="1600" b="1">
                <a:solidFill>
                  <a:schemeClr val="bg1"/>
                </a:solidFill>
                <a:latin typeface="Roboto "/>
                <a:cs typeface="Arial" charset="0"/>
              </a:rPr>
              <a:t>Model 2</a:t>
            </a:r>
          </a:p>
          <a:p>
            <a:pPr lvl="0" algn="ctr" fontAlgn="base">
              <a:spcBef>
                <a:spcPct val="0"/>
              </a:spcBef>
              <a:spcAft>
                <a:spcPct val="0"/>
              </a:spcAft>
              <a:defRPr/>
            </a:pPr>
            <a:r>
              <a:rPr lang="en-US" altLang="en-US" sz="1600">
                <a:solidFill>
                  <a:schemeClr val="bg1"/>
                </a:solidFill>
                <a:latin typeface="Roboto "/>
                <a:cs typeface="Arial" charset="0"/>
              </a:rPr>
              <a:t>Development</a:t>
            </a:r>
          </a:p>
        </p:txBody>
      </p:sp>
      <p:sp>
        <p:nvSpPr>
          <p:cNvPr id="16" name="Freeform 6">
            <a:extLst>
              <a:ext uri="{FF2B5EF4-FFF2-40B4-BE49-F238E27FC236}">
                <a16:creationId xmlns:a16="http://schemas.microsoft.com/office/drawing/2014/main" id="{65DDA3F3-23EC-D888-3397-E64EA222C851}"/>
              </a:ext>
            </a:extLst>
          </p:cNvPr>
          <p:cNvSpPr>
            <a:spLocks noChangeAspect="1" noEditPoints="1"/>
          </p:cNvSpPr>
          <p:nvPr/>
        </p:nvSpPr>
        <p:spPr bwMode="auto">
          <a:xfrm>
            <a:off x="2046423" y="1823659"/>
            <a:ext cx="710352" cy="459282"/>
          </a:xfrm>
          <a:custGeom>
            <a:avLst/>
            <a:gdLst/>
            <a:ahLst/>
            <a:cxnLst>
              <a:cxn ang="0">
                <a:pos x="822" y="464"/>
              </a:cxn>
              <a:cxn ang="0">
                <a:pos x="786" y="384"/>
              </a:cxn>
              <a:cxn ang="0">
                <a:pos x="718" y="352"/>
              </a:cxn>
              <a:cxn ang="0">
                <a:pos x="678" y="316"/>
              </a:cxn>
              <a:cxn ang="0">
                <a:pos x="708" y="260"/>
              </a:cxn>
              <a:cxn ang="0">
                <a:pos x="714" y="222"/>
              </a:cxn>
              <a:cxn ang="0">
                <a:pos x="700" y="200"/>
              </a:cxn>
              <a:cxn ang="0">
                <a:pos x="698" y="132"/>
              </a:cxn>
              <a:cxn ang="0">
                <a:pos x="678" y="122"/>
              </a:cxn>
              <a:cxn ang="0">
                <a:pos x="630" y="112"/>
              </a:cxn>
              <a:cxn ang="0">
                <a:pos x="592" y="122"/>
              </a:cxn>
              <a:cxn ang="0">
                <a:pos x="584" y="172"/>
              </a:cxn>
              <a:cxn ang="0">
                <a:pos x="576" y="208"/>
              </a:cxn>
              <a:cxn ang="0">
                <a:pos x="580" y="256"/>
              </a:cxn>
              <a:cxn ang="0">
                <a:pos x="608" y="318"/>
              </a:cxn>
              <a:cxn ang="0">
                <a:pos x="652" y="382"/>
              </a:cxn>
              <a:cxn ang="0">
                <a:pos x="532" y="344"/>
              </a:cxn>
              <a:cxn ang="0">
                <a:pos x="470" y="302"/>
              </a:cxn>
              <a:cxn ang="0">
                <a:pos x="500" y="236"/>
              </a:cxn>
              <a:cxn ang="0">
                <a:pos x="532" y="190"/>
              </a:cxn>
              <a:cxn ang="0">
                <a:pos x="522" y="142"/>
              </a:cxn>
              <a:cxn ang="0">
                <a:pos x="518" y="104"/>
              </a:cxn>
              <a:cxn ang="0">
                <a:pos x="502" y="28"/>
              </a:cxn>
              <a:cxn ang="0">
                <a:pos x="468" y="26"/>
              </a:cxn>
              <a:cxn ang="0">
                <a:pos x="398" y="6"/>
              </a:cxn>
              <a:cxn ang="0">
                <a:pos x="370" y="12"/>
              </a:cxn>
              <a:cxn ang="0">
                <a:pos x="320" y="54"/>
              </a:cxn>
              <a:cxn ang="0">
                <a:pos x="316" y="140"/>
              </a:cxn>
              <a:cxn ang="0">
                <a:pos x="302" y="180"/>
              </a:cxn>
              <a:cxn ang="0">
                <a:pos x="326" y="216"/>
              </a:cxn>
              <a:cxn ang="0">
                <a:pos x="368" y="298"/>
              </a:cxn>
              <a:cxn ang="0">
                <a:pos x="322" y="340"/>
              </a:cxn>
              <a:cxn ang="0">
                <a:pos x="218" y="374"/>
              </a:cxn>
              <a:cxn ang="0">
                <a:pos x="182" y="464"/>
              </a:cxn>
              <a:cxn ang="0">
                <a:pos x="394" y="306"/>
              </a:cxn>
              <a:cxn ang="0">
                <a:pos x="426" y="320"/>
              </a:cxn>
              <a:cxn ang="0">
                <a:pos x="646" y="464"/>
              </a:cxn>
              <a:cxn ang="0">
                <a:pos x="622" y="380"/>
              </a:cxn>
              <a:cxn ang="0">
                <a:pos x="532" y="344"/>
              </a:cxn>
              <a:cxn ang="0">
                <a:pos x="238" y="260"/>
              </a:cxn>
              <a:cxn ang="0">
                <a:pos x="248" y="212"/>
              </a:cxn>
              <a:cxn ang="0">
                <a:pos x="236" y="196"/>
              </a:cxn>
              <a:cxn ang="0">
                <a:pos x="232" y="124"/>
              </a:cxn>
              <a:cxn ang="0">
                <a:pos x="200" y="114"/>
              </a:cxn>
              <a:cxn ang="0">
                <a:pos x="148" y="118"/>
              </a:cxn>
              <a:cxn ang="0">
                <a:pos x="130" y="124"/>
              </a:cxn>
              <a:cxn ang="0">
                <a:pos x="118" y="180"/>
              </a:cxn>
              <a:cxn ang="0">
                <a:pos x="112" y="208"/>
              </a:cxn>
              <a:cxn ang="0">
                <a:pos x="108" y="254"/>
              </a:cxn>
              <a:cxn ang="0">
                <a:pos x="142" y="294"/>
              </a:cxn>
              <a:cxn ang="0">
                <a:pos x="128" y="342"/>
              </a:cxn>
              <a:cxn ang="0">
                <a:pos x="54" y="368"/>
              </a:cxn>
              <a:cxn ang="0">
                <a:pos x="4" y="432"/>
              </a:cxn>
              <a:cxn ang="0">
                <a:pos x="170" y="392"/>
              </a:cxn>
              <a:cxn ang="0">
                <a:pos x="212" y="318"/>
              </a:cxn>
            </a:cxnLst>
            <a:rect l="0" t="0" r="r" b="b"/>
            <a:pathLst>
              <a:path w="822" h="512">
                <a:moveTo>
                  <a:pt x="410" y="512"/>
                </a:moveTo>
                <a:lnTo>
                  <a:pt x="422" y="512"/>
                </a:lnTo>
                <a:lnTo>
                  <a:pt x="442" y="464"/>
                </a:lnTo>
                <a:lnTo>
                  <a:pt x="392" y="464"/>
                </a:lnTo>
                <a:lnTo>
                  <a:pt x="410" y="512"/>
                </a:lnTo>
                <a:close/>
                <a:moveTo>
                  <a:pt x="822" y="464"/>
                </a:moveTo>
                <a:lnTo>
                  <a:pt x="822" y="464"/>
                </a:lnTo>
                <a:lnTo>
                  <a:pt x="820" y="454"/>
                </a:lnTo>
                <a:lnTo>
                  <a:pt x="816" y="430"/>
                </a:lnTo>
                <a:lnTo>
                  <a:pt x="810" y="416"/>
                </a:lnTo>
                <a:lnTo>
                  <a:pt x="804" y="404"/>
                </a:lnTo>
                <a:lnTo>
                  <a:pt x="796" y="392"/>
                </a:lnTo>
                <a:lnTo>
                  <a:pt x="786" y="384"/>
                </a:lnTo>
                <a:lnTo>
                  <a:pt x="786" y="384"/>
                </a:lnTo>
                <a:lnTo>
                  <a:pt x="780" y="376"/>
                </a:lnTo>
                <a:lnTo>
                  <a:pt x="768" y="368"/>
                </a:lnTo>
                <a:lnTo>
                  <a:pt x="760" y="362"/>
                </a:lnTo>
                <a:lnTo>
                  <a:pt x="750" y="358"/>
                </a:lnTo>
                <a:lnTo>
                  <a:pt x="736" y="354"/>
                </a:lnTo>
                <a:lnTo>
                  <a:pt x="718" y="352"/>
                </a:lnTo>
                <a:lnTo>
                  <a:pt x="718" y="352"/>
                </a:lnTo>
                <a:lnTo>
                  <a:pt x="702" y="348"/>
                </a:lnTo>
                <a:lnTo>
                  <a:pt x="692" y="342"/>
                </a:lnTo>
                <a:lnTo>
                  <a:pt x="684" y="338"/>
                </a:lnTo>
                <a:lnTo>
                  <a:pt x="680" y="332"/>
                </a:lnTo>
                <a:lnTo>
                  <a:pt x="678" y="326"/>
                </a:lnTo>
                <a:lnTo>
                  <a:pt x="678" y="322"/>
                </a:lnTo>
                <a:lnTo>
                  <a:pt x="678" y="316"/>
                </a:lnTo>
                <a:lnTo>
                  <a:pt x="678" y="316"/>
                </a:lnTo>
                <a:lnTo>
                  <a:pt x="680" y="294"/>
                </a:lnTo>
                <a:lnTo>
                  <a:pt x="680" y="294"/>
                </a:lnTo>
                <a:lnTo>
                  <a:pt x="692" y="286"/>
                </a:lnTo>
                <a:lnTo>
                  <a:pt x="700" y="274"/>
                </a:lnTo>
                <a:lnTo>
                  <a:pt x="704" y="268"/>
                </a:lnTo>
                <a:lnTo>
                  <a:pt x="708" y="260"/>
                </a:lnTo>
                <a:lnTo>
                  <a:pt x="708" y="260"/>
                </a:lnTo>
                <a:lnTo>
                  <a:pt x="714" y="254"/>
                </a:lnTo>
                <a:lnTo>
                  <a:pt x="714" y="250"/>
                </a:lnTo>
                <a:lnTo>
                  <a:pt x="714" y="246"/>
                </a:lnTo>
                <a:lnTo>
                  <a:pt x="714" y="242"/>
                </a:lnTo>
                <a:lnTo>
                  <a:pt x="714" y="242"/>
                </a:lnTo>
                <a:lnTo>
                  <a:pt x="714" y="222"/>
                </a:lnTo>
                <a:lnTo>
                  <a:pt x="714" y="210"/>
                </a:lnTo>
                <a:lnTo>
                  <a:pt x="712" y="208"/>
                </a:lnTo>
                <a:lnTo>
                  <a:pt x="708" y="208"/>
                </a:lnTo>
                <a:lnTo>
                  <a:pt x="708" y="208"/>
                </a:lnTo>
                <a:lnTo>
                  <a:pt x="704" y="208"/>
                </a:lnTo>
                <a:lnTo>
                  <a:pt x="700" y="204"/>
                </a:lnTo>
                <a:lnTo>
                  <a:pt x="700" y="200"/>
                </a:lnTo>
                <a:lnTo>
                  <a:pt x="700" y="200"/>
                </a:lnTo>
                <a:lnTo>
                  <a:pt x="702" y="180"/>
                </a:lnTo>
                <a:lnTo>
                  <a:pt x="702" y="158"/>
                </a:lnTo>
                <a:lnTo>
                  <a:pt x="702" y="158"/>
                </a:lnTo>
                <a:lnTo>
                  <a:pt x="702" y="150"/>
                </a:lnTo>
                <a:lnTo>
                  <a:pt x="700" y="138"/>
                </a:lnTo>
                <a:lnTo>
                  <a:pt x="698" y="132"/>
                </a:lnTo>
                <a:lnTo>
                  <a:pt x="696" y="126"/>
                </a:lnTo>
                <a:lnTo>
                  <a:pt x="692" y="124"/>
                </a:lnTo>
                <a:lnTo>
                  <a:pt x="686" y="120"/>
                </a:lnTo>
                <a:lnTo>
                  <a:pt x="686" y="120"/>
                </a:lnTo>
                <a:lnTo>
                  <a:pt x="680" y="120"/>
                </a:lnTo>
                <a:lnTo>
                  <a:pt x="680" y="122"/>
                </a:lnTo>
                <a:lnTo>
                  <a:pt x="678" y="122"/>
                </a:lnTo>
                <a:lnTo>
                  <a:pt x="678" y="122"/>
                </a:lnTo>
                <a:lnTo>
                  <a:pt x="674" y="118"/>
                </a:lnTo>
                <a:lnTo>
                  <a:pt x="668" y="114"/>
                </a:lnTo>
                <a:lnTo>
                  <a:pt x="662" y="110"/>
                </a:lnTo>
                <a:lnTo>
                  <a:pt x="654" y="108"/>
                </a:lnTo>
                <a:lnTo>
                  <a:pt x="630" y="112"/>
                </a:lnTo>
                <a:lnTo>
                  <a:pt x="630" y="112"/>
                </a:lnTo>
                <a:lnTo>
                  <a:pt x="624" y="114"/>
                </a:lnTo>
                <a:lnTo>
                  <a:pt x="620" y="114"/>
                </a:lnTo>
                <a:lnTo>
                  <a:pt x="614" y="118"/>
                </a:lnTo>
                <a:lnTo>
                  <a:pt x="614" y="118"/>
                </a:lnTo>
                <a:lnTo>
                  <a:pt x="598" y="120"/>
                </a:lnTo>
                <a:lnTo>
                  <a:pt x="598" y="120"/>
                </a:lnTo>
                <a:lnTo>
                  <a:pt x="592" y="122"/>
                </a:lnTo>
                <a:lnTo>
                  <a:pt x="588" y="124"/>
                </a:lnTo>
                <a:lnTo>
                  <a:pt x="586" y="128"/>
                </a:lnTo>
                <a:lnTo>
                  <a:pt x="584" y="134"/>
                </a:lnTo>
                <a:lnTo>
                  <a:pt x="582" y="144"/>
                </a:lnTo>
                <a:lnTo>
                  <a:pt x="582" y="152"/>
                </a:lnTo>
                <a:lnTo>
                  <a:pt x="582" y="152"/>
                </a:lnTo>
                <a:lnTo>
                  <a:pt x="584" y="172"/>
                </a:lnTo>
                <a:lnTo>
                  <a:pt x="584" y="196"/>
                </a:lnTo>
                <a:lnTo>
                  <a:pt x="584" y="196"/>
                </a:lnTo>
                <a:lnTo>
                  <a:pt x="584" y="200"/>
                </a:lnTo>
                <a:lnTo>
                  <a:pt x="584" y="204"/>
                </a:lnTo>
                <a:lnTo>
                  <a:pt x="580" y="206"/>
                </a:lnTo>
                <a:lnTo>
                  <a:pt x="580" y="206"/>
                </a:lnTo>
                <a:lnTo>
                  <a:pt x="576" y="208"/>
                </a:lnTo>
                <a:lnTo>
                  <a:pt x="574" y="212"/>
                </a:lnTo>
                <a:lnTo>
                  <a:pt x="574" y="224"/>
                </a:lnTo>
                <a:lnTo>
                  <a:pt x="574" y="240"/>
                </a:lnTo>
                <a:lnTo>
                  <a:pt x="574" y="240"/>
                </a:lnTo>
                <a:lnTo>
                  <a:pt x="574" y="246"/>
                </a:lnTo>
                <a:lnTo>
                  <a:pt x="576" y="250"/>
                </a:lnTo>
                <a:lnTo>
                  <a:pt x="580" y="256"/>
                </a:lnTo>
                <a:lnTo>
                  <a:pt x="588" y="260"/>
                </a:lnTo>
                <a:lnTo>
                  <a:pt x="588" y="260"/>
                </a:lnTo>
                <a:lnTo>
                  <a:pt x="594" y="274"/>
                </a:lnTo>
                <a:lnTo>
                  <a:pt x="600" y="284"/>
                </a:lnTo>
                <a:lnTo>
                  <a:pt x="608" y="294"/>
                </a:lnTo>
                <a:lnTo>
                  <a:pt x="608" y="294"/>
                </a:lnTo>
                <a:lnTo>
                  <a:pt x="608" y="318"/>
                </a:lnTo>
                <a:lnTo>
                  <a:pt x="608" y="318"/>
                </a:lnTo>
                <a:lnTo>
                  <a:pt x="620" y="328"/>
                </a:lnTo>
                <a:lnTo>
                  <a:pt x="630" y="338"/>
                </a:lnTo>
                <a:lnTo>
                  <a:pt x="644" y="358"/>
                </a:lnTo>
                <a:lnTo>
                  <a:pt x="644" y="358"/>
                </a:lnTo>
                <a:lnTo>
                  <a:pt x="650" y="368"/>
                </a:lnTo>
                <a:lnTo>
                  <a:pt x="652" y="382"/>
                </a:lnTo>
                <a:lnTo>
                  <a:pt x="656" y="418"/>
                </a:lnTo>
                <a:lnTo>
                  <a:pt x="658" y="450"/>
                </a:lnTo>
                <a:lnTo>
                  <a:pt x="658" y="464"/>
                </a:lnTo>
                <a:lnTo>
                  <a:pt x="658" y="464"/>
                </a:lnTo>
                <a:lnTo>
                  <a:pt x="822" y="464"/>
                </a:lnTo>
                <a:lnTo>
                  <a:pt x="822" y="464"/>
                </a:lnTo>
                <a:close/>
                <a:moveTo>
                  <a:pt x="532" y="344"/>
                </a:moveTo>
                <a:lnTo>
                  <a:pt x="532" y="344"/>
                </a:lnTo>
                <a:lnTo>
                  <a:pt x="510" y="340"/>
                </a:lnTo>
                <a:lnTo>
                  <a:pt x="494" y="332"/>
                </a:lnTo>
                <a:lnTo>
                  <a:pt x="484" y="326"/>
                </a:lnTo>
                <a:lnTo>
                  <a:pt x="476" y="316"/>
                </a:lnTo>
                <a:lnTo>
                  <a:pt x="472" y="310"/>
                </a:lnTo>
                <a:lnTo>
                  <a:pt x="470" y="302"/>
                </a:lnTo>
                <a:lnTo>
                  <a:pt x="470" y="296"/>
                </a:lnTo>
                <a:lnTo>
                  <a:pt x="470" y="296"/>
                </a:lnTo>
                <a:lnTo>
                  <a:pt x="470" y="266"/>
                </a:lnTo>
                <a:lnTo>
                  <a:pt x="470" y="266"/>
                </a:lnTo>
                <a:lnTo>
                  <a:pt x="474" y="262"/>
                </a:lnTo>
                <a:lnTo>
                  <a:pt x="486" y="252"/>
                </a:lnTo>
                <a:lnTo>
                  <a:pt x="500" y="236"/>
                </a:lnTo>
                <a:lnTo>
                  <a:pt x="506" y="226"/>
                </a:lnTo>
                <a:lnTo>
                  <a:pt x="510" y="214"/>
                </a:lnTo>
                <a:lnTo>
                  <a:pt x="510" y="214"/>
                </a:lnTo>
                <a:lnTo>
                  <a:pt x="520" y="208"/>
                </a:lnTo>
                <a:lnTo>
                  <a:pt x="526" y="202"/>
                </a:lnTo>
                <a:lnTo>
                  <a:pt x="530" y="198"/>
                </a:lnTo>
                <a:lnTo>
                  <a:pt x="532" y="190"/>
                </a:lnTo>
                <a:lnTo>
                  <a:pt x="532" y="190"/>
                </a:lnTo>
                <a:lnTo>
                  <a:pt x="532" y="182"/>
                </a:lnTo>
                <a:lnTo>
                  <a:pt x="534" y="166"/>
                </a:lnTo>
                <a:lnTo>
                  <a:pt x="534" y="158"/>
                </a:lnTo>
                <a:lnTo>
                  <a:pt x="532" y="150"/>
                </a:lnTo>
                <a:lnTo>
                  <a:pt x="528" y="144"/>
                </a:lnTo>
                <a:lnTo>
                  <a:pt x="522" y="142"/>
                </a:lnTo>
                <a:lnTo>
                  <a:pt x="522" y="142"/>
                </a:lnTo>
                <a:lnTo>
                  <a:pt x="518" y="142"/>
                </a:lnTo>
                <a:lnTo>
                  <a:pt x="516" y="138"/>
                </a:lnTo>
                <a:lnTo>
                  <a:pt x="516" y="132"/>
                </a:lnTo>
                <a:lnTo>
                  <a:pt x="516" y="132"/>
                </a:lnTo>
                <a:lnTo>
                  <a:pt x="518" y="120"/>
                </a:lnTo>
                <a:lnTo>
                  <a:pt x="518" y="104"/>
                </a:lnTo>
                <a:lnTo>
                  <a:pt x="518" y="76"/>
                </a:lnTo>
                <a:lnTo>
                  <a:pt x="518" y="76"/>
                </a:lnTo>
                <a:lnTo>
                  <a:pt x="516" y="64"/>
                </a:lnTo>
                <a:lnTo>
                  <a:pt x="514" y="48"/>
                </a:lnTo>
                <a:lnTo>
                  <a:pt x="512" y="40"/>
                </a:lnTo>
                <a:lnTo>
                  <a:pt x="508" y="34"/>
                </a:lnTo>
                <a:lnTo>
                  <a:pt x="502" y="28"/>
                </a:lnTo>
                <a:lnTo>
                  <a:pt x="494" y="24"/>
                </a:lnTo>
                <a:lnTo>
                  <a:pt x="494" y="24"/>
                </a:lnTo>
                <a:lnTo>
                  <a:pt x="484" y="24"/>
                </a:lnTo>
                <a:lnTo>
                  <a:pt x="476" y="24"/>
                </a:lnTo>
                <a:lnTo>
                  <a:pt x="472" y="26"/>
                </a:lnTo>
                <a:lnTo>
                  <a:pt x="468" y="26"/>
                </a:lnTo>
                <a:lnTo>
                  <a:pt x="468" y="26"/>
                </a:lnTo>
                <a:lnTo>
                  <a:pt x="464" y="24"/>
                </a:lnTo>
                <a:lnTo>
                  <a:pt x="460" y="20"/>
                </a:lnTo>
                <a:lnTo>
                  <a:pt x="452" y="12"/>
                </a:lnTo>
                <a:lnTo>
                  <a:pt x="444" y="4"/>
                </a:lnTo>
                <a:lnTo>
                  <a:pt x="438" y="2"/>
                </a:lnTo>
                <a:lnTo>
                  <a:pt x="432" y="0"/>
                </a:lnTo>
                <a:lnTo>
                  <a:pt x="398" y="6"/>
                </a:lnTo>
                <a:lnTo>
                  <a:pt x="398" y="6"/>
                </a:lnTo>
                <a:lnTo>
                  <a:pt x="390" y="6"/>
                </a:lnTo>
                <a:lnTo>
                  <a:pt x="384" y="8"/>
                </a:lnTo>
                <a:lnTo>
                  <a:pt x="382" y="10"/>
                </a:lnTo>
                <a:lnTo>
                  <a:pt x="376" y="12"/>
                </a:lnTo>
                <a:lnTo>
                  <a:pt x="376" y="12"/>
                </a:lnTo>
                <a:lnTo>
                  <a:pt x="370" y="12"/>
                </a:lnTo>
                <a:lnTo>
                  <a:pt x="352" y="16"/>
                </a:lnTo>
                <a:lnTo>
                  <a:pt x="352" y="16"/>
                </a:lnTo>
                <a:lnTo>
                  <a:pt x="342" y="18"/>
                </a:lnTo>
                <a:lnTo>
                  <a:pt x="336" y="24"/>
                </a:lnTo>
                <a:lnTo>
                  <a:pt x="330" y="30"/>
                </a:lnTo>
                <a:lnTo>
                  <a:pt x="326" y="38"/>
                </a:lnTo>
                <a:lnTo>
                  <a:pt x="320" y="54"/>
                </a:lnTo>
                <a:lnTo>
                  <a:pt x="318" y="66"/>
                </a:lnTo>
                <a:lnTo>
                  <a:pt x="318" y="66"/>
                </a:lnTo>
                <a:lnTo>
                  <a:pt x="318" y="96"/>
                </a:lnTo>
                <a:lnTo>
                  <a:pt x="320" y="130"/>
                </a:lnTo>
                <a:lnTo>
                  <a:pt x="320" y="130"/>
                </a:lnTo>
                <a:lnTo>
                  <a:pt x="320" y="136"/>
                </a:lnTo>
                <a:lnTo>
                  <a:pt x="316" y="140"/>
                </a:lnTo>
                <a:lnTo>
                  <a:pt x="312" y="140"/>
                </a:lnTo>
                <a:lnTo>
                  <a:pt x="312" y="140"/>
                </a:lnTo>
                <a:lnTo>
                  <a:pt x="306" y="142"/>
                </a:lnTo>
                <a:lnTo>
                  <a:pt x="304" y="148"/>
                </a:lnTo>
                <a:lnTo>
                  <a:pt x="302" y="156"/>
                </a:lnTo>
                <a:lnTo>
                  <a:pt x="302" y="164"/>
                </a:lnTo>
                <a:lnTo>
                  <a:pt x="302" y="180"/>
                </a:lnTo>
                <a:lnTo>
                  <a:pt x="304" y="188"/>
                </a:lnTo>
                <a:lnTo>
                  <a:pt x="304" y="188"/>
                </a:lnTo>
                <a:lnTo>
                  <a:pt x="304" y="196"/>
                </a:lnTo>
                <a:lnTo>
                  <a:pt x="306" y="204"/>
                </a:lnTo>
                <a:lnTo>
                  <a:pt x="312" y="210"/>
                </a:lnTo>
                <a:lnTo>
                  <a:pt x="326" y="216"/>
                </a:lnTo>
                <a:lnTo>
                  <a:pt x="326" y="216"/>
                </a:lnTo>
                <a:lnTo>
                  <a:pt x="330" y="226"/>
                </a:lnTo>
                <a:lnTo>
                  <a:pt x="336" y="236"/>
                </a:lnTo>
                <a:lnTo>
                  <a:pt x="350" y="252"/>
                </a:lnTo>
                <a:lnTo>
                  <a:pt x="362" y="260"/>
                </a:lnTo>
                <a:lnTo>
                  <a:pt x="366" y="262"/>
                </a:lnTo>
                <a:lnTo>
                  <a:pt x="366" y="262"/>
                </a:lnTo>
                <a:lnTo>
                  <a:pt x="368" y="298"/>
                </a:lnTo>
                <a:lnTo>
                  <a:pt x="368" y="298"/>
                </a:lnTo>
                <a:lnTo>
                  <a:pt x="366" y="302"/>
                </a:lnTo>
                <a:lnTo>
                  <a:pt x="364" y="310"/>
                </a:lnTo>
                <a:lnTo>
                  <a:pt x="360" y="316"/>
                </a:lnTo>
                <a:lnTo>
                  <a:pt x="352" y="324"/>
                </a:lnTo>
                <a:lnTo>
                  <a:pt x="340" y="332"/>
                </a:lnTo>
                <a:lnTo>
                  <a:pt x="322" y="340"/>
                </a:lnTo>
                <a:lnTo>
                  <a:pt x="298" y="344"/>
                </a:lnTo>
                <a:lnTo>
                  <a:pt x="298" y="344"/>
                </a:lnTo>
                <a:lnTo>
                  <a:pt x="274" y="350"/>
                </a:lnTo>
                <a:lnTo>
                  <a:pt x="254" y="354"/>
                </a:lnTo>
                <a:lnTo>
                  <a:pt x="240" y="360"/>
                </a:lnTo>
                <a:lnTo>
                  <a:pt x="228" y="368"/>
                </a:lnTo>
                <a:lnTo>
                  <a:pt x="218" y="374"/>
                </a:lnTo>
                <a:lnTo>
                  <a:pt x="210" y="380"/>
                </a:lnTo>
                <a:lnTo>
                  <a:pt x="200" y="392"/>
                </a:lnTo>
                <a:lnTo>
                  <a:pt x="200" y="392"/>
                </a:lnTo>
                <a:lnTo>
                  <a:pt x="194" y="398"/>
                </a:lnTo>
                <a:lnTo>
                  <a:pt x="192" y="408"/>
                </a:lnTo>
                <a:lnTo>
                  <a:pt x="186" y="432"/>
                </a:lnTo>
                <a:lnTo>
                  <a:pt x="182" y="464"/>
                </a:lnTo>
                <a:lnTo>
                  <a:pt x="392" y="464"/>
                </a:lnTo>
                <a:lnTo>
                  <a:pt x="374" y="416"/>
                </a:lnTo>
                <a:lnTo>
                  <a:pt x="394" y="306"/>
                </a:lnTo>
                <a:lnTo>
                  <a:pt x="394" y="306"/>
                </a:lnTo>
                <a:lnTo>
                  <a:pt x="394" y="306"/>
                </a:lnTo>
                <a:lnTo>
                  <a:pt x="394" y="306"/>
                </a:lnTo>
                <a:lnTo>
                  <a:pt x="394" y="306"/>
                </a:lnTo>
                <a:lnTo>
                  <a:pt x="394" y="310"/>
                </a:lnTo>
                <a:lnTo>
                  <a:pt x="396" y="314"/>
                </a:lnTo>
                <a:lnTo>
                  <a:pt x="400" y="318"/>
                </a:lnTo>
                <a:lnTo>
                  <a:pt x="406" y="320"/>
                </a:lnTo>
                <a:lnTo>
                  <a:pt x="424" y="320"/>
                </a:lnTo>
                <a:lnTo>
                  <a:pt x="424" y="320"/>
                </a:lnTo>
                <a:lnTo>
                  <a:pt x="426" y="320"/>
                </a:lnTo>
                <a:lnTo>
                  <a:pt x="430" y="318"/>
                </a:lnTo>
                <a:lnTo>
                  <a:pt x="434" y="314"/>
                </a:lnTo>
                <a:lnTo>
                  <a:pt x="434" y="302"/>
                </a:lnTo>
                <a:lnTo>
                  <a:pt x="462" y="416"/>
                </a:lnTo>
                <a:lnTo>
                  <a:pt x="442" y="464"/>
                </a:lnTo>
                <a:lnTo>
                  <a:pt x="646" y="464"/>
                </a:lnTo>
                <a:lnTo>
                  <a:pt x="646" y="464"/>
                </a:lnTo>
                <a:lnTo>
                  <a:pt x="646" y="454"/>
                </a:lnTo>
                <a:lnTo>
                  <a:pt x="644" y="432"/>
                </a:lnTo>
                <a:lnTo>
                  <a:pt x="640" y="408"/>
                </a:lnTo>
                <a:lnTo>
                  <a:pt x="638" y="398"/>
                </a:lnTo>
                <a:lnTo>
                  <a:pt x="634" y="392"/>
                </a:lnTo>
                <a:lnTo>
                  <a:pt x="634" y="392"/>
                </a:lnTo>
                <a:lnTo>
                  <a:pt x="622" y="380"/>
                </a:lnTo>
                <a:lnTo>
                  <a:pt x="614" y="374"/>
                </a:lnTo>
                <a:lnTo>
                  <a:pt x="604" y="368"/>
                </a:lnTo>
                <a:lnTo>
                  <a:pt x="592" y="360"/>
                </a:lnTo>
                <a:lnTo>
                  <a:pt x="576" y="354"/>
                </a:lnTo>
                <a:lnTo>
                  <a:pt x="558" y="350"/>
                </a:lnTo>
                <a:lnTo>
                  <a:pt x="532" y="344"/>
                </a:lnTo>
                <a:lnTo>
                  <a:pt x="532" y="344"/>
                </a:lnTo>
                <a:close/>
                <a:moveTo>
                  <a:pt x="212" y="318"/>
                </a:moveTo>
                <a:lnTo>
                  <a:pt x="212" y="318"/>
                </a:lnTo>
                <a:lnTo>
                  <a:pt x="214" y="294"/>
                </a:lnTo>
                <a:lnTo>
                  <a:pt x="214" y="294"/>
                </a:lnTo>
                <a:lnTo>
                  <a:pt x="222" y="284"/>
                </a:lnTo>
                <a:lnTo>
                  <a:pt x="230" y="274"/>
                </a:lnTo>
                <a:lnTo>
                  <a:pt x="238" y="260"/>
                </a:lnTo>
                <a:lnTo>
                  <a:pt x="238" y="260"/>
                </a:lnTo>
                <a:lnTo>
                  <a:pt x="246" y="256"/>
                </a:lnTo>
                <a:lnTo>
                  <a:pt x="248" y="250"/>
                </a:lnTo>
                <a:lnTo>
                  <a:pt x="250" y="240"/>
                </a:lnTo>
                <a:lnTo>
                  <a:pt x="250" y="240"/>
                </a:lnTo>
                <a:lnTo>
                  <a:pt x="250" y="224"/>
                </a:lnTo>
                <a:lnTo>
                  <a:pt x="248" y="212"/>
                </a:lnTo>
                <a:lnTo>
                  <a:pt x="246" y="208"/>
                </a:lnTo>
                <a:lnTo>
                  <a:pt x="244" y="206"/>
                </a:lnTo>
                <a:lnTo>
                  <a:pt x="244" y="206"/>
                </a:lnTo>
                <a:lnTo>
                  <a:pt x="240" y="204"/>
                </a:lnTo>
                <a:lnTo>
                  <a:pt x="236" y="200"/>
                </a:lnTo>
                <a:lnTo>
                  <a:pt x="236" y="196"/>
                </a:lnTo>
                <a:lnTo>
                  <a:pt x="236" y="196"/>
                </a:lnTo>
                <a:lnTo>
                  <a:pt x="238" y="172"/>
                </a:lnTo>
                <a:lnTo>
                  <a:pt x="238" y="152"/>
                </a:lnTo>
                <a:lnTo>
                  <a:pt x="238" y="152"/>
                </a:lnTo>
                <a:lnTo>
                  <a:pt x="238" y="144"/>
                </a:lnTo>
                <a:lnTo>
                  <a:pt x="236" y="134"/>
                </a:lnTo>
                <a:lnTo>
                  <a:pt x="234" y="128"/>
                </a:lnTo>
                <a:lnTo>
                  <a:pt x="232" y="124"/>
                </a:lnTo>
                <a:lnTo>
                  <a:pt x="228" y="122"/>
                </a:lnTo>
                <a:lnTo>
                  <a:pt x="222" y="120"/>
                </a:lnTo>
                <a:lnTo>
                  <a:pt x="222" y="120"/>
                </a:lnTo>
                <a:lnTo>
                  <a:pt x="206" y="118"/>
                </a:lnTo>
                <a:lnTo>
                  <a:pt x="206" y="118"/>
                </a:lnTo>
                <a:lnTo>
                  <a:pt x="202" y="116"/>
                </a:lnTo>
                <a:lnTo>
                  <a:pt x="200" y="114"/>
                </a:lnTo>
                <a:lnTo>
                  <a:pt x="198" y="114"/>
                </a:lnTo>
                <a:lnTo>
                  <a:pt x="192" y="112"/>
                </a:lnTo>
                <a:lnTo>
                  <a:pt x="168" y="108"/>
                </a:lnTo>
                <a:lnTo>
                  <a:pt x="168" y="108"/>
                </a:lnTo>
                <a:lnTo>
                  <a:pt x="160" y="110"/>
                </a:lnTo>
                <a:lnTo>
                  <a:pt x="154" y="114"/>
                </a:lnTo>
                <a:lnTo>
                  <a:pt x="148" y="118"/>
                </a:lnTo>
                <a:lnTo>
                  <a:pt x="144" y="122"/>
                </a:lnTo>
                <a:lnTo>
                  <a:pt x="144" y="122"/>
                </a:lnTo>
                <a:lnTo>
                  <a:pt x="142" y="122"/>
                </a:lnTo>
                <a:lnTo>
                  <a:pt x="142" y="120"/>
                </a:lnTo>
                <a:lnTo>
                  <a:pt x="136" y="120"/>
                </a:lnTo>
                <a:lnTo>
                  <a:pt x="136" y="120"/>
                </a:lnTo>
                <a:lnTo>
                  <a:pt x="130" y="124"/>
                </a:lnTo>
                <a:lnTo>
                  <a:pt x="126" y="126"/>
                </a:lnTo>
                <a:lnTo>
                  <a:pt x="124" y="132"/>
                </a:lnTo>
                <a:lnTo>
                  <a:pt x="122" y="138"/>
                </a:lnTo>
                <a:lnTo>
                  <a:pt x="120" y="150"/>
                </a:lnTo>
                <a:lnTo>
                  <a:pt x="120" y="158"/>
                </a:lnTo>
                <a:lnTo>
                  <a:pt x="120" y="158"/>
                </a:lnTo>
                <a:lnTo>
                  <a:pt x="118" y="180"/>
                </a:lnTo>
                <a:lnTo>
                  <a:pt x="120" y="200"/>
                </a:lnTo>
                <a:lnTo>
                  <a:pt x="120" y="200"/>
                </a:lnTo>
                <a:lnTo>
                  <a:pt x="120" y="204"/>
                </a:lnTo>
                <a:lnTo>
                  <a:pt x="118" y="208"/>
                </a:lnTo>
                <a:lnTo>
                  <a:pt x="116" y="208"/>
                </a:lnTo>
                <a:lnTo>
                  <a:pt x="116" y="208"/>
                </a:lnTo>
                <a:lnTo>
                  <a:pt x="112" y="208"/>
                </a:lnTo>
                <a:lnTo>
                  <a:pt x="110" y="212"/>
                </a:lnTo>
                <a:lnTo>
                  <a:pt x="106" y="222"/>
                </a:lnTo>
                <a:lnTo>
                  <a:pt x="104" y="232"/>
                </a:lnTo>
                <a:lnTo>
                  <a:pt x="104" y="238"/>
                </a:lnTo>
                <a:lnTo>
                  <a:pt x="104" y="238"/>
                </a:lnTo>
                <a:lnTo>
                  <a:pt x="106" y="248"/>
                </a:lnTo>
                <a:lnTo>
                  <a:pt x="108" y="254"/>
                </a:lnTo>
                <a:lnTo>
                  <a:pt x="114" y="260"/>
                </a:lnTo>
                <a:lnTo>
                  <a:pt x="114" y="260"/>
                </a:lnTo>
                <a:lnTo>
                  <a:pt x="118" y="268"/>
                </a:lnTo>
                <a:lnTo>
                  <a:pt x="122" y="274"/>
                </a:lnTo>
                <a:lnTo>
                  <a:pt x="132" y="286"/>
                </a:lnTo>
                <a:lnTo>
                  <a:pt x="142" y="294"/>
                </a:lnTo>
                <a:lnTo>
                  <a:pt x="142" y="294"/>
                </a:lnTo>
                <a:lnTo>
                  <a:pt x="142" y="316"/>
                </a:lnTo>
                <a:lnTo>
                  <a:pt x="142" y="316"/>
                </a:lnTo>
                <a:lnTo>
                  <a:pt x="142" y="322"/>
                </a:lnTo>
                <a:lnTo>
                  <a:pt x="140" y="326"/>
                </a:lnTo>
                <a:lnTo>
                  <a:pt x="138" y="332"/>
                </a:lnTo>
                <a:lnTo>
                  <a:pt x="134" y="336"/>
                </a:lnTo>
                <a:lnTo>
                  <a:pt x="128" y="342"/>
                </a:lnTo>
                <a:lnTo>
                  <a:pt x="118" y="348"/>
                </a:lnTo>
                <a:lnTo>
                  <a:pt x="104" y="352"/>
                </a:lnTo>
                <a:lnTo>
                  <a:pt x="104" y="352"/>
                </a:lnTo>
                <a:lnTo>
                  <a:pt x="86" y="354"/>
                </a:lnTo>
                <a:lnTo>
                  <a:pt x="74" y="358"/>
                </a:lnTo>
                <a:lnTo>
                  <a:pt x="62" y="362"/>
                </a:lnTo>
                <a:lnTo>
                  <a:pt x="54" y="368"/>
                </a:lnTo>
                <a:lnTo>
                  <a:pt x="42" y="376"/>
                </a:lnTo>
                <a:lnTo>
                  <a:pt x="36" y="384"/>
                </a:lnTo>
                <a:lnTo>
                  <a:pt x="36" y="384"/>
                </a:lnTo>
                <a:lnTo>
                  <a:pt x="24" y="394"/>
                </a:lnTo>
                <a:lnTo>
                  <a:pt x="14" y="406"/>
                </a:lnTo>
                <a:lnTo>
                  <a:pt x="8" y="418"/>
                </a:lnTo>
                <a:lnTo>
                  <a:pt x="4" y="432"/>
                </a:lnTo>
                <a:lnTo>
                  <a:pt x="0" y="454"/>
                </a:lnTo>
                <a:lnTo>
                  <a:pt x="0" y="464"/>
                </a:lnTo>
                <a:lnTo>
                  <a:pt x="0" y="464"/>
                </a:lnTo>
                <a:lnTo>
                  <a:pt x="164" y="464"/>
                </a:lnTo>
                <a:lnTo>
                  <a:pt x="164" y="464"/>
                </a:lnTo>
                <a:lnTo>
                  <a:pt x="166" y="426"/>
                </a:lnTo>
                <a:lnTo>
                  <a:pt x="170" y="392"/>
                </a:lnTo>
                <a:lnTo>
                  <a:pt x="174" y="374"/>
                </a:lnTo>
                <a:lnTo>
                  <a:pt x="178" y="358"/>
                </a:lnTo>
                <a:lnTo>
                  <a:pt x="178" y="358"/>
                </a:lnTo>
                <a:lnTo>
                  <a:pt x="192" y="338"/>
                </a:lnTo>
                <a:lnTo>
                  <a:pt x="200" y="328"/>
                </a:lnTo>
                <a:lnTo>
                  <a:pt x="212" y="318"/>
                </a:lnTo>
                <a:lnTo>
                  <a:pt x="212" y="318"/>
                </a:lnTo>
                <a:close/>
              </a:path>
            </a:pathLst>
          </a:custGeom>
          <a:solidFill>
            <a:schemeClr val="bg1"/>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grpSp>
        <p:nvGrpSpPr>
          <p:cNvPr id="17" name="Group 79">
            <a:extLst>
              <a:ext uri="{FF2B5EF4-FFF2-40B4-BE49-F238E27FC236}">
                <a16:creationId xmlns:a16="http://schemas.microsoft.com/office/drawing/2014/main" id="{37ADFE56-A6E6-FD97-F4B7-8AB81251365B}"/>
              </a:ext>
            </a:extLst>
          </p:cNvPr>
          <p:cNvGrpSpPr/>
          <p:nvPr/>
        </p:nvGrpSpPr>
        <p:grpSpPr>
          <a:xfrm>
            <a:off x="5811653" y="1783374"/>
            <a:ext cx="579378" cy="539852"/>
            <a:chOff x="4344776" y="726140"/>
            <a:chExt cx="370659" cy="332721"/>
          </a:xfrm>
        </p:grpSpPr>
        <p:sp>
          <p:nvSpPr>
            <p:cNvPr id="18" name="Freeform 17">
              <a:extLst>
                <a:ext uri="{FF2B5EF4-FFF2-40B4-BE49-F238E27FC236}">
                  <a16:creationId xmlns:a16="http://schemas.microsoft.com/office/drawing/2014/main" id="{F736DF5B-1F61-BB76-0B9E-2682FA515794}"/>
                </a:ext>
              </a:extLst>
            </p:cNvPr>
            <p:cNvSpPr>
              <a:spLocks noEditPoints="1"/>
            </p:cNvSpPr>
            <p:nvPr/>
          </p:nvSpPr>
          <p:spPr bwMode="auto">
            <a:xfrm>
              <a:off x="4344776" y="820455"/>
              <a:ext cx="370659" cy="238406"/>
            </a:xfrm>
            <a:custGeom>
              <a:avLst/>
              <a:gdLst/>
              <a:ahLst/>
              <a:cxnLst>
                <a:cxn ang="0">
                  <a:pos x="386" y="26"/>
                </a:cxn>
                <a:cxn ang="0">
                  <a:pos x="386" y="22"/>
                </a:cxn>
                <a:cxn ang="0">
                  <a:pos x="380" y="8"/>
                </a:cxn>
                <a:cxn ang="0">
                  <a:pos x="370" y="0"/>
                </a:cxn>
                <a:cxn ang="0">
                  <a:pos x="64" y="0"/>
                </a:cxn>
                <a:cxn ang="0">
                  <a:pos x="60" y="0"/>
                </a:cxn>
                <a:cxn ang="0">
                  <a:pos x="48" y="6"/>
                </a:cxn>
                <a:cxn ang="0">
                  <a:pos x="40" y="18"/>
                </a:cxn>
                <a:cxn ang="0">
                  <a:pos x="40" y="218"/>
                </a:cxn>
                <a:cxn ang="0">
                  <a:pos x="0" y="246"/>
                </a:cxn>
                <a:cxn ang="0">
                  <a:pos x="0" y="250"/>
                </a:cxn>
                <a:cxn ang="0">
                  <a:pos x="4" y="264"/>
                </a:cxn>
                <a:cxn ang="0">
                  <a:pos x="16" y="272"/>
                </a:cxn>
                <a:cxn ang="0">
                  <a:pos x="400" y="274"/>
                </a:cxn>
                <a:cxn ang="0">
                  <a:pos x="408" y="272"/>
                </a:cxn>
                <a:cxn ang="0">
                  <a:pos x="420" y="264"/>
                </a:cxn>
                <a:cxn ang="0">
                  <a:pos x="426" y="250"/>
                </a:cxn>
                <a:cxn ang="0">
                  <a:pos x="426" y="218"/>
                </a:cxn>
                <a:cxn ang="0">
                  <a:pos x="66" y="26"/>
                </a:cxn>
                <a:cxn ang="0">
                  <a:pos x="360" y="204"/>
                </a:cxn>
                <a:cxn ang="0">
                  <a:pos x="66" y="26"/>
                </a:cxn>
                <a:cxn ang="0">
                  <a:pos x="174" y="260"/>
                </a:cxn>
                <a:cxn ang="0">
                  <a:pos x="170" y="260"/>
                </a:cxn>
                <a:cxn ang="0">
                  <a:pos x="166" y="256"/>
                </a:cxn>
                <a:cxn ang="0">
                  <a:pos x="166" y="252"/>
                </a:cxn>
                <a:cxn ang="0">
                  <a:pos x="166" y="248"/>
                </a:cxn>
                <a:cxn ang="0">
                  <a:pos x="174" y="244"/>
                </a:cxn>
                <a:cxn ang="0">
                  <a:pos x="264" y="244"/>
                </a:cxn>
                <a:cxn ang="0">
                  <a:pos x="272" y="248"/>
                </a:cxn>
                <a:cxn ang="0">
                  <a:pos x="274" y="252"/>
                </a:cxn>
                <a:cxn ang="0">
                  <a:pos x="274" y="256"/>
                </a:cxn>
                <a:cxn ang="0">
                  <a:pos x="268" y="260"/>
                </a:cxn>
                <a:cxn ang="0">
                  <a:pos x="264" y="260"/>
                </a:cxn>
                <a:cxn ang="0">
                  <a:pos x="366" y="260"/>
                </a:cxn>
                <a:cxn ang="0">
                  <a:pos x="362" y="258"/>
                </a:cxn>
                <a:cxn ang="0">
                  <a:pos x="360" y="252"/>
                </a:cxn>
                <a:cxn ang="0">
                  <a:pos x="366" y="246"/>
                </a:cxn>
                <a:cxn ang="0">
                  <a:pos x="394" y="246"/>
                </a:cxn>
                <a:cxn ang="0">
                  <a:pos x="400" y="252"/>
                </a:cxn>
                <a:cxn ang="0">
                  <a:pos x="398" y="258"/>
                </a:cxn>
                <a:cxn ang="0">
                  <a:pos x="394" y="260"/>
                </a:cxn>
              </a:cxnLst>
              <a:rect l="0" t="0" r="r" b="b"/>
              <a:pathLst>
                <a:path w="426" h="274">
                  <a:moveTo>
                    <a:pt x="386" y="218"/>
                  </a:moveTo>
                  <a:lnTo>
                    <a:pt x="386" y="26"/>
                  </a:lnTo>
                  <a:lnTo>
                    <a:pt x="386" y="26"/>
                  </a:lnTo>
                  <a:lnTo>
                    <a:pt x="386" y="22"/>
                  </a:lnTo>
                  <a:lnTo>
                    <a:pt x="382" y="12"/>
                  </a:lnTo>
                  <a:lnTo>
                    <a:pt x="380" y="8"/>
                  </a:lnTo>
                  <a:lnTo>
                    <a:pt x="376" y="4"/>
                  </a:lnTo>
                  <a:lnTo>
                    <a:pt x="370" y="0"/>
                  </a:lnTo>
                  <a:lnTo>
                    <a:pt x="362" y="0"/>
                  </a:lnTo>
                  <a:lnTo>
                    <a:pt x="64" y="0"/>
                  </a:lnTo>
                  <a:lnTo>
                    <a:pt x="64" y="0"/>
                  </a:lnTo>
                  <a:lnTo>
                    <a:pt x="60" y="0"/>
                  </a:lnTo>
                  <a:lnTo>
                    <a:pt x="52" y="2"/>
                  </a:lnTo>
                  <a:lnTo>
                    <a:pt x="48" y="6"/>
                  </a:lnTo>
                  <a:lnTo>
                    <a:pt x="44" y="12"/>
                  </a:lnTo>
                  <a:lnTo>
                    <a:pt x="40" y="18"/>
                  </a:lnTo>
                  <a:lnTo>
                    <a:pt x="40" y="26"/>
                  </a:lnTo>
                  <a:lnTo>
                    <a:pt x="40" y="218"/>
                  </a:lnTo>
                  <a:lnTo>
                    <a:pt x="0" y="218"/>
                  </a:lnTo>
                  <a:lnTo>
                    <a:pt x="0" y="246"/>
                  </a:lnTo>
                  <a:lnTo>
                    <a:pt x="0" y="246"/>
                  </a:lnTo>
                  <a:lnTo>
                    <a:pt x="0" y="250"/>
                  </a:lnTo>
                  <a:lnTo>
                    <a:pt x="2" y="260"/>
                  </a:lnTo>
                  <a:lnTo>
                    <a:pt x="4" y="264"/>
                  </a:lnTo>
                  <a:lnTo>
                    <a:pt x="10" y="270"/>
                  </a:lnTo>
                  <a:lnTo>
                    <a:pt x="16" y="272"/>
                  </a:lnTo>
                  <a:lnTo>
                    <a:pt x="24" y="274"/>
                  </a:lnTo>
                  <a:lnTo>
                    <a:pt x="400" y="274"/>
                  </a:lnTo>
                  <a:lnTo>
                    <a:pt x="400" y="274"/>
                  </a:lnTo>
                  <a:lnTo>
                    <a:pt x="408" y="272"/>
                  </a:lnTo>
                  <a:lnTo>
                    <a:pt x="414" y="270"/>
                  </a:lnTo>
                  <a:lnTo>
                    <a:pt x="420" y="264"/>
                  </a:lnTo>
                  <a:lnTo>
                    <a:pt x="422" y="260"/>
                  </a:lnTo>
                  <a:lnTo>
                    <a:pt x="426" y="250"/>
                  </a:lnTo>
                  <a:lnTo>
                    <a:pt x="426" y="246"/>
                  </a:lnTo>
                  <a:lnTo>
                    <a:pt x="426" y="218"/>
                  </a:lnTo>
                  <a:lnTo>
                    <a:pt x="386" y="218"/>
                  </a:lnTo>
                  <a:close/>
                  <a:moveTo>
                    <a:pt x="66" y="26"/>
                  </a:moveTo>
                  <a:lnTo>
                    <a:pt x="360" y="26"/>
                  </a:lnTo>
                  <a:lnTo>
                    <a:pt x="360" y="204"/>
                  </a:lnTo>
                  <a:lnTo>
                    <a:pt x="66" y="204"/>
                  </a:lnTo>
                  <a:lnTo>
                    <a:pt x="66" y="26"/>
                  </a:lnTo>
                  <a:close/>
                  <a:moveTo>
                    <a:pt x="264" y="260"/>
                  </a:moveTo>
                  <a:lnTo>
                    <a:pt x="174" y="260"/>
                  </a:lnTo>
                  <a:lnTo>
                    <a:pt x="174" y="260"/>
                  </a:lnTo>
                  <a:lnTo>
                    <a:pt x="170" y="260"/>
                  </a:lnTo>
                  <a:lnTo>
                    <a:pt x="166" y="258"/>
                  </a:lnTo>
                  <a:lnTo>
                    <a:pt x="166" y="256"/>
                  </a:lnTo>
                  <a:lnTo>
                    <a:pt x="166" y="252"/>
                  </a:lnTo>
                  <a:lnTo>
                    <a:pt x="166" y="252"/>
                  </a:lnTo>
                  <a:lnTo>
                    <a:pt x="166" y="250"/>
                  </a:lnTo>
                  <a:lnTo>
                    <a:pt x="166" y="248"/>
                  </a:lnTo>
                  <a:lnTo>
                    <a:pt x="170" y="246"/>
                  </a:lnTo>
                  <a:lnTo>
                    <a:pt x="174" y="244"/>
                  </a:lnTo>
                  <a:lnTo>
                    <a:pt x="264" y="244"/>
                  </a:lnTo>
                  <a:lnTo>
                    <a:pt x="264" y="244"/>
                  </a:lnTo>
                  <a:lnTo>
                    <a:pt x="268" y="246"/>
                  </a:lnTo>
                  <a:lnTo>
                    <a:pt x="272" y="248"/>
                  </a:lnTo>
                  <a:lnTo>
                    <a:pt x="274" y="250"/>
                  </a:lnTo>
                  <a:lnTo>
                    <a:pt x="274" y="252"/>
                  </a:lnTo>
                  <a:lnTo>
                    <a:pt x="274" y="252"/>
                  </a:lnTo>
                  <a:lnTo>
                    <a:pt x="274" y="256"/>
                  </a:lnTo>
                  <a:lnTo>
                    <a:pt x="272" y="258"/>
                  </a:lnTo>
                  <a:lnTo>
                    <a:pt x="268" y="260"/>
                  </a:lnTo>
                  <a:lnTo>
                    <a:pt x="264" y="260"/>
                  </a:lnTo>
                  <a:lnTo>
                    <a:pt x="264" y="260"/>
                  </a:lnTo>
                  <a:close/>
                  <a:moveTo>
                    <a:pt x="394" y="260"/>
                  </a:moveTo>
                  <a:lnTo>
                    <a:pt x="366" y="260"/>
                  </a:lnTo>
                  <a:lnTo>
                    <a:pt x="366" y="260"/>
                  </a:lnTo>
                  <a:lnTo>
                    <a:pt x="362" y="258"/>
                  </a:lnTo>
                  <a:lnTo>
                    <a:pt x="360" y="252"/>
                  </a:lnTo>
                  <a:lnTo>
                    <a:pt x="360" y="252"/>
                  </a:lnTo>
                  <a:lnTo>
                    <a:pt x="362" y="248"/>
                  </a:lnTo>
                  <a:lnTo>
                    <a:pt x="366" y="246"/>
                  </a:lnTo>
                  <a:lnTo>
                    <a:pt x="394" y="246"/>
                  </a:lnTo>
                  <a:lnTo>
                    <a:pt x="394" y="246"/>
                  </a:lnTo>
                  <a:lnTo>
                    <a:pt x="398" y="248"/>
                  </a:lnTo>
                  <a:lnTo>
                    <a:pt x="400" y="252"/>
                  </a:lnTo>
                  <a:lnTo>
                    <a:pt x="400" y="252"/>
                  </a:lnTo>
                  <a:lnTo>
                    <a:pt x="398" y="258"/>
                  </a:lnTo>
                  <a:lnTo>
                    <a:pt x="394" y="260"/>
                  </a:lnTo>
                  <a:lnTo>
                    <a:pt x="394" y="260"/>
                  </a:lnTo>
                  <a:close/>
                </a:path>
              </a:pathLst>
            </a:custGeom>
            <a:solidFill>
              <a:schemeClr val="bg1"/>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9" name="Oval 18">
              <a:extLst>
                <a:ext uri="{FF2B5EF4-FFF2-40B4-BE49-F238E27FC236}">
                  <a16:creationId xmlns:a16="http://schemas.microsoft.com/office/drawing/2014/main" id="{76A1040B-05F9-61CF-F330-919F77A1E4E3}"/>
                </a:ext>
              </a:extLst>
            </p:cNvPr>
            <p:cNvSpPr/>
            <p:nvPr/>
          </p:nvSpPr>
          <p:spPr>
            <a:xfrm>
              <a:off x="4429213" y="726140"/>
              <a:ext cx="174901" cy="174902"/>
            </a:xfrm>
            <a:prstGeom prst="ellipse">
              <a:avLst/>
            </a:prstGeom>
            <a:solidFill>
              <a:srgbClr val="726CB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Freeform 18">
              <a:extLst>
                <a:ext uri="{FF2B5EF4-FFF2-40B4-BE49-F238E27FC236}">
                  <a16:creationId xmlns:a16="http://schemas.microsoft.com/office/drawing/2014/main" id="{8F2C76E6-2B7C-EA60-FC34-FC9D43777214}"/>
                </a:ext>
              </a:extLst>
            </p:cNvPr>
            <p:cNvSpPr>
              <a:spLocks noEditPoints="1"/>
            </p:cNvSpPr>
            <p:nvPr/>
          </p:nvSpPr>
          <p:spPr bwMode="auto">
            <a:xfrm>
              <a:off x="4437005" y="735186"/>
              <a:ext cx="177499" cy="205342"/>
            </a:xfrm>
            <a:custGeom>
              <a:avLst/>
              <a:gdLst/>
              <a:ahLst/>
              <a:cxnLst>
                <a:cxn ang="0">
                  <a:pos x="188" y="180"/>
                </a:cxn>
                <a:cxn ang="0">
                  <a:pos x="190" y="164"/>
                </a:cxn>
                <a:cxn ang="0">
                  <a:pos x="170" y="166"/>
                </a:cxn>
                <a:cxn ang="0">
                  <a:pos x="160" y="156"/>
                </a:cxn>
                <a:cxn ang="0">
                  <a:pos x="152" y="166"/>
                </a:cxn>
                <a:cxn ang="0">
                  <a:pos x="132" y="166"/>
                </a:cxn>
                <a:cxn ang="0">
                  <a:pos x="134" y="180"/>
                </a:cxn>
                <a:cxn ang="0">
                  <a:pos x="122" y="192"/>
                </a:cxn>
                <a:cxn ang="0">
                  <a:pos x="124" y="202"/>
                </a:cxn>
                <a:cxn ang="0">
                  <a:pos x="130" y="216"/>
                </a:cxn>
                <a:cxn ang="0">
                  <a:pos x="136" y="228"/>
                </a:cxn>
                <a:cxn ang="0">
                  <a:pos x="152" y="226"/>
                </a:cxn>
                <a:cxn ang="0">
                  <a:pos x="162" y="236"/>
                </a:cxn>
                <a:cxn ang="0">
                  <a:pos x="168" y="226"/>
                </a:cxn>
                <a:cxn ang="0">
                  <a:pos x="186" y="228"/>
                </a:cxn>
                <a:cxn ang="0">
                  <a:pos x="192" y="216"/>
                </a:cxn>
                <a:cxn ang="0">
                  <a:pos x="192" y="204"/>
                </a:cxn>
                <a:cxn ang="0">
                  <a:pos x="204" y="194"/>
                </a:cxn>
                <a:cxn ang="0">
                  <a:pos x="162" y="210"/>
                </a:cxn>
                <a:cxn ang="0">
                  <a:pos x="148" y="196"/>
                </a:cxn>
                <a:cxn ang="0">
                  <a:pos x="162" y="182"/>
                </a:cxn>
                <a:cxn ang="0">
                  <a:pos x="176" y="196"/>
                </a:cxn>
                <a:cxn ang="0">
                  <a:pos x="162" y="210"/>
                </a:cxn>
                <a:cxn ang="0">
                  <a:pos x="140" y="152"/>
                </a:cxn>
                <a:cxn ang="0">
                  <a:pos x="154" y="142"/>
                </a:cxn>
                <a:cxn ang="0">
                  <a:pos x="152" y="104"/>
                </a:cxn>
                <a:cxn ang="0">
                  <a:pos x="176" y="88"/>
                </a:cxn>
                <a:cxn ang="0">
                  <a:pos x="164" y="72"/>
                </a:cxn>
                <a:cxn ang="0">
                  <a:pos x="146" y="54"/>
                </a:cxn>
                <a:cxn ang="0">
                  <a:pos x="152" y="28"/>
                </a:cxn>
                <a:cxn ang="0">
                  <a:pos x="134" y="24"/>
                </a:cxn>
                <a:cxn ang="0">
                  <a:pos x="104" y="18"/>
                </a:cxn>
                <a:cxn ang="0">
                  <a:pos x="86" y="0"/>
                </a:cxn>
                <a:cxn ang="0">
                  <a:pos x="70" y="24"/>
                </a:cxn>
                <a:cxn ang="0">
                  <a:pos x="42" y="22"/>
                </a:cxn>
                <a:cxn ang="0">
                  <a:pos x="24" y="28"/>
                </a:cxn>
                <a:cxn ang="0">
                  <a:pos x="30" y="54"/>
                </a:cxn>
                <a:cxn ang="0">
                  <a:pos x="2" y="78"/>
                </a:cxn>
                <a:cxn ang="0">
                  <a:pos x="0" y="92"/>
                </a:cxn>
                <a:cxn ang="0">
                  <a:pos x="30" y="118"/>
                </a:cxn>
                <a:cxn ang="0">
                  <a:pos x="24" y="146"/>
                </a:cxn>
                <a:cxn ang="0">
                  <a:pos x="44" y="150"/>
                </a:cxn>
                <a:cxn ang="0">
                  <a:pos x="70" y="150"/>
                </a:cxn>
                <a:cxn ang="0">
                  <a:pos x="90" y="172"/>
                </a:cxn>
                <a:cxn ang="0">
                  <a:pos x="106" y="150"/>
                </a:cxn>
                <a:cxn ang="0">
                  <a:pos x="88" y="118"/>
                </a:cxn>
                <a:cxn ang="0">
                  <a:pos x="58" y="98"/>
                </a:cxn>
                <a:cxn ang="0">
                  <a:pos x="58" y="74"/>
                </a:cxn>
                <a:cxn ang="0">
                  <a:pos x="88" y="54"/>
                </a:cxn>
                <a:cxn ang="0">
                  <a:pos x="118" y="74"/>
                </a:cxn>
                <a:cxn ang="0">
                  <a:pos x="118" y="98"/>
                </a:cxn>
                <a:cxn ang="0">
                  <a:pos x="88" y="118"/>
                </a:cxn>
              </a:cxnLst>
              <a:rect l="0" t="0" r="r" b="b"/>
              <a:pathLst>
                <a:path w="204" h="236">
                  <a:moveTo>
                    <a:pt x="192" y="188"/>
                  </a:moveTo>
                  <a:lnTo>
                    <a:pt x="192" y="188"/>
                  </a:lnTo>
                  <a:lnTo>
                    <a:pt x="192" y="188"/>
                  </a:lnTo>
                  <a:lnTo>
                    <a:pt x="188" y="180"/>
                  </a:lnTo>
                  <a:lnTo>
                    <a:pt x="188" y="180"/>
                  </a:lnTo>
                  <a:lnTo>
                    <a:pt x="192" y="174"/>
                  </a:lnTo>
                  <a:lnTo>
                    <a:pt x="194" y="170"/>
                  </a:lnTo>
                  <a:lnTo>
                    <a:pt x="192" y="166"/>
                  </a:lnTo>
                  <a:lnTo>
                    <a:pt x="190" y="164"/>
                  </a:lnTo>
                  <a:lnTo>
                    <a:pt x="190" y="164"/>
                  </a:lnTo>
                  <a:lnTo>
                    <a:pt x="188" y="164"/>
                  </a:lnTo>
                  <a:lnTo>
                    <a:pt x="184" y="166"/>
                  </a:lnTo>
                  <a:lnTo>
                    <a:pt x="176" y="168"/>
                  </a:lnTo>
                  <a:lnTo>
                    <a:pt x="176" y="168"/>
                  </a:lnTo>
                  <a:lnTo>
                    <a:pt x="170" y="166"/>
                  </a:lnTo>
                  <a:lnTo>
                    <a:pt x="170" y="166"/>
                  </a:lnTo>
                  <a:lnTo>
                    <a:pt x="168" y="160"/>
                  </a:lnTo>
                  <a:lnTo>
                    <a:pt x="166" y="156"/>
                  </a:lnTo>
                  <a:lnTo>
                    <a:pt x="162" y="156"/>
                  </a:lnTo>
                  <a:lnTo>
                    <a:pt x="160" y="156"/>
                  </a:lnTo>
                  <a:lnTo>
                    <a:pt x="160" y="156"/>
                  </a:lnTo>
                  <a:lnTo>
                    <a:pt x="156" y="156"/>
                  </a:lnTo>
                  <a:lnTo>
                    <a:pt x="154" y="160"/>
                  </a:lnTo>
                  <a:lnTo>
                    <a:pt x="152" y="166"/>
                  </a:lnTo>
                  <a:lnTo>
                    <a:pt x="152" y="166"/>
                  </a:lnTo>
                  <a:lnTo>
                    <a:pt x="146" y="168"/>
                  </a:lnTo>
                  <a:lnTo>
                    <a:pt x="146" y="168"/>
                  </a:lnTo>
                  <a:lnTo>
                    <a:pt x="140" y="166"/>
                  </a:lnTo>
                  <a:lnTo>
                    <a:pt x="136" y="164"/>
                  </a:lnTo>
                  <a:lnTo>
                    <a:pt x="132" y="166"/>
                  </a:lnTo>
                  <a:lnTo>
                    <a:pt x="130" y="166"/>
                  </a:lnTo>
                  <a:lnTo>
                    <a:pt x="130" y="166"/>
                  </a:lnTo>
                  <a:lnTo>
                    <a:pt x="130" y="170"/>
                  </a:lnTo>
                  <a:lnTo>
                    <a:pt x="130" y="174"/>
                  </a:lnTo>
                  <a:lnTo>
                    <a:pt x="134" y="180"/>
                  </a:lnTo>
                  <a:lnTo>
                    <a:pt x="134" y="180"/>
                  </a:lnTo>
                  <a:lnTo>
                    <a:pt x="130" y="188"/>
                  </a:lnTo>
                  <a:lnTo>
                    <a:pt x="130" y="188"/>
                  </a:lnTo>
                  <a:lnTo>
                    <a:pt x="124" y="190"/>
                  </a:lnTo>
                  <a:lnTo>
                    <a:pt x="122" y="192"/>
                  </a:lnTo>
                  <a:lnTo>
                    <a:pt x="120" y="194"/>
                  </a:lnTo>
                  <a:lnTo>
                    <a:pt x="120" y="196"/>
                  </a:lnTo>
                  <a:lnTo>
                    <a:pt x="120" y="196"/>
                  </a:lnTo>
                  <a:lnTo>
                    <a:pt x="122" y="200"/>
                  </a:lnTo>
                  <a:lnTo>
                    <a:pt x="124" y="202"/>
                  </a:lnTo>
                  <a:lnTo>
                    <a:pt x="130" y="204"/>
                  </a:lnTo>
                  <a:lnTo>
                    <a:pt x="130" y="204"/>
                  </a:lnTo>
                  <a:lnTo>
                    <a:pt x="134" y="210"/>
                  </a:lnTo>
                  <a:lnTo>
                    <a:pt x="134" y="210"/>
                  </a:lnTo>
                  <a:lnTo>
                    <a:pt x="130" y="216"/>
                  </a:lnTo>
                  <a:lnTo>
                    <a:pt x="128" y="222"/>
                  </a:lnTo>
                  <a:lnTo>
                    <a:pt x="130" y="224"/>
                  </a:lnTo>
                  <a:lnTo>
                    <a:pt x="132" y="226"/>
                  </a:lnTo>
                  <a:lnTo>
                    <a:pt x="132" y="226"/>
                  </a:lnTo>
                  <a:lnTo>
                    <a:pt x="136" y="228"/>
                  </a:lnTo>
                  <a:lnTo>
                    <a:pt x="140" y="226"/>
                  </a:lnTo>
                  <a:lnTo>
                    <a:pt x="146" y="224"/>
                  </a:lnTo>
                  <a:lnTo>
                    <a:pt x="144" y="222"/>
                  </a:lnTo>
                  <a:lnTo>
                    <a:pt x="144" y="222"/>
                  </a:lnTo>
                  <a:lnTo>
                    <a:pt x="152" y="226"/>
                  </a:lnTo>
                  <a:lnTo>
                    <a:pt x="152" y="226"/>
                  </a:lnTo>
                  <a:lnTo>
                    <a:pt x="154" y="232"/>
                  </a:lnTo>
                  <a:lnTo>
                    <a:pt x="156" y="236"/>
                  </a:lnTo>
                  <a:lnTo>
                    <a:pt x="160" y="236"/>
                  </a:lnTo>
                  <a:lnTo>
                    <a:pt x="162" y="236"/>
                  </a:lnTo>
                  <a:lnTo>
                    <a:pt x="162" y="236"/>
                  </a:lnTo>
                  <a:lnTo>
                    <a:pt x="166" y="236"/>
                  </a:lnTo>
                  <a:lnTo>
                    <a:pt x="168" y="232"/>
                  </a:lnTo>
                  <a:lnTo>
                    <a:pt x="170" y="226"/>
                  </a:lnTo>
                  <a:lnTo>
                    <a:pt x="168" y="226"/>
                  </a:lnTo>
                  <a:lnTo>
                    <a:pt x="168" y="226"/>
                  </a:lnTo>
                  <a:lnTo>
                    <a:pt x="176" y="222"/>
                  </a:lnTo>
                  <a:lnTo>
                    <a:pt x="176" y="222"/>
                  </a:lnTo>
                  <a:lnTo>
                    <a:pt x="182" y="226"/>
                  </a:lnTo>
                  <a:lnTo>
                    <a:pt x="186" y="228"/>
                  </a:lnTo>
                  <a:lnTo>
                    <a:pt x="190" y="228"/>
                  </a:lnTo>
                  <a:lnTo>
                    <a:pt x="192" y="224"/>
                  </a:lnTo>
                  <a:lnTo>
                    <a:pt x="192" y="224"/>
                  </a:lnTo>
                  <a:lnTo>
                    <a:pt x="194" y="222"/>
                  </a:lnTo>
                  <a:lnTo>
                    <a:pt x="192" y="216"/>
                  </a:lnTo>
                  <a:lnTo>
                    <a:pt x="188" y="212"/>
                  </a:lnTo>
                  <a:lnTo>
                    <a:pt x="188" y="212"/>
                  </a:lnTo>
                  <a:lnTo>
                    <a:pt x="188" y="212"/>
                  </a:lnTo>
                  <a:lnTo>
                    <a:pt x="192" y="204"/>
                  </a:lnTo>
                  <a:lnTo>
                    <a:pt x="192" y="204"/>
                  </a:lnTo>
                  <a:lnTo>
                    <a:pt x="198" y="202"/>
                  </a:lnTo>
                  <a:lnTo>
                    <a:pt x="202" y="200"/>
                  </a:lnTo>
                  <a:lnTo>
                    <a:pt x="204" y="196"/>
                  </a:lnTo>
                  <a:lnTo>
                    <a:pt x="204" y="194"/>
                  </a:lnTo>
                  <a:lnTo>
                    <a:pt x="204" y="194"/>
                  </a:lnTo>
                  <a:lnTo>
                    <a:pt x="202" y="190"/>
                  </a:lnTo>
                  <a:lnTo>
                    <a:pt x="198" y="188"/>
                  </a:lnTo>
                  <a:lnTo>
                    <a:pt x="192" y="188"/>
                  </a:lnTo>
                  <a:lnTo>
                    <a:pt x="192" y="188"/>
                  </a:lnTo>
                  <a:close/>
                  <a:moveTo>
                    <a:pt x="162" y="210"/>
                  </a:moveTo>
                  <a:lnTo>
                    <a:pt x="162" y="210"/>
                  </a:lnTo>
                  <a:lnTo>
                    <a:pt x="156" y="208"/>
                  </a:lnTo>
                  <a:lnTo>
                    <a:pt x="152" y="206"/>
                  </a:lnTo>
                  <a:lnTo>
                    <a:pt x="148" y="202"/>
                  </a:lnTo>
                  <a:lnTo>
                    <a:pt x="148" y="196"/>
                  </a:lnTo>
                  <a:lnTo>
                    <a:pt x="148" y="196"/>
                  </a:lnTo>
                  <a:lnTo>
                    <a:pt x="148" y="190"/>
                  </a:lnTo>
                  <a:lnTo>
                    <a:pt x="152" y="186"/>
                  </a:lnTo>
                  <a:lnTo>
                    <a:pt x="156" y="184"/>
                  </a:lnTo>
                  <a:lnTo>
                    <a:pt x="162" y="182"/>
                  </a:lnTo>
                  <a:lnTo>
                    <a:pt x="162" y="182"/>
                  </a:lnTo>
                  <a:lnTo>
                    <a:pt x="168" y="184"/>
                  </a:lnTo>
                  <a:lnTo>
                    <a:pt x="172" y="186"/>
                  </a:lnTo>
                  <a:lnTo>
                    <a:pt x="176" y="190"/>
                  </a:lnTo>
                  <a:lnTo>
                    <a:pt x="176" y="196"/>
                  </a:lnTo>
                  <a:lnTo>
                    <a:pt x="176" y="196"/>
                  </a:lnTo>
                  <a:lnTo>
                    <a:pt x="176" y="202"/>
                  </a:lnTo>
                  <a:lnTo>
                    <a:pt x="172" y="206"/>
                  </a:lnTo>
                  <a:lnTo>
                    <a:pt x="168" y="208"/>
                  </a:lnTo>
                  <a:lnTo>
                    <a:pt x="162" y="210"/>
                  </a:lnTo>
                  <a:lnTo>
                    <a:pt x="162" y="210"/>
                  </a:lnTo>
                  <a:close/>
                  <a:moveTo>
                    <a:pt x="120" y="144"/>
                  </a:moveTo>
                  <a:lnTo>
                    <a:pt x="120" y="144"/>
                  </a:lnTo>
                  <a:lnTo>
                    <a:pt x="132" y="150"/>
                  </a:lnTo>
                  <a:lnTo>
                    <a:pt x="140" y="152"/>
                  </a:lnTo>
                  <a:lnTo>
                    <a:pt x="144" y="152"/>
                  </a:lnTo>
                  <a:lnTo>
                    <a:pt x="148" y="150"/>
                  </a:lnTo>
                  <a:lnTo>
                    <a:pt x="152" y="146"/>
                  </a:lnTo>
                  <a:lnTo>
                    <a:pt x="152" y="146"/>
                  </a:lnTo>
                  <a:lnTo>
                    <a:pt x="154" y="142"/>
                  </a:lnTo>
                  <a:lnTo>
                    <a:pt x="154" y="138"/>
                  </a:lnTo>
                  <a:lnTo>
                    <a:pt x="152" y="128"/>
                  </a:lnTo>
                  <a:lnTo>
                    <a:pt x="146" y="118"/>
                  </a:lnTo>
                  <a:lnTo>
                    <a:pt x="146" y="118"/>
                  </a:lnTo>
                  <a:lnTo>
                    <a:pt x="152" y="104"/>
                  </a:lnTo>
                  <a:lnTo>
                    <a:pt x="152" y="104"/>
                  </a:lnTo>
                  <a:lnTo>
                    <a:pt x="166" y="98"/>
                  </a:lnTo>
                  <a:lnTo>
                    <a:pt x="172" y="94"/>
                  </a:lnTo>
                  <a:lnTo>
                    <a:pt x="174" y="92"/>
                  </a:lnTo>
                  <a:lnTo>
                    <a:pt x="176" y="88"/>
                  </a:lnTo>
                  <a:lnTo>
                    <a:pt x="176" y="84"/>
                  </a:lnTo>
                  <a:lnTo>
                    <a:pt x="176" y="84"/>
                  </a:lnTo>
                  <a:lnTo>
                    <a:pt x="174" y="80"/>
                  </a:lnTo>
                  <a:lnTo>
                    <a:pt x="172" y="78"/>
                  </a:lnTo>
                  <a:lnTo>
                    <a:pt x="164" y="72"/>
                  </a:lnTo>
                  <a:lnTo>
                    <a:pt x="158" y="70"/>
                  </a:lnTo>
                  <a:lnTo>
                    <a:pt x="152" y="70"/>
                  </a:lnTo>
                  <a:lnTo>
                    <a:pt x="152" y="70"/>
                  </a:lnTo>
                  <a:lnTo>
                    <a:pt x="146" y="54"/>
                  </a:lnTo>
                  <a:lnTo>
                    <a:pt x="146" y="54"/>
                  </a:lnTo>
                  <a:lnTo>
                    <a:pt x="150" y="50"/>
                  </a:lnTo>
                  <a:lnTo>
                    <a:pt x="152" y="42"/>
                  </a:lnTo>
                  <a:lnTo>
                    <a:pt x="154" y="34"/>
                  </a:lnTo>
                  <a:lnTo>
                    <a:pt x="154" y="30"/>
                  </a:lnTo>
                  <a:lnTo>
                    <a:pt x="152" y="28"/>
                  </a:lnTo>
                  <a:lnTo>
                    <a:pt x="148" y="24"/>
                  </a:lnTo>
                  <a:lnTo>
                    <a:pt x="148" y="24"/>
                  </a:lnTo>
                  <a:lnTo>
                    <a:pt x="146" y="22"/>
                  </a:lnTo>
                  <a:lnTo>
                    <a:pt x="142" y="22"/>
                  </a:lnTo>
                  <a:lnTo>
                    <a:pt x="134" y="24"/>
                  </a:lnTo>
                  <a:lnTo>
                    <a:pt x="120" y="30"/>
                  </a:lnTo>
                  <a:lnTo>
                    <a:pt x="120" y="30"/>
                  </a:lnTo>
                  <a:lnTo>
                    <a:pt x="106" y="24"/>
                  </a:lnTo>
                  <a:lnTo>
                    <a:pt x="106" y="24"/>
                  </a:lnTo>
                  <a:lnTo>
                    <a:pt x="104" y="18"/>
                  </a:lnTo>
                  <a:lnTo>
                    <a:pt x="102" y="10"/>
                  </a:lnTo>
                  <a:lnTo>
                    <a:pt x="96" y="4"/>
                  </a:lnTo>
                  <a:lnTo>
                    <a:pt x="94" y="2"/>
                  </a:lnTo>
                  <a:lnTo>
                    <a:pt x="90" y="0"/>
                  </a:lnTo>
                  <a:lnTo>
                    <a:pt x="86" y="0"/>
                  </a:lnTo>
                  <a:lnTo>
                    <a:pt x="86" y="0"/>
                  </a:lnTo>
                  <a:lnTo>
                    <a:pt x="82" y="2"/>
                  </a:lnTo>
                  <a:lnTo>
                    <a:pt x="80" y="4"/>
                  </a:lnTo>
                  <a:lnTo>
                    <a:pt x="74" y="10"/>
                  </a:lnTo>
                  <a:lnTo>
                    <a:pt x="70" y="24"/>
                  </a:lnTo>
                  <a:lnTo>
                    <a:pt x="70" y="24"/>
                  </a:lnTo>
                  <a:lnTo>
                    <a:pt x="54" y="30"/>
                  </a:lnTo>
                  <a:lnTo>
                    <a:pt x="54" y="30"/>
                  </a:lnTo>
                  <a:lnTo>
                    <a:pt x="50" y="26"/>
                  </a:lnTo>
                  <a:lnTo>
                    <a:pt x="42" y="22"/>
                  </a:lnTo>
                  <a:lnTo>
                    <a:pt x="34" y="22"/>
                  </a:lnTo>
                  <a:lnTo>
                    <a:pt x="30" y="22"/>
                  </a:lnTo>
                  <a:lnTo>
                    <a:pt x="28" y="24"/>
                  </a:lnTo>
                  <a:lnTo>
                    <a:pt x="24" y="28"/>
                  </a:lnTo>
                  <a:lnTo>
                    <a:pt x="24" y="28"/>
                  </a:lnTo>
                  <a:lnTo>
                    <a:pt x="22" y="30"/>
                  </a:lnTo>
                  <a:lnTo>
                    <a:pt x="20" y="34"/>
                  </a:lnTo>
                  <a:lnTo>
                    <a:pt x="24" y="42"/>
                  </a:lnTo>
                  <a:lnTo>
                    <a:pt x="30" y="54"/>
                  </a:lnTo>
                  <a:lnTo>
                    <a:pt x="30" y="54"/>
                  </a:lnTo>
                  <a:lnTo>
                    <a:pt x="24" y="70"/>
                  </a:lnTo>
                  <a:lnTo>
                    <a:pt x="24" y="70"/>
                  </a:lnTo>
                  <a:lnTo>
                    <a:pt x="18" y="70"/>
                  </a:lnTo>
                  <a:lnTo>
                    <a:pt x="10" y="72"/>
                  </a:lnTo>
                  <a:lnTo>
                    <a:pt x="2" y="78"/>
                  </a:lnTo>
                  <a:lnTo>
                    <a:pt x="0" y="80"/>
                  </a:lnTo>
                  <a:lnTo>
                    <a:pt x="0" y="84"/>
                  </a:lnTo>
                  <a:lnTo>
                    <a:pt x="0" y="88"/>
                  </a:lnTo>
                  <a:lnTo>
                    <a:pt x="0" y="88"/>
                  </a:lnTo>
                  <a:lnTo>
                    <a:pt x="0" y="92"/>
                  </a:lnTo>
                  <a:lnTo>
                    <a:pt x="2" y="94"/>
                  </a:lnTo>
                  <a:lnTo>
                    <a:pt x="10" y="100"/>
                  </a:lnTo>
                  <a:lnTo>
                    <a:pt x="24" y="104"/>
                  </a:lnTo>
                  <a:lnTo>
                    <a:pt x="24" y="104"/>
                  </a:lnTo>
                  <a:lnTo>
                    <a:pt x="30" y="118"/>
                  </a:lnTo>
                  <a:lnTo>
                    <a:pt x="30" y="118"/>
                  </a:lnTo>
                  <a:lnTo>
                    <a:pt x="24" y="132"/>
                  </a:lnTo>
                  <a:lnTo>
                    <a:pt x="22" y="140"/>
                  </a:lnTo>
                  <a:lnTo>
                    <a:pt x="22" y="144"/>
                  </a:lnTo>
                  <a:lnTo>
                    <a:pt x="24" y="146"/>
                  </a:lnTo>
                  <a:lnTo>
                    <a:pt x="28" y="150"/>
                  </a:lnTo>
                  <a:lnTo>
                    <a:pt x="28" y="150"/>
                  </a:lnTo>
                  <a:lnTo>
                    <a:pt x="32" y="152"/>
                  </a:lnTo>
                  <a:lnTo>
                    <a:pt x="36" y="152"/>
                  </a:lnTo>
                  <a:lnTo>
                    <a:pt x="44" y="150"/>
                  </a:lnTo>
                  <a:lnTo>
                    <a:pt x="54" y="144"/>
                  </a:lnTo>
                  <a:lnTo>
                    <a:pt x="54" y="142"/>
                  </a:lnTo>
                  <a:lnTo>
                    <a:pt x="54" y="142"/>
                  </a:lnTo>
                  <a:lnTo>
                    <a:pt x="70" y="150"/>
                  </a:lnTo>
                  <a:lnTo>
                    <a:pt x="70" y="150"/>
                  </a:lnTo>
                  <a:lnTo>
                    <a:pt x="74" y="162"/>
                  </a:lnTo>
                  <a:lnTo>
                    <a:pt x="80" y="170"/>
                  </a:lnTo>
                  <a:lnTo>
                    <a:pt x="82" y="172"/>
                  </a:lnTo>
                  <a:lnTo>
                    <a:pt x="86" y="172"/>
                  </a:lnTo>
                  <a:lnTo>
                    <a:pt x="90" y="172"/>
                  </a:lnTo>
                  <a:lnTo>
                    <a:pt x="90" y="172"/>
                  </a:lnTo>
                  <a:lnTo>
                    <a:pt x="94" y="172"/>
                  </a:lnTo>
                  <a:lnTo>
                    <a:pt x="98" y="170"/>
                  </a:lnTo>
                  <a:lnTo>
                    <a:pt x="102" y="162"/>
                  </a:lnTo>
                  <a:lnTo>
                    <a:pt x="106" y="150"/>
                  </a:lnTo>
                  <a:lnTo>
                    <a:pt x="104" y="150"/>
                  </a:lnTo>
                  <a:lnTo>
                    <a:pt x="104" y="150"/>
                  </a:lnTo>
                  <a:lnTo>
                    <a:pt x="120" y="144"/>
                  </a:lnTo>
                  <a:lnTo>
                    <a:pt x="120" y="144"/>
                  </a:lnTo>
                  <a:close/>
                  <a:moveTo>
                    <a:pt x="88" y="118"/>
                  </a:moveTo>
                  <a:lnTo>
                    <a:pt x="88" y="118"/>
                  </a:lnTo>
                  <a:lnTo>
                    <a:pt x="80" y="118"/>
                  </a:lnTo>
                  <a:lnTo>
                    <a:pt x="74" y="116"/>
                  </a:lnTo>
                  <a:lnTo>
                    <a:pt x="64" y="110"/>
                  </a:lnTo>
                  <a:lnTo>
                    <a:pt x="58" y="98"/>
                  </a:lnTo>
                  <a:lnTo>
                    <a:pt x="56" y="94"/>
                  </a:lnTo>
                  <a:lnTo>
                    <a:pt x="56" y="86"/>
                  </a:lnTo>
                  <a:lnTo>
                    <a:pt x="56" y="86"/>
                  </a:lnTo>
                  <a:lnTo>
                    <a:pt x="56" y="80"/>
                  </a:lnTo>
                  <a:lnTo>
                    <a:pt x="58" y="74"/>
                  </a:lnTo>
                  <a:lnTo>
                    <a:pt x="64" y="64"/>
                  </a:lnTo>
                  <a:lnTo>
                    <a:pt x="74" y="58"/>
                  </a:lnTo>
                  <a:lnTo>
                    <a:pt x="80" y="56"/>
                  </a:lnTo>
                  <a:lnTo>
                    <a:pt x="88" y="54"/>
                  </a:lnTo>
                  <a:lnTo>
                    <a:pt x="88" y="54"/>
                  </a:lnTo>
                  <a:lnTo>
                    <a:pt x="94" y="56"/>
                  </a:lnTo>
                  <a:lnTo>
                    <a:pt x="100" y="58"/>
                  </a:lnTo>
                  <a:lnTo>
                    <a:pt x="110" y="64"/>
                  </a:lnTo>
                  <a:lnTo>
                    <a:pt x="114" y="68"/>
                  </a:lnTo>
                  <a:lnTo>
                    <a:pt x="118" y="74"/>
                  </a:lnTo>
                  <a:lnTo>
                    <a:pt x="120" y="80"/>
                  </a:lnTo>
                  <a:lnTo>
                    <a:pt x="120" y="86"/>
                  </a:lnTo>
                  <a:lnTo>
                    <a:pt x="120" y="86"/>
                  </a:lnTo>
                  <a:lnTo>
                    <a:pt x="120" y="94"/>
                  </a:lnTo>
                  <a:lnTo>
                    <a:pt x="118" y="98"/>
                  </a:lnTo>
                  <a:lnTo>
                    <a:pt x="114" y="104"/>
                  </a:lnTo>
                  <a:lnTo>
                    <a:pt x="110" y="110"/>
                  </a:lnTo>
                  <a:lnTo>
                    <a:pt x="100" y="116"/>
                  </a:lnTo>
                  <a:lnTo>
                    <a:pt x="94" y="118"/>
                  </a:lnTo>
                  <a:lnTo>
                    <a:pt x="88" y="118"/>
                  </a:lnTo>
                  <a:lnTo>
                    <a:pt x="88" y="118"/>
                  </a:lnTo>
                  <a:close/>
                </a:path>
              </a:pathLst>
            </a:custGeom>
            <a:solidFill>
              <a:schemeClr val="bg1"/>
            </a:solidFill>
            <a:ln w="9525" cap="flat" cmpd="sng" algn="ctr">
              <a:noFill/>
              <a:prstDash val="solid"/>
              <a:round/>
              <a:headEnd type="none" w="med" len="med"/>
              <a:tailEnd type="none" w="med" len="med"/>
            </a:ln>
            <a:effectLst/>
          </p:spPr>
          <p:txBody>
            <a:bodyPr vert="horz" wrap="square" lIns="91440" tIns="45720" rIns="91440" bIns="45720" numCol="1" rtlCol="0" anchor="ctr" anchorCtr="0" compatLnSpc="1">
              <a:prstTxWarp prst="textNoShape">
                <a:avLst/>
              </a:prstTxWarp>
            </a:bodyPr>
            <a:lstStyle/>
            <a:p>
              <a:pPr algn="ctr" fontAlgn="base">
                <a:spcBef>
                  <a:spcPct val="0"/>
                </a:spcBef>
                <a:spcAft>
                  <a:spcPct val="0"/>
                </a:spcAft>
              </a:pPr>
              <a:endParaRPr lang="en-US" sz="1400" b="1">
                <a:solidFill>
                  <a:schemeClr val="bg1"/>
                </a:solidFill>
                <a:latin typeface="+mj-lt"/>
                <a:cs typeface="Arial" charset="0"/>
              </a:endParaRPr>
            </a:p>
          </p:txBody>
        </p:sp>
      </p:grpSp>
      <p:grpSp>
        <p:nvGrpSpPr>
          <p:cNvPr id="21" name="Group 20">
            <a:extLst>
              <a:ext uri="{FF2B5EF4-FFF2-40B4-BE49-F238E27FC236}">
                <a16:creationId xmlns:a16="http://schemas.microsoft.com/office/drawing/2014/main" id="{68BC9D76-2129-6144-0CA9-4DCCA03C39B9}"/>
              </a:ext>
            </a:extLst>
          </p:cNvPr>
          <p:cNvGrpSpPr/>
          <p:nvPr/>
        </p:nvGrpSpPr>
        <p:grpSpPr>
          <a:xfrm>
            <a:off x="9371166" y="1696976"/>
            <a:ext cx="859838" cy="762000"/>
            <a:chOff x="3864592" y="972406"/>
            <a:chExt cx="1398021" cy="1193560"/>
          </a:xfrm>
        </p:grpSpPr>
        <p:sp>
          <p:nvSpPr>
            <p:cNvPr id="22" name="Oval 21">
              <a:extLst>
                <a:ext uri="{FF2B5EF4-FFF2-40B4-BE49-F238E27FC236}">
                  <a16:creationId xmlns:a16="http://schemas.microsoft.com/office/drawing/2014/main" id="{5E78ECF4-2D40-6A86-B69C-6F63483BDF7E}"/>
                </a:ext>
              </a:extLst>
            </p:cNvPr>
            <p:cNvSpPr/>
            <p:nvPr/>
          </p:nvSpPr>
          <p:spPr>
            <a:xfrm>
              <a:off x="4070445" y="1162856"/>
              <a:ext cx="1003110" cy="1003110"/>
            </a:xfrm>
            <a:prstGeom prst="ellipse">
              <a:avLst/>
            </a:prstGeom>
            <a:noFill/>
            <a:ln w="38100">
              <a:solidFill>
                <a:schemeClr val="bg1">
                  <a:lumMod val="85000"/>
                </a:schemeClr>
              </a:solidFill>
            </a:ln>
          </p:spPr>
          <p:style>
            <a:lnRef idx="2">
              <a:schemeClr val="lt1">
                <a:hueOff val="0"/>
                <a:satOff val="0"/>
                <a:lumOff val="0"/>
                <a:alphaOff val="0"/>
              </a:schemeClr>
            </a:lnRef>
            <a:fillRef idx="1">
              <a:schemeClr val="accent4">
                <a:hueOff val="-1116192"/>
                <a:satOff val="6725"/>
                <a:lumOff val="539"/>
                <a:alphaOff val="0"/>
              </a:schemeClr>
            </a:fillRef>
            <a:effectRef idx="0">
              <a:schemeClr val="accent4">
                <a:hueOff val="-1116192"/>
                <a:satOff val="6725"/>
                <a:lumOff val="539"/>
                <a:alphaOff val="0"/>
              </a:schemeClr>
            </a:effectRef>
            <a:fontRef idx="minor">
              <a:schemeClr val="lt1"/>
            </a:fontRef>
          </p:style>
          <p:txBody>
            <a:bodyPr spcFirstLastPara="0" vert="horz" wrap="square" lIns="171900" tIns="171900" rIns="171900" bIns="171900" numCol="1" spcCol="1270" anchor="ctr" anchorCtr="0">
              <a:noAutofit/>
            </a:bodyPr>
            <a:lstStyle/>
            <a:p>
              <a:pPr lvl="0" algn="ctr" defTabSz="1511300">
                <a:lnSpc>
                  <a:spcPct val="90000"/>
                </a:lnSpc>
                <a:spcBef>
                  <a:spcPct val="0"/>
                </a:spcBef>
                <a:spcAft>
                  <a:spcPct val="35000"/>
                </a:spcAft>
              </a:pPr>
              <a:endParaRPr lang="en-US" sz="3400" kern="1200"/>
            </a:p>
          </p:txBody>
        </p:sp>
        <p:sp>
          <p:nvSpPr>
            <p:cNvPr id="23" name="Rectangle 22">
              <a:extLst>
                <a:ext uri="{FF2B5EF4-FFF2-40B4-BE49-F238E27FC236}">
                  <a16:creationId xmlns:a16="http://schemas.microsoft.com/office/drawing/2014/main" id="{783A985A-3179-7EBD-50CC-72FC99737D42}"/>
                </a:ext>
              </a:extLst>
            </p:cNvPr>
            <p:cNvSpPr/>
            <p:nvPr/>
          </p:nvSpPr>
          <p:spPr>
            <a:xfrm>
              <a:off x="3864592" y="1633122"/>
              <a:ext cx="1398021" cy="402336"/>
            </a:xfrm>
            <a:prstGeom prst="rect">
              <a:avLst/>
            </a:prstGeom>
            <a:solidFill>
              <a:srgbClr val="4BACC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extLst>
                <a:ext uri="{FF2B5EF4-FFF2-40B4-BE49-F238E27FC236}">
                  <a16:creationId xmlns:a16="http://schemas.microsoft.com/office/drawing/2014/main" id="{7D24EA97-7346-1551-A51C-9723C8C92CCD}"/>
                </a:ext>
              </a:extLst>
            </p:cNvPr>
            <p:cNvSpPr/>
            <p:nvPr/>
          </p:nvSpPr>
          <p:spPr>
            <a:xfrm>
              <a:off x="4389119" y="1089705"/>
              <a:ext cx="365760" cy="438912"/>
            </a:xfrm>
            <a:prstGeom prst="rect">
              <a:avLst/>
            </a:prstGeom>
            <a:solidFill>
              <a:srgbClr val="4BACC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Freeform 8">
              <a:extLst>
                <a:ext uri="{FF2B5EF4-FFF2-40B4-BE49-F238E27FC236}">
                  <a16:creationId xmlns:a16="http://schemas.microsoft.com/office/drawing/2014/main" id="{0A113878-DBB1-219B-DE3C-849AFC31E0D4}"/>
                </a:ext>
              </a:extLst>
            </p:cNvPr>
            <p:cNvSpPr>
              <a:spLocks noChangeAspect="1" noEditPoints="1"/>
            </p:cNvSpPr>
            <p:nvPr/>
          </p:nvSpPr>
          <p:spPr bwMode="auto">
            <a:xfrm>
              <a:off x="4291239" y="972406"/>
              <a:ext cx="561523" cy="640080"/>
            </a:xfrm>
            <a:custGeom>
              <a:avLst/>
              <a:gdLst/>
              <a:ahLst/>
              <a:cxnLst>
                <a:cxn ang="0">
                  <a:pos x="370" y="314"/>
                </a:cxn>
                <a:cxn ang="0">
                  <a:pos x="336" y="290"/>
                </a:cxn>
                <a:cxn ang="0">
                  <a:pos x="308" y="276"/>
                </a:cxn>
                <a:cxn ang="0">
                  <a:pos x="274" y="266"/>
                </a:cxn>
                <a:cxn ang="0">
                  <a:pos x="264" y="264"/>
                </a:cxn>
                <a:cxn ang="0">
                  <a:pos x="252" y="258"/>
                </a:cxn>
                <a:cxn ang="0">
                  <a:pos x="240" y="242"/>
                </a:cxn>
                <a:cxn ang="0">
                  <a:pos x="234" y="220"/>
                </a:cxn>
                <a:cxn ang="0">
                  <a:pos x="232" y="202"/>
                </a:cxn>
                <a:cxn ang="0">
                  <a:pos x="232" y="200"/>
                </a:cxn>
                <a:cxn ang="0">
                  <a:pos x="234" y="190"/>
                </a:cxn>
                <a:cxn ang="0">
                  <a:pos x="242" y="184"/>
                </a:cxn>
                <a:cxn ang="0">
                  <a:pos x="254" y="164"/>
                </a:cxn>
                <a:cxn ang="0">
                  <a:pos x="260" y="138"/>
                </a:cxn>
                <a:cxn ang="0">
                  <a:pos x="260" y="74"/>
                </a:cxn>
                <a:cxn ang="0">
                  <a:pos x="260" y="66"/>
                </a:cxn>
                <a:cxn ang="0">
                  <a:pos x="254" y="44"/>
                </a:cxn>
                <a:cxn ang="0">
                  <a:pos x="240" y="24"/>
                </a:cxn>
                <a:cxn ang="0">
                  <a:pos x="228" y="16"/>
                </a:cxn>
                <a:cxn ang="0">
                  <a:pos x="212" y="14"/>
                </a:cxn>
                <a:cxn ang="0">
                  <a:pos x="172" y="0"/>
                </a:cxn>
                <a:cxn ang="0">
                  <a:pos x="156" y="4"/>
                </a:cxn>
                <a:cxn ang="0">
                  <a:pos x="144" y="12"/>
                </a:cxn>
                <a:cxn ang="0">
                  <a:pos x="130" y="38"/>
                </a:cxn>
                <a:cxn ang="0">
                  <a:pos x="124" y="64"/>
                </a:cxn>
                <a:cxn ang="0">
                  <a:pos x="124" y="74"/>
                </a:cxn>
                <a:cxn ang="0">
                  <a:pos x="124" y="126"/>
                </a:cxn>
                <a:cxn ang="0">
                  <a:pos x="128" y="150"/>
                </a:cxn>
                <a:cxn ang="0">
                  <a:pos x="146" y="188"/>
                </a:cxn>
                <a:cxn ang="0">
                  <a:pos x="150" y="194"/>
                </a:cxn>
                <a:cxn ang="0">
                  <a:pos x="152" y="204"/>
                </a:cxn>
                <a:cxn ang="0">
                  <a:pos x="150" y="204"/>
                </a:cxn>
                <a:cxn ang="0">
                  <a:pos x="152" y="222"/>
                </a:cxn>
                <a:cxn ang="0">
                  <a:pos x="148" y="244"/>
                </a:cxn>
                <a:cxn ang="0">
                  <a:pos x="138" y="258"/>
                </a:cxn>
                <a:cxn ang="0">
                  <a:pos x="124" y="264"/>
                </a:cxn>
                <a:cxn ang="0">
                  <a:pos x="116" y="266"/>
                </a:cxn>
                <a:cxn ang="0">
                  <a:pos x="80" y="276"/>
                </a:cxn>
                <a:cxn ang="0">
                  <a:pos x="50" y="290"/>
                </a:cxn>
                <a:cxn ang="0">
                  <a:pos x="16" y="314"/>
                </a:cxn>
                <a:cxn ang="0">
                  <a:pos x="10" y="324"/>
                </a:cxn>
                <a:cxn ang="0">
                  <a:pos x="2" y="364"/>
                </a:cxn>
                <a:cxn ang="0">
                  <a:pos x="0" y="398"/>
                </a:cxn>
                <a:cxn ang="0">
                  <a:pos x="162" y="358"/>
                </a:cxn>
                <a:cxn ang="0">
                  <a:pos x="178" y="264"/>
                </a:cxn>
                <a:cxn ang="0">
                  <a:pos x="178" y="264"/>
                </a:cxn>
                <a:cxn ang="0">
                  <a:pos x="178" y="268"/>
                </a:cxn>
                <a:cxn ang="0">
                  <a:pos x="182" y="276"/>
                </a:cxn>
                <a:cxn ang="0">
                  <a:pos x="204" y="276"/>
                </a:cxn>
                <a:cxn ang="0">
                  <a:pos x="206" y="272"/>
                </a:cxn>
                <a:cxn ang="0">
                  <a:pos x="212" y="262"/>
                </a:cxn>
                <a:cxn ang="0">
                  <a:pos x="220" y="398"/>
                </a:cxn>
                <a:cxn ang="0">
                  <a:pos x="386" y="398"/>
                </a:cxn>
                <a:cxn ang="0">
                  <a:pos x="376" y="330"/>
                </a:cxn>
                <a:cxn ang="0">
                  <a:pos x="370" y="314"/>
                </a:cxn>
                <a:cxn ang="0">
                  <a:pos x="192" y="440"/>
                </a:cxn>
                <a:cxn ang="0">
                  <a:pos x="220" y="398"/>
                </a:cxn>
                <a:cxn ang="0">
                  <a:pos x="192" y="440"/>
                </a:cxn>
              </a:cxnLst>
              <a:rect l="0" t="0" r="r" b="b"/>
              <a:pathLst>
                <a:path w="386" h="440">
                  <a:moveTo>
                    <a:pt x="370" y="314"/>
                  </a:moveTo>
                  <a:lnTo>
                    <a:pt x="370" y="314"/>
                  </a:lnTo>
                  <a:lnTo>
                    <a:pt x="358" y="304"/>
                  </a:lnTo>
                  <a:lnTo>
                    <a:pt x="336" y="290"/>
                  </a:lnTo>
                  <a:lnTo>
                    <a:pt x="324" y="282"/>
                  </a:lnTo>
                  <a:lnTo>
                    <a:pt x="308" y="276"/>
                  </a:lnTo>
                  <a:lnTo>
                    <a:pt x="292" y="270"/>
                  </a:lnTo>
                  <a:lnTo>
                    <a:pt x="274" y="266"/>
                  </a:lnTo>
                  <a:lnTo>
                    <a:pt x="274" y="266"/>
                  </a:lnTo>
                  <a:lnTo>
                    <a:pt x="264" y="264"/>
                  </a:lnTo>
                  <a:lnTo>
                    <a:pt x="258" y="262"/>
                  </a:lnTo>
                  <a:lnTo>
                    <a:pt x="252" y="258"/>
                  </a:lnTo>
                  <a:lnTo>
                    <a:pt x="246" y="254"/>
                  </a:lnTo>
                  <a:lnTo>
                    <a:pt x="240" y="242"/>
                  </a:lnTo>
                  <a:lnTo>
                    <a:pt x="236" y="232"/>
                  </a:lnTo>
                  <a:lnTo>
                    <a:pt x="234" y="220"/>
                  </a:lnTo>
                  <a:lnTo>
                    <a:pt x="232" y="210"/>
                  </a:lnTo>
                  <a:lnTo>
                    <a:pt x="232" y="202"/>
                  </a:lnTo>
                  <a:lnTo>
                    <a:pt x="232" y="202"/>
                  </a:lnTo>
                  <a:lnTo>
                    <a:pt x="232" y="200"/>
                  </a:lnTo>
                  <a:lnTo>
                    <a:pt x="232" y="196"/>
                  </a:lnTo>
                  <a:lnTo>
                    <a:pt x="234" y="190"/>
                  </a:lnTo>
                  <a:lnTo>
                    <a:pt x="234" y="190"/>
                  </a:lnTo>
                  <a:lnTo>
                    <a:pt x="242" y="184"/>
                  </a:lnTo>
                  <a:lnTo>
                    <a:pt x="250" y="174"/>
                  </a:lnTo>
                  <a:lnTo>
                    <a:pt x="254" y="164"/>
                  </a:lnTo>
                  <a:lnTo>
                    <a:pt x="258" y="154"/>
                  </a:lnTo>
                  <a:lnTo>
                    <a:pt x="260" y="138"/>
                  </a:lnTo>
                  <a:lnTo>
                    <a:pt x="260" y="132"/>
                  </a:lnTo>
                  <a:lnTo>
                    <a:pt x="260" y="74"/>
                  </a:lnTo>
                  <a:lnTo>
                    <a:pt x="260" y="74"/>
                  </a:lnTo>
                  <a:lnTo>
                    <a:pt x="260" y="66"/>
                  </a:lnTo>
                  <a:lnTo>
                    <a:pt x="258" y="56"/>
                  </a:lnTo>
                  <a:lnTo>
                    <a:pt x="254" y="44"/>
                  </a:lnTo>
                  <a:lnTo>
                    <a:pt x="248" y="34"/>
                  </a:lnTo>
                  <a:lnTo>
                    <a:pt x="240" y="24"/>
                  </a:lnTo>
                  <a:lnTo>
                    <a:pt x="234" y="20"/>
                  </a:lnTo>
                  <a:lnTo>
                    <a:pt x="228" y="16"/>
                  </a:lnTo>
                  <a:lnTo>
                    <a:pt x="220" y="14"/>
                  </a:lnTo>
                  <a:lnTo>
                    <a:pt x="212" y="14"/>
                  </a:lnTo>
                  <a:lnTo>
                    <a:pt x="172" y="0"/>
                  </a:lnTo>
                  <a:lnTo>
                    <a:pt x="172" y="0"/>
                  </a:lnTo>
                  <a:lnTo>
                    <a:pt x="164" y="2"/>
                  </a:lnTo>
                  <a:lnTo>
                    <a:pt x="156" y="4"/>
                  </a:lnTo>
                  <a:lnTo>
                    <a:pt x="150" y="8"/>
                  </a:lnTo>
                  <a:lnTo>
                    <a:pt x="144" y="12"/>
                  </a:lnTo>
                  <a:lnTo>
                    <a:pt x="136" y="24"/>
                  </a:lnTo>
                  <a:lnTo>
                    <a:pt x="130" y="38"/>
                  </a:lnTo>
                  <a:lnTo>
                    <a:pt x="126" y="52"/>
                  </a:lnTo>
                  <a:lnTo>
                    <a:pt x="124" y="64"/>
                  </a:lnTo>
                  <a:lnTo>
                    <a:pt x="124" y="74"/>
                  </a:lnTo>
                  <a:lnTo>
                    <a:pt x="124" y="74"/>
                  </a:lnTo>
                  <a:lnTo>
                    <a:pt x="124" y="126"/>
                  </a:lnTo>
                  <a:lnTo>
                    <a:pt x="124" y="126"/>
                  </a:lnTo>
                  <a:lnTo>
                    <a:pt x="124" y="138"/>
                  </a:lnTo>
                  <a:lnTo>
                    <a:pt x="128" y="150"/>
                  </a:lnTo>
                  <a:lnTo>
                    <a:pt x="136" y="172"/>
                  </a:lnTo>
                  <a:lnTo>
                    <a:pt x="146" y="188"/>
                  </a:lnTo>
                  <a:lnTo>
                    <a:pt x="150" y="194"/>
                  </a:lnTo>
                  <a:lnTo>
                    <a:pt x="150" y="194"/>
                  </a:lnTo>
                  <a:lnTo>
                    <a:pt x="152" y="200"/>
                  </a:lnTo>
                  <a:lnTo>
                    <a:pt x="152" y="204"/>
                  </a:lnTo>
                  <a:lnTo>
                    <a:pt x="150" y="204"/>
                  </a:lnTo>
                  <a:lnTo>
                    <a:pt x="150" y="204"/>
                  </a:lnTo>
                  <a:lnTo>
                    <a:pt x="152" y="214"/>
                  </a:lnTo>
                  <a:lnTo>
                    <a:pt x="152" y="222"/>
                  </a:lnTo>
                  <a:lnTo>
                    <a:pt x="152" y="232"/>
                  </a:lnTo>
                  <a:lnTo>
                    <a:pt x="148" y="244"/>
                  </a:lnTo>
                  <a:lnTo>
                    <a:pt x="142" y="254"/>
                  </a:lnTo>
                  <a:lnTo>
                    <a:pt x="138" y="258"/>
                  </a:lnTo>
                  <a:lnTo>
                    <a:pt x="132" y="262"/>
                  </a:lnTo>
                  <a:lnTo>
                    <a:pt x="124" y="264"/>
                  </a:lnTo>
                  <a:lnTo>
                    <a:pt x="116" y="266"/>
                  </a:lnTo>
                  <a:lnTo>
                    <a:pt x="116" y="266"/>
                  </a:lnTo>
                  <a:lnTo>
                    <a:pt x="98" y="270"/>
                  </a:lnTo>
                  <a:lnTo>
                    <a:pt x="80" y="276"/>
                  </a:lnTo>
                  <a:lnTo>
                    <a:pt x="66" y="282"/>
                  </a:lnTo>
                  <a:lnTo>
                    <a:pt x="50" y="290"/>
                  </a:lnTo>
                  <a:lnTo>
                    <a:pt x="28" y="304"/>
                  </a:lnTo>
                  <a:lnTo>
                    <a:pt x="16" y="314"/>
                  </a:lnTo>
                  <a:lnTo>
                    <a:pt x="16" y="314"/>
                  </a:lnTo>
                  <a:lnTo>
                    <a:pt x="10" y="324"/>
                  </a:lnTo>
                  <a:lnTo>
                    <a:pt x="6" y="336"/>
                  </a:lnTo>
                  <a:lnTo>
                    <a:pt x="2" y="364"/>
                  </a:lnTo>
                  <a:lnTo>
                    <a:pt x="0" y="388"/>
                  </a:lnTo>
                  <a:lnTo>
                    <a:pt x="0" y="398"/>
                  </a:lnTo>
                  <a:lnTo>
                    <a:pt x="176" y="398"/>
                  </a:lnTo>
                  <a:lnTo>
                    <a:pt x="162" y="358"/>
                  </a:lnTo>
                  <a:lnTo>
                    <a:pt x="178" y="264"/>
                  </a:lnTo>
                  <a:lnTo>
                    <a:pt x="178" y="264"/>
                  </a:lnTo>
                  <a:lnTo>
                    <a:pt x="178" y="264"/>
                  </a:lnTo>
                  <a:lnTo>
                    <a:pt x="178" y="264"/>
                  </a:lnTo>
                  <a:lnTo>
                    <a:pt x="178" y="264"/>
                  </a:lnTo>
                  <a:lnTo>
                    <a:pt x="178" y="268"/>
                  </a:lnTo>
                  <a:lnTo>
                    <a:pt x="180" y="272"/>
                  </a:lnTo>
                  <a:lnTo>
                    <a:pt x="182" y="276"/>
                  </a:lnTo>
                  <a:lnTo>
                    <a:pt x="188" y="276"/>
                  </a:lnTo>
                  <a:lnTo>
                    <a:pt x="204" y="276"/>
                  </a:lnTo>
                  <a:lnTo>
                    <a:pt x="204" y="276"/>
                  </a:lnTo>
                  <a:lnTo>
                    <a:pt x="206" y="272"/>
                  </a:lnTo>
                  <a:lnTo>
                    <a:pt x="208" y="268"/>
                  </a:lnTo>
                  <a:lnTo>
                    <a:pt x="212" y="262"/>
                  </a:lnTo>
                  <a:lnTo>
                    <a:pt x="236" y="358"/>
                  </a:lnTo>
                  <a:lnTo>
                    <a:pt x="220" y="398"/>
                  </a:lnTo>
                  <a:lnTo>
                    <a:pt x="386" y="398"/>
                  </a:lnTo>
                  <a:lnTo>
                    <a:pt x="386" y="398"/>
                  </a:lnTo>
                  <a:lnTo>
                    <a:pt x="380" y="360"/>
                  </a:lnTo>
                  <a:lnTo>
                    <a:pt x="376" y="330"/>
                  </a:lnTo>
                  <a:lnTo>
                    <a:pt x="372" y="320"/>
                  </a:lnTo>
                  <a:lnTo>
                    <a:pt x="370" y="314"/>
                  </a:lnTo>
                  <a:lnTo>
                    <a:pt x="370" y="314"/>
                  </a:lnTo>
                  <a:close/>
                  <a:moveTo>
                    <a:pt x="192" y="440"/>
                  </a:moveTo>
                  <a:lnTo>
                    <a:pt x="202" y="440"/>
                  </a:lnTo>
                  <a:lnTo>
                    <a:pt x="220" y="398"/>
                  </a:lnTo>
                  <a:lnTo>
                    <a:pt x="176" y="398"/>
                  </a:lnTo>
                  <a:lnTo>
                    <a:pt x="192" y="440"/>
                  </a:lnTo>
                  <a:close/>
                </a:path>
              </a:pathLst>
            </a:custGeom>
            <a:solidFill>
              <a:schemeClr val="bg1"/>
            </a:solidFill>
            <a:ln w="19050">
              <a:solidFill>
                <a:srgbClr val="4BACC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lt1"/>
                </a:solidFill>
              </a:endParaRPr>
            </a:p>
          </p:txBody>
        </p:sp>
        <p:sp>
          <p:nvSpPr>
            <p:cNvPr id="26" name="Freeform 21">
              <a:extLst>
                <a:ext uri="{FF2B5EF4-FFF2-40B4-BE49-F238E27FC236}">
                  <a16:creationId xmlns:a16="http://schemas.microsoft.com/office/drawing/2014/main" id="{7766991A-679D-0AD6-D16C-5ECA6274033B}"/>
                </a:ext>
              </a:extLst>
            </p:cNvPr>
            <p:cNvSpPr>
              <a:spLocks/>
            </p:cNvSpPr>
            <p:nvPr/>
          </p:nvSpPr>
          <p:spPr bwMode="auto">
            <a:xfrm>
              <a:off x="4865633" y="1674066"/>
              <a:ext cx="274320" cy="274320"/>
            </a:xfrm>
            <a:custGeom>
              <a:avLst/>
              <a:gdLst/>
              <a:ahLst/>
              <a:cxnLst>
                <a:cxn ang="0">
                  <a:pos x="358" y="316"/>
                </a:cxn>
                <a:cxn ang="0">
                  <a:pos x="336" y="296"/>
                </a:cxn>
                <a:cxn ang="0">
                  <a:pos x="314" y="286"/>
                </a:cxn>
                <a:cxn ang="0">
                  <a:pos x="278" y="278"/>
                </a:cxn>
                <a:cxn ang="0">
                  <a:pos x="260" y="274"/>
                </a:cxn>
                <a:cxn ang="0">
                  <a:pos x="238" y="262"/>
                </a:cxn>
                <a:cxn ang="0">
                  <a:pos x="230" y="250"/>
                </a:cxn>
                <a:cxn ang="0">
                  <a:pos x="230" y="238"/>
                </a:cxn>
                <a:cxn ang="0">
                  <a:pos x="232" y="214"/>
                </a:cxn>
                <a:cxn ang="0">
                  <a:pos x="242" y="204"/>
                </a:cxn>
                <a:cxn ang="0">
                  <a:pos x="260" y="174"/>
                </a:cxn>
                <a:cxn ang="0">
                  <a:pos x="274" y="164"/>
                </a:cxn>
                <a:cxn ang="0">
                  <a:pos x="282" y="154"/>
                </a:cxn>
                <a:cxn ang="0">
                  <a:pos x="282" y="148"/>
                </a:cxn>
                <a:cxn ang="0">
                  <a:pos x="280" y="128"/>
                </a:cxn>
                <a:cxn ang="0">
                  <a:pos x="276" y="118"/>
                </a:cxn>
                <a:cxn ang="0">
                  <a:pos x="272" y="116"/>
                </a:cxn>
                <a:cxn ang="0">
                  <a:pos x="266" y="112"/>
                </a:cxn>
                <a:cxn ang="0">
                  <a:pos x="266" y="108"/>
                </a:cxn>
                <a:cxn ang="0">
                  <a:pos x="268" y="60"/>
                </a:cxn>
                <a:cxn ang="0">
                  <a:pos x="266" y="50"/>
                </a:cxn>
                <a:cxn ang="0">
                  <a:pos x="264" y="32"/>
                </a:cxn>
                <a:cxn ang="0">
                  <a:pos x="254" y="22"/>
                </a:cxn>
                <a:cxn ang="0">
                  <a:pos x="248" y="18"/>
                </a:cxn>
                <a:cxn ang="0">
                  <a:pos x="234" y="18"/>
                </a:cxn>
                <a:cxn ang="0">
                  <a:pos x="226" y="18"/>
                </a:cxn>
                <a:cxn ang="0">
                  <a:pos x="220" y="16"/>
                </a:cxn>
                <a:cxn ang="0">
                  <a:pos x="206" y="2"/>
                </a:cxn>
                <a:cxn ang="0">
                  <a:pos x="196" y="0"/>
                </a:cxn>
                <a:cxn ang="0">
                  <a:pos x="132" y="12"/>
                </a:cxn>
                <a:cxn ang="0">
                  <a:pos x="124" y="14"/>
                </a:cxn>
                <a:cxn ang="0">
                  <a:pos x="114" y="24"/>
                </a:cxn>
                <a:cxn ang="0">
                  <a:pos x="104" y="42"/>
                </a:cxn>
                <a:cxn ang="0">
                  <a:pos x="102" y="52"/>
                </a:cxn>
                <a:cxn ang="0">
                  <a:pos x="102" y="106"/>
                </a:cxn>
                <a:cxn ang="0">
                  <a:pos x="102" y="110"/>
                </a:cxn>
                <a:cxn ang="0">
                  <a:pos x="98" y="114"/>
                </a:cxn>
                <a:cxn ang="0">
                  <a:pos x="94" y="116"/>
                </a:cxn>
                <a:cxn ang="0">
                  <a:pos x="90" y="134"/>
                </a:cxn>
                <a:cxn ang="0">
                  <a:pos x="90" y="152"/>
                </a:cxn>
                <a:cxn ang="0">
                  <a:pos x="92" y="164"/>
                </a:cxn>
                <a:cxn ang="0">
                  <a:pos x="108" y="174"/>
                </a:cxn>
                <a:cxn ang="0">
                  <a:pos x="112" y="184"/>
                </a:cxn>
                <a:cxn ang="0">
                  <a:pos x="128" y="202"/>
                </a:cxn>
                <a:cxn ang="0">
                  <a:pos x="140" y="212"/>
                </a:cxn>
                <a:cxn ang="0">
                  <a:pos x="142" y="240"/>
                </a:cxn>
                <a:cxn ang="0">
                  <a:pos x="140" y="244"/>
                </a:cxn>
                <a:cxn ang="0">
                  <a:pos x="136" y="256"/>
                </a:cxn>
                <a:cxn ang="0">
                  <a:pos x="122" y="268"/>
                </a:cxn>
                <a:cxn ang="0">
                  <a:pos x="90" y="278"/>
                </a:cxn>
                <a:cxn ang="0">
                  <a:pos x="70" y="282"/>
                </a:cxn>
                <a:cxn ang="0">
                  <a:pos x="42" y="290"/>
                </a:cxn>
                <a:cxn ang="0">
                  <a:pos x="18" y="306"/>
                </a:cxn>
                <a:cxn ang="0">
                  <a:pos x="10" y="316"/>
                </a:cxn>
                <a:cxn ang="0">
                  <a:pos x="4" y="328"/>
                </a:cxn>
                <a:cxn ang="0">
                  <a:pos x="0" y="374"/>
                </a:cxn>
                <a:cxn ang="0">
                  <a:pos x="372" y="374"/>
                </a:cxn>
                <a:cxn ang="0">
                  <a:pos x="366" y="328"/>
                </a:cxn>
                <a:cxn ang="0">
                  <a:pos x="358" y="316"/>
                </a:cxn>
              </a:cxnLst>
              <a:rect l="0" t="0" r="r" b="b"/>
              <a:pathLst>
                <a:path w="372" h="374">
                  <a:moveTo>
                    <a:pt x="358" y="316"/>
                  </a:moveTo>
                  <a:lnTo>
                    <a:pt x="358" y="316"/>
                  </a:lnTo>
                  <a:lnTo>
                    <a:pt x="350" y="306"/>
                  </a:lnTo>
                  <a:lnTo>
                    <a:pt x="336" y="296"/>
                  </a:lnTo>
                  <a:lnTo>
                    <a:pt x="326" y="290"/>
                  </a:lnTo>
                  <a:lnTo>
                    <a:pt x="314" y="286"/>
                  </a:lnTo>
                  <a:lnTo>
                    <a:pt x="298" y="282"/>
                  </a:lnTo>
                  <a:lnTo>
                    <a:pt x="278" y="278"/>
                  </a:lnTo>
                  <a:lnTo>
                    <a:pt x="278" y="278"/>
                  </a:lnTo>
                  <a:lnTo>
                    <a:pt x="260" y="274"/>
                  </a:lnTo>
                  <a:lnTo>
                    <a:pt x="246" y="268"/>
                  </a:lnTo>
                  <a:lnTo>
                    <a:pt x="238" y="262"/>
                  </a:lnTo>
                  <a:lnTo>
                    <a:pt x="232" y="256"/>
                  </a:lnTo>
                  <a:lnTo>
                    <a:pt x="230" y="250"/>
                  </a:lnTo>
                  <a:lnTo>
                    <a:pt x="230" y="244"/>
                  </a:lnTo>
                  <a:lnTo>
                    <a:pt x="230" y="238"/>
                  </a:lnTo>
                  <a:lnTo>
                    <a:pt x="230" y="238"/>
                  </a:lnTo>
                  <a:lnTo>
                    <a:pt x="232" y="214"/>
                  </a:lnTo>
                  <a:lnTo>
                    <a:pt x="232" y="214"/>
                  </a:lnTo>
                  <a:lnTo>
                    <a:pt x="242" y="204"/>
                  </a:lnTo>
                  <a:lnTo>
                    <a:pt x="252" y="190"/>
                  </a:lnTo>
                  <a:lnTo>
                    <a:pt x="260" y="174"/>
                  </a:lnTo>
                  <a:lnTo>
                    <a:pt x="260" y="174"/>
                  </a:lnTo>
                  <a:lnTo>
                    <a:pt x="274" y="164"/>
                  </a:lnTo>
                  <a:lnTo>
                    <a:pt x="278" y="160"/>
                  </a:lnTo>
                  <a:lnTo>
                    <a:pt x="282" y="154"/>
                  </a:lnTo>
                  <a:lnTo>
                    <a:pt x="282" y="154"/>
                  </a:lnTo>
                  <a:lnTo>
                    <a:pt x="282" y="148"/>
                  </a:lnTo>
                  <a:lnTo>
                    <a:pt x="282" y="134"/>
                  </a:lnTo>
                  <a:lnTo>
                    <a:pt x="280" y="128"/>
                  </a:lnTo>
                  <a:lnTo>
                    <a:pt x="278" y="122"/>
                  </a:lnTo>
                  <a:lnTo>
                    <a:pt x="276" y="118"/>
                  </a:lnTo>
                  <a:lnTo>
                    <a:pt x="272" y="116"/>
                  </a:lnTo>
                  <a:lnTo>
                    <a:pt x="272" y="116"/>
                  </a:lnTo>
                  <a:lnTo>
                    <a:pt x="268" y="114"/>
                  </a:lnTo>
                  <a:lnTo>
                    <a:pt x="266" y="112"/>
                  </a:lnTo>
                  <a:lnTo>
                    <a:pt x="266" y="108"/>
                  </a:lnTo>
                  <a:lnTo>
                    <a:pt x="266" y="108"/>
                  </a:lnTo>
                  <a:lnTo>
                    <a:pt x="268" y="84"/>
                  </a:lnTo>
                  <a:lnTo>
                    <a:pt x="268" y="60"/>
                  </a:lnTo>
                  <a:lnTo>
                    <a:pt x="268" y="60"/>
                  </a:lnTo>
                  <a:lnTo>
                    <a:pt x="266" y="50"/>
                  </a:lnTo>
                  <a:lnTo>
                    <a:pt x="266" y="38"/>
                  </a:lnTo>
                  <a:lnTo>
                    <a:pt x="264" y="32"/>
                  </a:lnTo>
                  <a:lnTo>
                    <a:pt x="260" y="26"/>
                  </a:lnTo>
                  <a:lnTo>
                    <a:pt x="254" y="22"/>
                  </a:lnTo>
                  <a:lnTo>
                    <a:pt x="248" y="18"/>
                  </a:lnTo>
                  <a:lnTo>
                    <a:pt x="248" y="18"/>
                  </a:lnTo>
                  <a:lnTo>
                    <a:pt x="240" y="18"/>
                  </a:lnTo>
                  <a:lnTo>
                    <a:pt x="234" y="18"/>
                  </a:lnTo>
                  <a:lnTo>
                    <a:pt x="230" y="18"/>
                  </a:lnTo>
                  <a:lnTo>
                    <a:pt x="226" y="18"/>
                  </a:lnTo>
                  <a:lnTo>
                    <a:pt x="226" y="18"/>
                  </a:lnTo>
                  <a:lnTo>
                    <a:pt x="220" y="16"/>
                  </a:lnTo>
                  <a:lnTo>
                    <a:pt x="214" y="10"/>
                  </a:lnTo>
                  <a:lnTo>
                    <a:pt x="206" y="2"/>
                  </a:lnTo>
                  <a:lnTo>
                    <a:pt x="202" y="0"/>
                  </a:lnTo>
                  <a:lnTo>
                    <a:pt x="196" y="0"/>
                  </a:lnTo>
                  <a:lnTo>
                    <a:pt x="196" y="0"/>
                  </a:lnTo>
                  <a:lnTo>
                    <a:pt x="132" y="12"/>
                  </a:lnTo>
                  <a:lnTo>
                    <a:pt x="132" y="12"/>
                  </a:lnTo>
                  <a:lnTo>
                    <a:pt x="124" y="14"/>
                  </a:lnTo>
                  <a:lnTo>
                    <a:pt x="118" y="18"/>
                  </a:lnTo>
                  <a:lnTo>
                    <a:pt x="114" y="24"/>
                  </a:lnTo>
                  <a:lnTo>
                    <a:pt x="110" y="30"/>
                  </a:lnTo>
                  <a:lnTo>
                    <a:pt x="104" y="42"/>
                  </a:lnTo>
                  <a:lnTo>
                    <a:pt x="102" y="52"/>
                  </a:lnTo>
                  <a:lnTo>
                    <a:pt x="102" y="52"/>
                  </a:lnTo>
                  <a:lnTo>
                    <a:pt x="102" y="78"/>
                  </a:lnTo>
                  <a:lnTo>
                    <a:pt x="102" y="106"/>
                  </a:lnTo>
                  <a:lnTo>
                    <a:pt x="102" y="106"/>
                  </a:lnTo>
                  <a:lnTo>
                    <a:pt x="102" y="110"/>
                  </a:lnTo>
                  <a:lnTo>
                    <a:pt x="100" y="114"/>
                  </a:lnTo>
                  <a:lnTo>
                    <a:pt x="98" y="114"/>
                  </a:lnTo>
                  <a:lnTo>
                    <a:pt x="98" y="114"/>
                  </a:lnTo>
                  <a:lnTo>
                    <a:pt x="94" y="116"/>
                  </a:lnTo>
                  <a:lnTo>
                    <a:pt x="90" y="120"/>
                  </a:lnTo>
                  <a:lnTo>
                    <a:pt x="90" y="134"/>
                  </a:lnTo>
                  <a:lnTo>
                    <a:pt x="90" y="152"/>
                  </a:lnTo>
                  <a:lnTo>
                    <a:pt x="90" y="152"/>
                  </a:lnTo>
                  <a:lnTo>
                    <a:pt x="92" y="160"/>
                  </a:lnTo>
                  <a:lnTo>
                    <a:pt x="92" y="164"/>
                  </a:lnTo>
                  <a:lnTo>
                    <a:pt x="98" y="170"/>
                  </a:lnTo>
                  <a:lnTo>
                    <a:pt x="108" y="174"/>
                  </a:lnTo>
                  <a:lnTo>
                    <a:pt x="108" y="174"/>
                  </a:lnTo>
                  <a:lnTo>
                    <a:pt x="112" y="184"/>
                  </a:lnTo>
                  <a:lnTo>
                    <a:pt x="116" y="192"/>
                  </a:lnTo>
                  <a:lnTo>
                    <a:pt x="128" y="202"/>
                  </a:lnTo>
                  <a:lnTo>
                    <a:pt x="136" y="210"/>
                  </a:lnTo>
                  <a:lnTo>
                    <a:pt x="140" y="212"/>
                  </a:lnTo>
                  <a:lnTo>
                    <a:pt x="140" y="212"/>
                  </a:lnTo>
                  <a:lnTo>
                    <a:pt x="142" y="240"/>
                  </a:lnTo>
                  <a:lnTo>
                    <a:pt x="142" y="240"/>
                  </a:lnTo>
                  <a:lnTo>
                    <a:pt x="140" y="244"/>
                  </a:lnTo>
                  <a:lnTo>
                    <a:pt x="140" y="250"/>
                  </a:lnTo>
                  <a:lnTo>
                    <a:pt x="136" y="256"/>
                  </a:lnTo>
                  <a:lnTo>
                    <a:pt x="130" y="262"/>
                  </a:lnTo>
                  <a:lnTo>
                    <a:pt x="122" y="268"/>
                  </a:lnTo>
                  <a:lnTo>
                    <a:pt x="108" y="274"/>
                  </a:lnTo>
                  <a:lnTo>
                    <a:pt x="90" y="278"/>
                  </a:lnTo>
                  <a:lnTo>
                    <a:pt x="90" y="278"/>
                  </a:lnTo>
                  <a:lnTo>
                    <a:pt x="70" y="282"/>
                  </a:lnTo>
                  <a:lnTo>
                    <a:pt x="54" y="286"/>
                  </a:lnTo>
                  <a:lnTo>
                    <a:pt x="42" y="290"/>
                  </a:lnTo>
                  <a:lnTo>
                    <a:pt x="32" y="296"/>
                  </a:lnTo>
                  <a:lnTo>
                    <a:pt x="18" y="306"/>
                  </a:lnTo>
                  <a:lnTo>
                    <a:pt x="10" y="316"/>
                  </a:lnTo>
                  <a:lnTo>
                    <a:pt x="10" y="316"/>
                  </a:lnTo>
                  <a:lnTo>
                    <a:pt x="6" y="320"/>
                  </a:lnTo>
                  <a:lnTo>
                    <a:pt x="4" y="328"/>
                  </a:lnTo>
                  <a:lnTo>
                    <a:pt x="0" y="348"/>
                  </a:lnTo>
                  <a:lnTo>
                    <a:pt x="0" y="374"/>
                  </a:lnTo>
                  <a:lnTo>
                    <a:pt x="372" y="374"/>
                  </a:lnTo>
                  <a:lnTo>
                    <a:pt x="372" y="374"/>
                  </a:lnTo>
                  <a:lnTo>
                    <a:pt x="370" y="348"/>
                  </a:lnTo>
                  <a:lnTo>
                    <a:pt x="366" y="328"/>
                  </a:lnTo>
                  <a:lnTo>
                    <a:pt x="362" y="320"/>
                  </a:lnTo>
                  <a:lnTo>
                    <a:pt x="358" y="316"/>
                  </a:lnTo>
                  <a:lnTo>
                    <a:pt x="358" y="316"/>
                  </a:lnTo>
                  <a:close/>
                </a:path>
              </a:pathLst>
            </a:custGeom>
            <a:solidFill>
              <a:schemeClr val="bg1">
                <a:lumMod val="95000"/>
              </a:schemeClr>
            </a:solidFill>
            <a:ln w="190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lt1"/>
                </a:solidFill>
              </a:endParaRPr>
            </a:p>
          </p:txBody>
        </p:sp>
        <p:sp>
          <p:nvSpPr>
            <p:cNvPr id="27" name="Freeform 21">
              <a:extLst>
                <a:ext uri="{FF2B5EF4-FFF2-40B4-BE49-F238E27FC236}">
                  <a16:creationId xmlns:a16="http://schemas.microsoft.com/office/drawing/2014/main" id="{1661EEC5-69C1-0294-1BF4-E8A56469191C}"/>
                </a:ext>
              </a:extLst>
            </p:cNvPr>
            <p:cNvSpPr>
              <a:spLocks/>
            </p:cNvSpPr>
            <p:nvPr/>
          </p:nvSpPr>
          <p:spPr bwMode="auto">
            <a:xfrm>
              <a:off x="4011467" y="1687714"/>
              <a:ext cx="274320" cy="274320"/>
            </a:xfrm>
            <a:custGeom>
              <a:avLst/>
              <a:gdLst/>
              <a:ahLst/>
              <a:cxnLst>
                <a:cxn ang="0">
                  <a:pos x="358" y="316"/>
                </a:cxn>
                <a:cxn ang="0">
                  <a:pos x="336" y="296"/>
                </a:cxn>
                <a:cxn ang="0">
                  <a:pos x="314" y="286"/>
                </a:cxn>
                <a:cxn ang="0">
                  <a:pos x="278" y="278"/>
                </a:cxn>
                <a:cxn ang="0">
                  <a:pos x="260" y="274"/>
                </a:cxn>
                <a:cxn ang="0">
                  <a:pos x="238" y="262"/>
                </a:cxn>
                <a:cxn ang="0">
                  <a:pos x="230" y="250"/>
                </a:cxn>
                <a:cxn ang="0">
                  <a:pos x="230" y="238"/>
                </a:cxn>
                <a:cxn ang="0">
                  <a:pos x="232" y="214"/>
                </a:cxn>
                <a:cxn ang="0">
                  <a:pos x="242" y="204"/>
                </a:cxn>
                <a:cxn ang="0">
                  <a:pos x="260" y="174"/>
                </a:cxn>
                <a:cxn ang="0">
                  <a:pos x="274" y="164"/>
                </a:cxn>
                <a:cxn ang="0">
                  <a:pos x="282" y="154"/>
                </a:cxn>
                <a:cxn ang="0">
                  <a:pos x="282" y="148"/>
                </a:cxn>
                <a:cxn ang="0">
                  <a:pos x="280" y="128"/>
                </a:cxn>
                <a:cxn ang="0">
                  <a:pos x="276" y="118"/>
                </a:cxn>
                <a:cxn ang="0">
                  <a:pos x="272" y="116"/>
                </a:cxn>
                <a:cxn ang="0">
                  <a:pos x="266" y="112"/>
                </a:cxn>
                <a:cxn ang="0">
                  <a:pos x="266" y="108"/>
                </a:cxn>
                <a:cxn ang="0">
                  <a:pos x="268" y="60"/>
                </a:cxn>
                <a:cxn ang="0">
                  <a:pos x="266" y="50"/>
                </a:cxn>
                <a:cxn ang="0">
                  <a:pos x="264" y="32"/>
                </a:cxn>
                <a:cxn ang="0">
                  <a:pos x="254" y="22"/>
                </a:cxn>
                <a:cxn ang="0">
                  <a:pos x="248" y="18"/>
                </a:cxn>
                <a:cxn ang="0">
                  <a:pos x="234" y="18"/>
                </a:cxn>
                <a:cxn ang="0">
                  <a:pos x="226" y="18"/>
                </a:cxn>
                <a:cxn ang="0">
                  <a:pos x="220" y="16"/>
                </a:cxn>
                <a:cxn ang="0">
                  <a:pos x="206" y="2"/>
                </a:cxn>
                <a:cxn ang="0">
                  <a:pos x="196" y="0"/>
                </a:cxn>
                <a:cxn ang="0">
                  <a:pos x="132" y="12"/>
                </a:cxn>
                <a:cxn ang="0">
                  <a:pos x="124" y="14"/>
                </a:cxn>
                <a:cxn ang="0">
                  <a:pos x="114" y="24"/>
                </a:cxn>
                <a:cxn ang="0">
                  <a:pos x="104" y="42"/>
                </a:cxn>
                <a:cxn ang="0">
                  <a:pos x="102" y="52"/>
                </a:cxn>
                <a:cxn ang="0">
                  <a:pos x="102" y="106"/>
                </a:cxn>
                <a:cxn ang="0">
                  <a:pos x="102" y="110"/>
                </a:cxn>
                <a:cxn ang="0">
                  <a:pos x="98" y="114"/>
                </a:cxn>
                <a:cxn ang="0">
                  <a:pos x="94" y="116"/>
                </a:cxn>
                <a:cxn ang="0">
                  <a:pos x="90" y="134"/>
                </a:cxn>
                <a:cxn ang="0">
                  <a:pos x="90" y="152"/>
                </a:cxn>
                <a:cxn ang="0">
                  <a:pos x="92" y="164"/>
                </a:cxn>
                <a:cxn ang="0">
                  <a:pos x="108" y="174"/>
                </a:cxn>
                <a:cxn ang="0">
                  <a:pos x="112" y="184"/>
                </a:cxn>
                <a:cxn ang="0">
                  <a:pos x="128" y="202"/>
                </a:cxn>
                <a:cxn ang="0">
                  <a:pos x="140" y="212"/>
                </a:cxn>
                <a:cxn ang="0">
                  <a:pos x="142" y="240"/>
                </a:cxn>
                <a:cxn ang="0">
                  <a:pos x="140" y="244"/>
                </a:cxn>
                <a:cxn ang="0">
                  <a:pos x="136" y="256"/>
                </a:cxn>
                <a:cxn ang="0">
                  <a:pos x="122" y="268"/>
                </a:cxn>
                <a:cxn ang="0">
                  <a:pos x="90" y="278"/>
                </a:cxn>
                <a:cxn ang="0">
                  <a:pos x="70" y="282"/>
                </a:cxn>
                <a:cxn ang="0">
                  <a:pos x="42" y="290"/>
                </a:cxn>
                <a:cxn ang="0">
                  <a:pos x="18" y="306"/>
                </a:cxn>
                <a:cxn ang="0">
                  <a:pos x="10" y="316"/>
                </a:cxn>
                <a:cxn ang="0">
                  <a:pos x="4" y="328"/>
                </a:cxn>
                <a:cxn ang="0">
                  <a:pos x="0" y="374"/>
                </a:cxn>
                <a:cxn ang="0">
                  <a:pos x="372" y="374"/>
                </a:cxn>
                <a:cxn ang="0">
                  <a:pos x="366" y="328"/>
                </a:cxn>
                <a:cxn ang="0">
                  <a:pos x="358" y="316"/>
                </a:cxn>
              </a:cxnLst>
              <a:rect l="0" t="0" r="r" b="b"/>
              <a:pathLst>
                <a:path w="372" h="374">
                  <a:moveTo>
                    <a:pt x="358" y="316"/>
                  </a:moveTo>
                  <a:lnTo>
                    <a:pt x="358" y="316"/>
                  </a:lnTo>
                  <a:lnTo>
                    <a:pt x="350" y="306"/>
                  </a:lnTo>
                  <a:lnTo>
                    <a:pt x="336" y="296"/>
                  </a:lnTo>
                  <a:lnTo>
                    <a:pt x="326" y="290"/>
                  </a:lnTo>
                  <a:lnTo>
                    <a:pt x="314" y="286"/>
                  </a:lnTo>
                  <a:lnTo>
                    <a:pt x="298" y="282"/>
                  </a:lnTo>
                  <a:lnTo>
                    <a:pt x="278" y="278"/>
                  </a:lnTo>
                  <a:lnTo>
                    <a:pt x="278" y="278"/>
                  </a:lnTo>
                  <a:lnTo>
                    <a:pt x="260" y="274"/>
                  </a:lnTo>
                  <a:lnTo>
                    <a:pt x="246" y="268"/>
                  </a:lnTo>
                  <a:lnTo>
                    <a:pt x="238" y="262"/>
                  </a:lnTo>
                  <a:lnTo>
                    <a:pt x="232" y="256"/>
                  </a:lnTo>
                  <a:lnTo>
                    <a:pt x="230" y="250"/>
                  </a:lnTo>
                  <a:lnTo>
                    <a:pt x="230" y="244"/>
                  </a:lnTo>
                  <a:lnTo>
                    <a:pt x="230" y="238"/>
                  </a:lnTo>
                  <a:lnTo>
                    <a:pt x="230" y="238"/>
                  </a:lnTo>
                  <a:lnTo>
                    <a:pt x="232" y="214"/>
                  </a:lnTo>
                  <a:lnTo>
                    <a:pt x="232" y="214"/>
                  </a:lnTo>
                  <a:lnTo>
                    <a:pt x="242" y="204"/>
                  </a:lnTo>
                  <a:lnTo>
                    <a:pt x="252" y="190"/>
                  </a:lnTo>
                  <a:lnTo>
                    <a:pt x="260" y="174"/>
                  </a:lnTo>
                  <a:lnTo>
                    <a:pt x="260" y="174"/>
                  </a:lnTo>
                  <a:lnTo>
                    <a:pt x="274" y="164"/>
                  </a:lnTo>
                  <a:lnTo>
                    <a:pt x="278" y="160"/>
                  </a:lnTo>
                  <a:lnTo>
                    <a:pt x="282" y="154"/>
                  </a:lnTo>
                  <a:lnTo>
                    <a:pt x="282" y="154"/>
                  </a:lnTo>
                  <a:lnTo>
                    <a:pt x="282" y="148"/>
                  </a:lnTo>
                  <a:lnTo>
                    <a:pt x="282" y="134"/>
                  </a:lnTo>
                  <a:lnTo>
                    <a:pt x="280" y="128"/>
                  </a:lnTo>
                  <a:lnTo>
                    <a:pt x="278" y="122"/>
                  </a:lnTo>
                  <a:lnTo>
                    <a:pt x="276" y="118"/>
                  </a:lnTo>
                  <a:lnTo>
                    <a:pt x="272" y="116"/>
                  </a:lnTo>
                  <a:lnTo>
                    <a:pt x="272" y="116"/>
                  </a:lnTo>
                  <a:lnTo>
                    <a:pt x="268" y="114"/>
                  </a:lnTo>
                  <a:lnTo>
                    <a:pt x="266" y="112"/>
                  </a:lnTo>
                  <a:lnTo>
                    <a:pt x="266" y="108"/>
                  </a:lnTo>
                  <a:lnTo>
                    <a:pt x="266" y="108"/>
                  </a:lnTo>
                  <a:lnTo>
                    <a:pt x="268" y="84"/>
                  </a:lnTo>
                  <a:lnTo>
                    <a:pt x="268" y="60"/>
                  </a:lnTo>
                  <a:lnTo>
                    <a:pt x="268" y="60"/>
                  </a:lnTo>
                  <a:lnTo>
                    <a:pt x="266" y="50"/>
                  </a:lnTo>
                  <a:lnTo>
                    <a:pt x="266" y="38"/>
                  </a:lnTo>
                  <a:lnTo>
                    <a:pt x="264" y="32"/>
                  </a:lnTo>
                  <a:lnTo>
                    <a:pt x="260" y="26"/>
                  </a:lnTo>
                  <a:lnTo>
                    <a:pt x="254" y="22"/>
                  </a:lnTo>
                  <a:lnTo>
                    <a:pt x="248" y="18"/>
                  </a:lnTo>
                  <a:lnTo>
                    <a:pt x="248" y="18"/>
                  </a:lnTo>
                  <a:lnTo>
                    <a:pt x="240" y="18"/>
                  </a:lnTo>
                  <a:lnTo>
                    <a:pt x="234" y="18"/>
                  </a:lnTo>
                  <a:lnTo>
                    <a:pt x="230" y="18"/>
                  </a:lnTo>
                  <a:lnTo>
                    <a:pt x="226" y="18"/>
                  </a:lnTo>
                  <a:lnTo>
                    <a:pt x="226" y="18"/>
                  </a:lnTo>
                  <a:lnTo>
                    <a:pt x="220" y="16"/>
                  </a:lnTo>
                  <a:lnTo>
                    <a:pt x="214" y="10"/>
                  </a:lnTo>
                  <a:lnTo>
                    <a:pt x="206" y="2"/>
                  </a:lnTo>
                  <a:lnTo>
                    <a:pt x="202" y="0"/>
                  </a:lnTo>
                  <a:lnTo>
                    <a:pt x="196" y="0"/>
                  </a:lnTo>
                  <a:lnTo>
                    <a:pt x="196" y="0"/>
                  </a:lnTo>
                  <a:lnTo>
                    <a:pt x="132" y="12"/>
                  </a:lnTo>
                  <a:lnTo>
                    <a:pt x="132" y="12"/>
                  </a:lnTo>
                  <a:lnTo>
                    <a:pt x="124" y="14"/>
                  </a:lnTo>
                  <a:lnTo>
                    <a:pt x="118" y="18"/>
                  </a:lnTo>
                  <a:lnTo>
                    <a:pt x="114" y="24"/>
                  </a:lnTo>
                  <a:lnTo>
                    <a:pt x="110" y="30"/>
                  </a:lnTo>
                  <a:lnTo>
                    <a:pt x="104" y="42"/>
                  </a:lnTo>
                  <a:lnTo>
                    <a:pt x="102" y="52"/>
                  </a:lnTo>
                  <a:lnTo>
                    <a:pt x="102" y="52"/>
                  </a:lnTo>
                  <a:lnTo>
                    <a:pt x="102" y="78"/>
                  </a:lnTo>
                  <a:lnTo>
                    <a:pt x="102" y="106"/>
                  </a:lnTo>
                  <a:lnTo>
                    <a:pt x="102" y="106"/>
                  </a:lnTo>
                  <a:lnTo>
                    <a:pt x="102" y="110"/>
                  </a:lnTo>
                  <a:lnTo>
                    <a:pt x="100" y="114"/>
                  </a:lnTo>
                  <a:lnTo>
                    <a:pt x="98" y="114"/>
                  </a:lnTo>
                  <a:lnTo>
                    <a:pt x="98" y="114"/>
                  </a:lnTo>
                  <a:lnTo>
                    <a:pt x="94" y="116"/>
                  </a:lnTo>
                  <a:lnTo>
                    <a:pt x="90" y="120"/>
                  </a:lnTo>
                  <a:lnTo>
                    <a:pt x="90" y="134"/>
                  </a:lnTo>
                  <a:lnTo>
                    <a:pt x="90" y="152"/>
                  </a:lnTo>
                  <a:lnTo>
                    <a:pt x="90" y="152"/>
                  </a:lnTo>
                  <a:lnTo>
                    <a:pt x="92" y="160"/>
                  </a:lnTo>
                  <a:lnTo>
                    <a:pt x="92" y="164"/>
                  </a:lnTo>
                  <a:lnTo>
                    <a:pt x="98" y="170"/>
                  </a:lnTo>
                  <a:lnTo>
                    <a:pt x="108" y="174"/>
                  </a:lnTo>
                  <a:lnTo>
                    <a:pt x="108" y="174"/>
                  </a:lnTo>
                  <a:lnTo>
                    <a:pt x="112" y="184"/>
                  </a:lnTo>
                  <a:lnTo>
                    <a:pt x="116" y="192"/>
                  </a:lnTo>
                  <a:lnTo>
                    <a:pt x="128" y="202"/>
                  </a:lnTo>
                  <a:lnTo>
                    <a:pt x="136" y="210"/>
                  </a:lnTo>
                  <a:lnTo>
                    <a:pt x="140" y="212"/>
                  </a:lnTo>
                  <a:lnTo>
                    <a:pt x="140" y="212"/>
                  </a:lnTo>
                  <a:lnTo>
                    <a:pt x="142" y="240"/>
                  </a:lnTo>
                  <a:lnTo>
                    <a:pt x="142" y="240"/>
                  </a:lnTo>
                  <a:lnTo>
                    <a:pt x="140" y="244"/>
                  </a:lnTo>
                  <a:lnTo>
                    <a:pt x="140" y="250"/>
                  </a:lnTo>
                  <a:lnTo>
                    <a:pt x="136" y="256"/>
                  </a:lnTo>
                  <a:lnTo>
                    <a:pt x="130" y="262"/>
                  </a:lnTo>
                  <a:lnTo>
                    <a:pt x="122" y="268"/>
                  </a:lnTo>
                  <a:lnTo>
                    <a:pt x="108" y="274"/>
                  </a:lnTo>
                  <a:lnTo>
                    <a:pt x="90" y="278"/>
                  </a:lnTo>
                  <a:lnTo>
                    <a:pt x="90" y="278"/>
                  </a:lnTo>
                  <a:lnTo>
                    <a:pt x="70" y="282"/>
                  </a:lnTo>
                  <a:lnTo>
                    <a:pt x="54" y="286"/>
                  </a:lnTo>
                  <a:lnTo>
                    <a:pt x="42" y="290"/>
                  </a:lnTo>
                  <a:lnTo>
                    <a:pt x="32" y="296"/>
                  </a:lnTo>
                  <a:lnTo>
                    <a:pt x="18" y="306"/>
                  </a:lnTo>
                  <a:lnTo>
                    <a:pt x="10" y="316"/>
                  </a:lnTo>
                  <a:lnTo>
                    <a:pt x="10" y="316"/>
                  </a:lnTo>
                  <a:lnTo>
                    <a:pt x="6" y="320"/>
                  </a:lnTo>
                  <a:lnTo>
                    <a:pt x="4" y="328"/>
                  </a:lnTo>
                  <a:lnTo>
                    <a:pt x="0" y="348"/>
                  </a:lnTo>
                  <a:lnTo>
                    <a:pt x="0" y="374"/>
                  </a:lnTo>
                  <a:lnTo>
                    <a:pt x="372" y="374"/>
                  </a:lnTo>
                  <a:lnTo>
                    <a:pt x="372" y="374"/>
                  </a:lnTo>
                  <a:lnTo>
                    <a:pt x="370" y="348"/>
                  </a:lnTo>
                  <a:lnTo>
                    <a:pt x="366" y="328"/>
                  </a:lnTo>
                  <a:lnTo>
                    <a:pt x="362" y="320"/>
                  </a:lnTo>
                  <a:lnTo>
                    <a:pt x="358" y="316"/>
                  </a:lnTo>
                  <a:lnTo>
                    <a:pt x="358" y="316"/>
                  </a:lnTo>
                  <a:close/>
                </a:path>
              </a:pathLst>
            </a:custGeom>
            <a:solidFill>
              <a:schemeClr val="bg1">
                <a:lumMod val="95000"/>
              </a:schemeClr>
            </a:solidFill>
            <a:ln w="190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lt1"/>
                </a:solidFill>
              </a:endParaRPr>
            </a:p>
          </p:txBody>
        </p:sp>
        <p:grpSp>
          <p:nvGrpSpPr>
            <p:cNvPr id="28" name="Group 27">
              <a:extLst>
                <a:ext uri="{FF2B5EF4-FFF2-40B4-BE49-F238E27FC236}">
                  <a16:creationId xmlns:a16="http://schemas.microsoft.com/office/drawing/2014/main" id="{652311C7-A2C2-FAE9-0EDD-15096E2AFC1E}"/>
                </a:ext>
              </a:extLst>
            </p:cNvPr>
            <p:cNvGrpSpPr/>
            <p:nvPr/>
          </p:nvGrpSpPr>
          <p:grpSpPr>
            <a:xfrm>
              <a:off x="4587957" y="1671472"/>
              <a:ext cx="172130" cy="272996"/>
              <a:chOff x="-4180988" y="4888860"/>
              <a:chExt cx="438780" cy="695899"/>
            </a:xfrm>
            <a:solidFill>
              <a:schemeClr val="bg1"/>
            </a:solidFill>
          </p:grpSpPr>
          <p:sp>
            <p:nvSpPr>
              <p:cNvPr id="29" name="Line 625">
                <a:extLst>
                  <a:ext uri="{FF2B5EF4-FFF2-40B4-BE49-F238E27FC236}">
                    <a16:creationId xmlns:a16="http://schemas.microsoft.com/office/drawing/2014/main" id="{A58ACD1C-915B-8727-9F20-EBB03C5ADD4C}"/>
                  </a:ext>
                </a:extLst>
              </p:cNvPr>
              <p:cNvSpPr>
                <a:spLocks noChangeShapeType="1"/>
              </p:cNvSpPr>
              <p:nvPr/>
            </p:nvSpPr>
            <p:spPr bwMode="auto">
              <a:xfrm>
                <a:off x="-3742767" y="5419867"/>
                <a:ext cx="559" cy="559"/>
              </a:xfrm>
              <a:prstGeom prst="line">
                <a:avLst/>
              </a:prstGeom>
              <a:grp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30" name="Line 628">
                <a:extLst>
                  <a:ext uri="{FF2B5EF4-FFF2-40B4-BE49-F238E27FC236}">
                    <a16:creationId xmlns:a16="http://schemas.microsoft.com/office/drawing/2014/main" id="{5B255792-7929-2CEA-871B-A3D119193F3A}"/>
                  </a:ext>
                </a:extLst>
              </p:cNvPr>
              <p:cNvSpPr>
                <a:spLocks noChangeShapeType="1"/>
              </p:cNvSpPr>
              <p:nvPr/>
            </p:nvSpPr>
            <p:spPr bwMode="auto">
              <a:xfrm>
                <a:off x="-4180988" y="5584200"/>
                <a:ext cx="559" cy="559"/>
              </a:xfrm>
              <a:prstGeom prst="line">
                <a:avLst/>
              </a:prstGeom>
              <a:grp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31" name="Line 632">
                <a:extLst>
                  <a:ext uri="{FF2B5EF4-FFF2-40B4-BE49-F238E27FC236}">
                    <a16:creationId xmlns:a16="http://schemas.microsoft.com/office/drawing/2014/main" id="{6F54207D-F331-2428-50FC-18B03FBD12C9}"/>
                  </a:ext>
                </a:extLst>
              </p:cNvPr>
              <p:cNvSpPr>
                <a:spLocks noChangeShapeType="1"/>
              </p:cNvSpPr>
              <p:nvPr/>
            </p:nvSpPr>
            <p:spPr bwMode="auto">
              <a:xfrm>
                <a:off x="-4156394" y="4888860"/>
                <a:ext cx="559" cy="559"/>
              </a:xfrm>
              <a:prstGeom prst="line">
                <a:avLst/>
              </a:prstGeom>
              <a:grp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32" name="Line 635">
                <a:extLst>
                  <a:ext uri="{FF2B5EF4-FFF2-40B4-BE49-F238E27FC236}">
                    <a16:creationId xmlns:a16="http://schemas.microsoft.com/office/drawing/2014/main" id="{9867762A-FF79-403A-1206-C89971A8146F}"/>
                  </a:ext>
                </a:extLst>
              </p:cNvPr>
              <p:cNvSpPr>
                <a:spLocks noChangeShapeType="1"/>
              </p:cNvSpPr>
              <p:nvPr/>
            </p:nvSpPr>
            <p:spPr bwMode="auto">
              <a:xfrm>
                <a:off x="-3965232" y="5134800"/>
                <a:ext cx="559" cy="559"/>
              </a:xfrm>
              <a:prstGeom prst="line">
                <a:avLst/>
              </a:prstGeom>
              <a:grp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33" name="Line 638">
                <a:extLst>
                  <a:ext uri="{FF2B5EF4-FFF2-40B4-BE49-F238E27FC236}">
                    <a16:creationId xmlns:a16="http://schemas.microsoft.com/office/drawing/2014/main" id="{6E5558C6-EECC-CDA4-D52B-7ABB0D578F6C}"/>
                  </a:ext>
                </a:extLst>
              </p:cNvPr>
              <p:cNvSpPr>
                <a:spLocks noChangeShapeType="1"/>
              </p:cNvSpPr>
              <p:nvPr/>
            </p:nvSpPr>
            <p:spPr bwMode="auto">
              <a:xfrm>
                <a:off x="-3965232" y="5211936"/>
                <a:ext cx="559" cy="559"/>
              </a:xfrm>
              <a:prstGeom prst="line">
                <a:avLst/>
              </a:prstGeom>
              <a:grpFill/>
              <a:ln w="9525">
                <a:noFill/>
                <a:round/>
                <a:headEnd/>
                <a:tailEnd/>
              </a:ln>
            </p:spPr>
            <p:txBody>
              <a:bodyPr vert="horz" wrap="square" lIns="91440" tIns="45720" rIns="91440" bIns="45720" numCol="1" anchor="t" anchorCtr="0" compatLnSpc="1">
                <a:prstTxWarp prst="textNoShape">
                  <a:avLst/>
                </a:prstTxWarp>
              </a:bodyPr>
              <a:lstStyle/>
              <a:p>
                <a:endParaRPr lang="en-US"/>
              </a:p>
            </p:txBody>
          </p:sp>
        </p:grpSp>
      </p:grpSp>
    </p:spTree>
    <p:extLst>
      <p:ext uri="{BB962C8B-B14F-4D97-AF65-F5344CB8AC3E}">
        <p14:creationId xmlns:p14="http://schemas.microsoft.com/office/powerpoint/2010/main" val="3690358071"/>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CD4A613D-C91F-9F2C-DE24-81252B7C659D}"/>
              </a:ext>
            </a:extLst>
          </p:cNvPr>
          <p:cNvSpPr/>
          <p:nvPr/>
        </p:nvSpPr>
        <p:spPr>
          <a:xfrm>
            <a:off x="8176070" y="1154050"/>
            <a:ext cx="3436810" cy="1157901"/>
          </a:xfrm>
          <a:prstGeom prst="rect">
            <a:avLst/>
          </a:prstGeom>
          <a:solidFill>
            <a:srgbClr val="4BACC6"/>
          </a:solidFill>
          <a:ln>
            <a:solidFill>
              <a:srgbClr val="4BACC6"/>
            </a:solidFill>
          </a:ln>
          <a:effectLst>
            <a:outerShdw blurRad="50800" dist="38100" dir="2700000" algn="tl" rotWithShape="0">
              <a:prstClr val="black">
                <a:alpha val="16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137160" rIns="91440" bIns="45720" rtlCol="0" anchor="t"/>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altLang="en-US" sz="1400" b="1" i="0" u="none" strike="noStrike" kern="1200" cap="none" spc="0" normalizeH="0" baseline="0" noProof="0">
                <a:ln>
                  <a:noFill/>
                </a:ln>
                <a:effectLst/>
                <a:uLnTx/>
                <a:uFillTx/>
                <a:latin typeface="Roboto "/>
                <a:cs typeface="Arial"/>
              </a:rPr>
              <a:t>Staff Augmentation</a:t>
            </a:r>
          </a:p>
          <a:p>
            <a:pPr marL="0" marR="0" lvl="0" indent="0" algn="l" defTabSz="914400" rtl="0" eaLnBrk="1" fontAlgn="base" latinLnBrk="0" hangingPunct="1">
              <a:lnSpc>
                <a:spcPct val="100000"/>
              </a:lnSpc>
              <a:spcBef>
                <a:spcPts val="300"/>
              </a:spcBef>
              <a:spcAft>
                <a:spcPts val="600"/>
              </a:spcAft>
              <a:buClrTx/>
              <a:buSzTx/>
              <a:buFontTx/>
              <a:buNone/>
              <a:tabLst/>
              <a:defRPr/>
            </a:pPr>
            <a:r>
              <a:rPr kumimoji="0" lang="en-US" altLang="en-US" sz="1050" b="1" i="0" u="none" strike="noStrike" kern="1200" cap="none" spc="0" normalizeH="0" baseline="0" noProof="0">
                <a:ln>
                  <a:noFill/>
                </a:ln>
                <a:effectLst/>
                <a:uLnTx/>
                <a:uFillTx/>
                <a:latin typeface="Roboto "/>
                <a:cs typeface="Arial"/>
              </a:rPr>
              <a:t>When to choose:</a:t>
            </a:r>
            <a:endParaRPr lang="en-US" altLang="en-US" sz="1050" b="1" i="0" u="none" strike="noStrike" kern="1200" cap="none" spc="0" normalizeH="0" baseline="0" noProof="0">
              <a:ln>
                <a:noFill/>
              </a:ln>
              <a:effectLst/>
              <a:uLnTx/>
              <a:uFillTx/>
              <a:latin typeface="Roboto "/>
              <a:cs typeface="Arial"/>
            </a:endParaRPr>
          </a:p>
          <a:p>
            <a:pPr fontAlgn="base">
              <a:spcBef>
                <a:spcPts val="300"/>
              </a:spcBef>
              <a:spcAft>
                <a:spcPts val="600"/>
              </a:spcAft>
              <a:defRPr/>
            </a:pPr>
            <a:r>
              <a:rPr lang="en-US" altLang="en-US" sz="900">
                <a:latin typeface="Roboto "/>
                <a:cs typeface="Arial"/>
              </a:rPr>
              <a:t>Ongoing project</a:t>
            </a:r>
            <a:r>
              <a:rPr kumimoji="0" lang="en-US" altLang="en-US" sz="900" b="0" i="0" u="none" strike="noStrike" kern="1200" cap="none" spc="0" normalizeH="0" baseline="0" noProof="0">
                <a:ln>
                  <a:noFill/>
                </a:ln>
                <a:effectLst/>
                <a:uLnTx/>
                <a:uFillTx/>
                <a:latin typeface="Roboto "/>
                <a:cs typeface="Arial"/>
              </a:rPr>
              <a:t>, </a:t>
            </a:r>
            <a:r>
              <a:rPr lang="en-US" altLang="en-US" sz="900">
                <a:latin typeface="Roboto "/>
                <a:cs typeface="Arial"/>
              </a:rPr>
              <a:t>f</a:t>
            </a:r>
            <a:r>
              <a:rPr lang="en-US" sz="900">
                <a:latin typeface="Roboto "/>
              </a:rPr>
              <a:t>ill</a:t>
            </a:r>
            <a:r>
              <a:rPr lang="en-US" sz="900" b="0">
                <a:effectLst/>
                <a:latin typeface="Roboto "/>
              </a:rPr>
              <a:t> short-term positions or </a:t>
            </a:r>
            <a:r>
              <a:rPr lang="en-US" sz="900">
                <a:latin typeface="Roboto "/>
              </a:rPr>
              <a:t>supplement</a:t>
            </a:r>
            <a:r>
              <a:rPr lang="en-US" sz="900" b="0">
                <a:effectLst/>
                <a:latin typeface="Roboto "/>
              </a:rPr>
              <a:t> a team on a particular project</a:t>
            </a:r>
            <a:r>
              <a:rPr lang="en-US" sz="900">
                <a:latin typeface="Roboto "/>
              </a:rPr>
              <a:t>, specific skillsets needed </a:t>
            </a:r>
            <a:endParaRPr kumimoji="0" lang="en-US" altLang="en-US" sz="900" b="0" i="0" u="none" strike="noStrike" kern="1200" cap="none" spc="0" normalizeH="0" baseline="0" noProof="0">
              <a:ln>
                <a:noFill/>
              </a:ln>
              <a:effectLst/>
              <a:uLnTx/>
              <a:uFillTx/>
              <a:latin typeface="Roboto "/>
              <a:cs typeface="Arial" charset="0"/>
            </a:endParaRPr>
          </a:p>
        </p:txBody>
      </p:sp>
      <p:sp>
        <p:nvSpPr>
          <p:cNvPr id="11" name="Rectangle 10">
            <a:extLst>
              <a:ext uri="{FF2B5EF4-FFF2-40B4-BE49-F238E27FC236}">
                <a16:creationId xmlns:a16="http://schemas.microsoft.com/office/drawing/2014/main" id="{88A9CD8E-C73B-0116-6F07-5517CA4CB601}"/>
              </a:ext>
            </a:extLst>
          </p:cNvPr>
          <p:cNvSpPr/>
          <p:nvPr/>
        </p:nvSpPr>
        <p:spPr>
          <a:xfrm>
            <a:off x="539792" y="1154050"/>
            <a:ext cx="3436810" cy="1157901"/>
          </a:xfrm>
          <a:prstGeom prst="rect">
            <a:avLst/>
          </a:prstGeom>
          <a:solidFill>
            <a:srgbClr val="045694"/>
          </a:solidFill>
          <a:ln>
            <a:solidFill>
              <a:srgbClr val="045694"/>
            </a:solidFill>
          </a:ln>
          <a:effectLst>
            <a:outerShdw blurRad="50800" dist="38100" dir="2700000" algn="tl" rotWithShape="0">
              <a:prstClr val="black">
                <a:alpha val="16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137160" rIns="91440" bIns="45720" rtlCol="0" anchor="t"/>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altLang="en-US" sz="1400" b="1" i="0" u="none" strike="noStrike" kern="1200" cap="none" spc="0" normalizeH="0" baseline="0" noProof="0">
                <a:ln>
                  <a:noFill/>
                </a:ln>
                <a:effectLst/>
                <a:uLnTx/>
                <a:uFillTx/>
                <a:latin typeface="Roboto "/>
                <a:cs typeface="Arial"/>
              </a:rPr>
              <a:t>Fixed Bid Engagement</a:t>
            </a:r>
          </a:p>
          <a:p>
            <a:pPr marL="0" marR="0" lvl="0" indent="0" algn="l" defTabSz="914400" rtl="0" eaLnBrk="1" fontAlgn="base" latinLnBrk="0" hangingPunct="1">
              <a:lnSpc>
                <a:spcPct val="100000"/>
              </a:lnSpc>
              <a:spcBef>
                <a:spcPts val="300"/>
              </a:spcBef>
              <a:spcAft>
                <a:spcPts val="600"/>
              </a:spcAft>
              <a:buClrTx/>
              <a:buSzTx/>
              <a:buFontTx/>
              <a:buNone/>
              <a:tabLst/>
              <a:defRPr/>
            </a:pPr>
            <a:r>
              <a:rPr kumimoji="0" lang="en-US" altLang="en-US" sz="1050" b="1" i="0" u="none" strike="noStrike" kern="1200" cap="none" spc="0" normalizeH="0" baseline="0" noProof="0">
                <a:ln>
                  <a:noFill/>
                </a:ln>
                <a:effectLst/>
                <a:uLnTx/>
                <a:uFillTx/>
                <a:latin typeface="Roboto "/>
                <a:cs typeface="Arial"/>
              </a:rPr>
              <a:t>When to choose:</a:t>
            </a:r>
            <a:endParaRPr lang="en-US" altLang="en-US" sz="1050" b="1" i="0" u="none" strike="noStrike" kern="1200" cap="none" spc="0" normalizeH="0" baseline="0" noProof="0">
              <a:ln>
                <a:noFill/>
              </a:ln>
              <a:effectLst/>
              <a:uLnTx/>
              <a:uFillTx/>
              <a:latin typeface="Roboto "/>
              <a:cs typeface="Arial"/>
            </a:endParaRPr>
          </a:p>
          <a:p>
            <a:pPr fontAlgn="base">
              <a:spcBef>
                <a:spcPts val="300"/>
              </a:spcBef>
              <a:spcAft>
                <a:spcPts val="600"/>
              </a:spcAft>
              <a:defRPr/>
            </a:pPr>
            <a:r>
              <a:rPr kumimoji="0" lang="en-US" altLang="en-US" sz="900" b="0" i="0" u="none" strike="noStrike" kern="1200" cap="none" spc="0" normalizeH="0" baseline="0" noProof="0">
                <a:ln>
                  <a:noFill/>
                </a:ln>
                <a:effectLst/>
                <a:uLnTx/>
                <a:uFillTx/>
                <a:latin typeface="Roboto "/>
                <a:cs typeface="Arial"/>
              </a:rPr>
              <a:t>Clear deadlines, detailed specification, short project duration, no </a:t>
            </a:r>
            <a:r>
              <a:rPr lang="en-US" altLang="en-US" sz="900">
                <a:latin typeface="Roboto "/>
                <a:cs typeface="Arial"/>
              </a:rPr>
              <a:t>major </a:t>
            </a:r>
            <a:r>
              <a:rPr lang="en-US" sz="900">
                <a:latin typeface="Roboto "/>
                <a:cs typeface="Calibri"/>
              </a:rPr>
              <a:t>planned </a:t>
            </a:r>
            <a:r>
              <a:rPr lang="en-US" altLang="en-US" sz="900">
                <a:latin typeface="Roboto "/>
                <a:cs typeface="Arial"/>
              </a:rPr>
              <a:t>changes </a:t>
            </a:r>
            <a:endParaRPr lang="en-US" altLang="en-US" sz="900" b="0" i="0" u="none" strike="noStrike" kern="1200" cap="none" spc="0" normalizeH="0" baseline="0" noProof="0">
              <a:ln>
                <a:noFill/>
              </a:ln>
              <a:effectLst/>
              <a:uLnTx/>
              <a:uFillTx/>
              <a:latin typeface="Roboto "/>
              <a:cs typeface="Arial"/>
            </a:endParaRPr>
          </a:p>
        </p:txBody>
      </p:sp>
      <p:sp>
        <p:nvSpPr>
          <p:cNvPr id="16" name="Rectangle 15">
            <a:extLst>
              <a:ext uri="{FF2B5EF4-FFF2-40B4-BE49-F238E27FC236}">
                <a16:creationId xmlns:a16="http://schemas.microsoft.com/office/drawing/2014/main" id="{E0FDF558-E56E-C90B-5082-4C4DA9EFE816}"/>
              </a:ext>
            </a:extLst>
          </p:cNvPr>
          <p:cNvSpPr/>
          <p:nvPr/>
        </p:nvSpPr>
        <p:spPr>
          <a:xfrm>
            <a:off x="4413993" y="1154050"/>
            <a:ext cx="3436810" cy="1157901"/>
          </a:xfrm>
          <a:prstGeom prst="rect">
            <a:avLst/>
          </a:prstGeom>
          <a:solidFill>
            <a:srgbClr val="5767B4"/>
          </a:solidFill>
          <a:ln>
            <a:solidFill>
              <a:srgbClr val="5767B4"/>
            </a:solidFill>
          </a:ln>
          <a:effectLst>
            <a:outerShdw blurRad="50800" dist="38100" dir="2700000" algn="tl" rotWithShape="0">
              <a:prstClr val="black">
                <a:alpha val="16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137160" rIns="91440" bIns="45720" rtlCol="0" anchor="t"/>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altLang="en-US" sz="1400" b="1" i="0" u="none" strike="noStrike" kern="1200" cap="none" spc="0" normalizeH="0" baseline="0" noProof="0">
                <a:ln>
                  <a:noFill/>
                </a:ln>
                <a:effectLst/>
                <a:uLnTx/>
                <a:uFillTx/>
                <a:latin typeface="Roboto "/>
                <a:cs typeface="Arial"/>
              </a:rPr>
              <a:t>Extended Development Team (XDT)</a:t>
            </a:r>
          </a:p>
          <a:p>
            <a:pPr marL="0" marR="0" lvl="0" indent="0" algn="l" defTabSz="914400" rtl="0" eaLnBrk="1" fontAlgn="base" latinLnBrk="0" hangingPunct="1">
              <a:lnSpc>
                <a:spcPct val="100000"/>
              </a:lnSpc>
              <a:spcBef>
                <a:spcPts val="300"/>
              </a:spcBef>
              <a:spcAft>
                <a:spcPts val="600"/>
              </a:spcAft>
              <a:buClrTx/>
              <a:buSzTx/>
              <a:buFontTx/>
              <a:buNone/>
              <a:tabLst/>
              <a:defRPr/>
            </a:pPr>
            <a:r>
              <a:rPr kumimoji="0" lang="en-US" altLang="en-US" sz="1050" b="1" i="0" u="none" strike="noStrike" kern="1200" cap="none" spc="0" normalizeH="0" baseline="0" noProof="0">
                <a:ln>
                  <a:noFill/>
                </a:ln>
                <a:effectLst/>
                <a:uLnTx/>
                <a:uFillTx/>
                <a:latin typeface="Roboto "/>
                <a:cs typeface="Arial"/>
              </a:rPr>
              <a:t>When to choose:</a:t>
            </a:r>
            <a:endParaRPr lang="en-US" altLang="en-US" sz="1050" b="1" i="0" u="none" strike="noStrike" kern="1200" cap="none" spc="0" normalizeH="0" baseline="0" noProof="0">
              <a:ln>
                <a:noFill/>
              </a:ln>
              <a:effectLst/>
              <a:uLnTx/>
              <a:uFillTx/>
              <a:latin typeface="Roboto "/>
              <a:cs typeface="Arial"/>
            </a:endParaRPr>
          </a:p>
          <a:p>
            <a:pPr fontAlgn="base">
              <a:spcBef>
                <a:spcPts val="300"/>
              </a:spcBef>
              <a:spcAft>
                <a:spcPts val="600"/>
              </a:spcAft>
              <a:defRPr/>
            </a:pPr>
            <a:r>
              <a:rPr lang="en-US" altLang="en-US" sz="900">
                <a:latin typeface="Roboto "/>
                <a:cs typeface="Arial"/>
              </a:rPr>
              <a:t>iterative development, complex</a:t>
            </a:r>
            <a:r>
              <a:rPr kumimoji="0" lang="en-US" altLang="en-US" sz="900" b="0" i="0" u="none" strike="noStrike" kern="1200" cap="none" spc="0" normalizeH="0" baseline="0" noProof="0">
                <a:ln>
                  <a:noFill/>
                </a:ln>
                <a:effectLst/>
                <a:uLnTx/>
                <a:uFillTx/>
                <a:latin typeface="Roboto "/>
                <a:cs typeface="Arial"/>
              </a:rPr>
              <a:t> </a:t>
            </a:r>
            <a:r>
              <a:rPr lang="en-US" altLang="en-US" sz="900">
                <a:latin typeface="Roboto "/>
                <a:cs typeface="Arial"/>
              </a:rPr>
              <a:t>projects</a:t>
            </a:r>
            <a:r>
              <a:rPr kumimoji="0" lang="en-US" altLang="en-US" sz="900" b="0" i="0" u="none" strike="noStrike" kern="1200" cap="none" spc="0" normalizeH="0" baseline="0" noProof="0">
                <a:ln>
                  <a:noFill/>
                </a:ln>
                <a:effectLst/>
                <a:uLnTx/>
                <a:uFillTx/>
                <a:latin typeface="Roboto "/>
                <a:cs typeface="Arial"/>
              </a:rPr>
              <a:t>, long-term collaboration, </a:t>
            </a:r>
            <a:r>
              <a:rPr lang="en-US" altLang="en-US" sz="900">
                <a:latin typeface="Roboto "/>
                <a:cs typeface="Arial"/>
              </a:rPr>
              <a:t>one team to service multiple business groups</a:t>
            </a:r>
            <a:endParaRPr lang="en-US" altLang="en-US" sz="900" b="0" i="0" u="none" strike="noStrike" kern="1200" cap="none" spc="0" normalizeH="0" baseline="0" noProof="0">
              <a:ln>
                <a:noFill/>
              </a:ln>
              <a:effectLst/>
              <a:uLnTx/>
              <a:uFillTx/>
              <a:latin typeface="Roboto "/>
              <a:cs typeface="Arial"/>
            </a:endParaRPr>
          </a:p>
        </p:txBody>
      </p:sp>
      <p:sp>
        <p:nvSpPr>
          <p:cNvPr id="2" name="Title 1">
            <a:extLst>
              <a:ext uri="{FF2B5EF4-FFF2-40B4-BE49-F238E27FC236}">
                <a16:creationId xmlns:a16="http://schemas.microsoft.com/office/drawing/2014/main" id="{ADE12884-EB66-5647-5312-5547B6877DFB}"/>
              </a:ext>
            </a:extLst>
          </p:cNvPr>
          <p:cNvSpPr>
            <a:spLocks noGrp="1"/>
          </p:cNvSpPr>
          <p:nvPr>
            <p:ph type="title"/>
          </p:nvPr>
        </p:nvSpPr>
        <p:spPr/>
        <p:txBody>
          <a:bodyPr/>
          <a:lstStyle/>
          <a:p>
            <a:r>
              <a:rPr lang="en-IN"/>
              <a:t>Aptara Pricing Model</a:t>
            </a:r>
          </a:p>
        </p:txBody>
      </p:sp>
      <p:sp>
        <p:nvSpPr>
          <p:cNvPr id="5" name="Rectangle 4">
            <a:extLst>
              <a:ext uri="{FF2B5EF4-FFF2-40B4-BE49-F238E27FC236}">
                <a16:creationId xmlns:a16="http://schemas.microsoft.com/office/drawing/2014/main" id="{83C236DE-F17F-08C8-AE04-37FB0D743044}"/>
              </a:ext>
            </a:extLst>
          </p:cNvPr>
          <p:cNvSpPr/>
          <p:nvPr/>
        </p:nvSpPr>
        <p:spPr>
          <a:xfrm>
            <a:off x="8176070" y="2311952"/>
            <a:ext cx="3436810" cy="2440495"/>
          </a:xfrm>
          <a:prstGeom prst="rect">
            <a:avLst/>
          </a:prstGeom>
          <a:solidFill>
            <a:schemeClr val="bg1"/>
          </a:solidFill>
          <a:ln>
            <a:solidFill>
              <a:schemeClr val="bg2">
                <a:lumMod val="90000"/>
              </a:schemeClr>
            </a:solidFill>
          </a:ln>
          <a:effectLst>
            <a:outerShdw blurRad="50800" dist="38100" dir="2700000" algn="tl"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91440" rIns="91440" bIns="45720" rtlCol="0" anchor="t"/>
          <a:lstStyle/>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Client teams are in control of the project, can influence the process and stay involved at all stages.</a:t>
            </a:r>
            <a:endParaRPr lang="en-US" sz="900">
              <a:latin typeface="Roboto "/>
              <a:ea typeface="Roboto Light" panose="02000000000000000000" pitchFamily="2" charset="0"/>
              <a:cs typeface="Roboto Light" panose="02000000000000000000" pitchFamily="2" charset="0"/>
            </a:endParaRP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Existing teams and supplemented teams work as a solid mechanism. Individuals align with the teams more effectively and quickly compared to external teams.</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Additional team members fill skillset gaps in the existing team .</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It is easy to scale the team to match demand.</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Smaller learning curve since the added team members are specifically hired for pre-existing skillsets.</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Depending on the nature of the project, in-house teams can work well with supplemented staff due to a combination of tacit knowledge and supplemented skillsets rather than a fully outsourced project team</a:t>
            </a:r>
          </a:p>
        </p:txBody>
      </p:sp>
      <p:sp>
        <p:nvSpPr>
          <p:cNvPr id="7" name="Rectangle 6">
            <a:extLst>
              <a:ext uri="{FF2B5EF4-FFF2-40B4-BE49-F238E27FC236}">
                <a16:creationId xmlns:a16="http://schemas.microsoft.com/office/drawing/2014/main" id="{EBA5BFAD-5736-B008-2917-74171C2C1392}"/>
              </a:ext>
            </a:extLst>
          </p:cNvPr>
          <p:cNvSpPr/>
          <p:nvPr/>
        </p:nvSpPr>
        <p:spPr>
          <a:xfrm>
            <a:off x="8176070" y="4752448"/>
            <a:ext cx="3436810" cy="1678500"/>
          </a:xfrm>
          <a:prstGeom prst="rect">
            <a:avLst/>
          </a:prstGeom>
          <a:solidFill>
            <a:schemeClr val="bg1"/>
          </a:solidFill>
          <a:ln>
            <a:solidFill>
              <a:schemeClr val="bg2">
                <a:lumMod val="90000"/>
              </a:schemeClr>
            </a:solidFill>
          </a:ln>
          <a:effectLst>
            <a:outerShdw blurRad="50800" dist="38100" dir="2700000" algn="tl"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91440" rIns="91440" bIns="45720" rtlCol="0" anchor="t"/>
          <a:lstStyle/>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Supplemented staff will still need to be trained to follow internal processes and embrace the company culture.</a:t>
            </a:r>
            <a:endParaRPr lang="en-US" sz="900">
              <a:latin typeface="Roboto "/>
              <a:ea typeface="Roboto Light" panose="02000000000000000000" pitchFamily="2" charset="0"/>
              <a:cs typeface="Roboto Light" panose="02000000000000000000" pitchFamily="2" charset="0"/>
            </a:endParaRP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New team members may not perform at expected levels, some time may be spent in adjusting new team members into the project and team.</a:t>
            </a:r>
          </a:p>
        </p:txBody>
      </p:sp>
      <p:pic>
        <p:nvPicPr>
          <p:cNvPr id="8" name="Graphic 7" descr="Group of women with solid fill">
            <a:extLst>
              <a:ext uri="{FF2B5EF4-FFF2-40B4-BE49-F238E27FC236}">
                <a16:creationId xmlns:a16="http://schemas.microsoft.com/office/drawing/2014/main" id="{6EDEB27F-0DC1-AD35-ED13-7E8835341CA0}"/>
              </a:ext>
            </a:extLst>
          </p:cNvPr>
          <p:cNvPicPr>
            <a:picLocks noChangeAspect="1"/>
          </p:cNvPicPr>
          <p:nvPr/>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155382" y="1273805"/>
            <a:ext cx="320492" cy="320492"/>
          </a:xfrm>
          <a:prstGeom prst="rect">
            <a:avLst/>
          </a:prstGeom>
        </p:spPr>
      </p:pic>
      <p:sp>
        <p:nvSpPr>
          <p:cNvPr id="10" name="Rectangle 9">
            <a:extLst>
              <a:ext uri="{FF2B5EF4-FFF2-40B4-BE49-F238E27FC236}">
                <a16:creationId xmlns:a16="http://schemas.microsoft.com/office/drawing/2014/main" id="{ECF520F0-4A5C-FDD1-4BC2-53E743430986}"/>
              </a:ext>
            </a:extLst>
          </p:cNvPr>
          <p:cNvSpPr/>
          <p:nvPr/>
        </p:nvSpPr>
        <p:spPr>
          <a:xfrm>
            <a:off x="539792" y="2314775"/>
            <a:ext cx="3436810" cy="2440494"/>
          </a:xfrm>
          <a:prstGeom prst="rect">
            <a:avLst/>
          </a:prstGeom>
          <a:solidFill>
            <a:schemeClr val="bg1"/>
          </a:solidFill>
          <a:ln>
            <a:solidFill>
              <a:schemeClr val="bg2">
                <a:lumMod val="90000"/>
              </a:schemeClr>
            </a:solidFill>
          </a:ln>
          <a:effectLst>
            <a:outerShdw blurRad="50800" dist="38100" dir="2700000" algn="tl"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91440" rIns="91440" bIns="45720" rtlCol="0" anchor="t"/>
          <a:lstStyle/>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Defined scope of the project. </a:t>
            </a:r>
            <a:endParaRPr lang="en-US" sz="900">
              <a:latin typeface="Roboto "/>
              <a:ea typeface="Roboto Light" panose="02000000000000000000" pitchFamily="2" charset="0"/>
              <a:cs typeface="Roboto Light" panose="02000000000000000000" pitchFamily="2" charset="0"/>
            </a:endParaRP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Ideal for small to medium sized engagements. </a:t>
            </a:r>
          </a:p>
          <a:p>
            <a:pPr marL="118745" lvl="2" indent="-118745" fontAlgn="base">
              <a:lnSpc>
                <a:spcPct val="115000"/>
              </a:lnSpc>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Fixed pricing for a defined scope.</a:t>
            </a:r>
          </a:p>
          <a:p>
            <a:pPr marL="118745" lvl="2" indent="-118745" fontAlgn="base">
              <a:lnSpc>
                <a:spcPct val="115000"/>
              </a:lnSpc>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Requirement based staffing as per milestones.</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Project completion within budget and timeline assurance.</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Well defined milestones and deliverables.</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All project details are clearly defined in the statement of work, expectation management can be controlled by the project manager. </a:t>
            </a:r>
          </a:p>
          <a:p>
            <a:pPr marL="118745" indent="-118745">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Project is managed without excessive supervision on the part of the client.</a:t>
            </a:r>
          </a:p>
          <a:p>
            <a:pPr marL="118745" indent="-118745">
              <a:spcAft>
                <a:spcPts val="300"/>
              </a:spcAft>
              <a:buFont typeface="Arial"/>
              <a:buChar char="•"/>
              <a:defRPr/>
            </a:pPr>
            <a:r>
              <a:rPr lang="en-US" sz="900">
                <a:solidFill>
                  <a:srgbClr val="404040"/>
                </a:solidFill>
                <a:latin typeface="Roboto "/>
                <a:ea typeface="Roboto Light" panose="02000000000000000000" pitchFamily="2" charset="0"/>
                <a:cs typeface="Roboto Light" panose="02000000000000000000" pitchFamily="2" charset="0"/>
              </a:rPr>
              <a:t>Good approach if budget approval requires an elaborate or extensive process</a:t>
            </a:r>
          </a:p>
        </p:txBody>
      </p:sp>
      <p:sp>
        <p:nvSpPr>
          <p:cNvPr id="12" name="Rectangle 11">
            <a:extLst>
              <a:ext uri="{FF2B5EF4-FFF2-40B4-BE49-F238E27FC236}">
                <a16:creationId xmlns:a16="http://schemas.microsoft.com/office/drawing/2014/main" id="{7636E763-4C71-7D58-7999-B850CD8DBBBC}"/>
              </a:ext>
            </a:extLst>
          </p:cNvPr>
          <p:cNvSpPr/>
          <p:nvPr/>
        </p:nvSpPr>
        <p:spPr>
          <a:xfrm>
            <a:off x="539792" y="4752448"/>
            <a:ext cx="3436810" cy="1678500"/>
          </a:xfrm>
          <a:prstGeom prst="rect">
            <a:avLst/>
          </a:prstGeom>
          <a:solidFill>
            <a:schemeClr val="bg1"/>
          </a:solidFill>
          <a:ln>
            <a:solidFill>
              <a:schemeClr val="bg2">
                <a:lumMod val="90000"/>
              </a:schemeClr>
            </a:solidFill>
          </a:ln>
          <a:effectLst>
            <a:outerShdw blurRad="50800" dist="38100" dir="2700000" algn="tl"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91440" rIns="91440" bIns="45720" rtlCol="0" anchor="t"/>
          <a:lstStyle/>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This engagement model works well for pre-defined scope and deliverables as compared to iterative development.</a:t>
            </a:r>
            <a:endParaRPr lang="en-US" sz="900">
              <a:solidFill>
                <a:srgbClr val="FFFFFF"/>
              </a:solidFill>
              <a:latin typeface="Roboto "/>
              <a:ea typeface="Roboto Light" panose="02000000000000000000" pitchFamily="2" charset="0"/>
              <a:cs typeface="Roboto Light" panose="02000000000000000000" pitchFamily="2" charset="0"/>
            </a:endParaRPr>
          </a:p>
          <a:p>
            <a:pPr marL="118745" indent="-118745">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 Approval of new features may take longer and can potentially delay the development process.</a:t>
            </a: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A fixed-price contract demands in-depth planning. Developers need to prepare risk mitigation plans in detail.</a:t>
            </a: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Absence of well-defined specifications can lead to mismatched expectations </a:t>
            </a:r>
          </a:p>
          <a:p>
            <a:pPr marL="118745" indent="-118745">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Defining project specifications is critical for project success.</a:t>
            </a:r>
          </a:p>
        </p:txBody>
      </p:sp>
      <p:pic>
        <p:nvPicPr>
          <p:cNvPr id="13" name="Picture 2" descr="D:\02_Project\2016\PPT_Design\Lowe\Version2-12-oct\ico-fixed-bid.png">
            <a:extLst>
              <a:ext uri="{FF2B5EF4-FFF2-40B4-BE49-F238E27FC236}">
                <a16:creationId xmlns:a16="http://schemas.microsoft.com/office/drawing/2014/main" id="{1D829237-95AE-FBDA-3427-7C1A38A9F48E}"/>
              </a:ext>
            </a:extLst>
          </p:cNvPr>
          <p:cNvPicPr>
            <a:picLocks noChangeAspect="1" noChangeArrowheads="1"/>
          </p:cNvPicPr>
          <p:nvPr/>
        </p:nvPicPr>
        <p:blipFill>
          <a:blip r:embed="rId4" cstate="screen">
            <a:extLst>
              <a:ext uri="{28A0092B-C50C-407E-A947-70E740481C1C}">
                <a14:useLocalDpi xmlns:a14="http://schemas.microsoft.com/office/drawing/2010/main" val="0"/>
              </a:ext>
            </a:extLst>
          </a:blip>
          <a:srcRect/>
          <a:stretch>
            <a:fillRect/>
          </a:stretch>
        </p:blipFill>
        <p:spPr bwMode="auto">
          <a:xfrm>
            <a:off x="3517748" y="1277742"/>
            <a:ext cx="340676" cy="256817"/>
          </a:xfrm>
          <a:prstGeom prst="rect">
            <a:avLst/>
          </a:prstGeom>
          <a:noFill/>
        </p:spPr>
      </p:pic>
      <p:sp>
        <p:nvSpPr>
          <p:cNvPr id="15" name="Rectangle 14">
            <a:extLst>
              <a:ext uri="{FF2B5EF4-FFF2-40B4-BE49-F238E27FC236}">
                <a16:creationId xmlns:a16="http://schemas.microsoft.com/office/drawing/2014/main" id="{7F54C11C-6D5B-890D-643D-343A76AC038B}"/>
              </a:ext>
            </a:extLst>
          </p:cNvPr>
          <p:cNvSpPr/>
          <p:nvPr/>
        </p:nvSpPr>
        <p:spPr>
          <a:xfrm>
            <a:off x="4413993" y="2311952"/>
            <a:ext cx="3436810" cy="2440495"/>
          </a:xfrm>
          <a:prstGeom prst="rect">
            <a:avLst/>
          </a:prstGeom>
          <a:solidFill>
            <a:schemeClr val="bg1"/>
          </a:solidFill>
          <a:ln>
            <a:solidFill>
              <a:schemeClr val="bg2">
                <a:lumMod val="90000"/>
              </a:schemeClr>
            </a:solidFill>
          </a:ln>
          <a:effectLst>
            <a:outerShdw blurRad="50800" dist="38100" dir="2700000" algn="tl"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91440" rIns="91440" bIns="45720" rtlCol="0" anchor="t"/>
          <a:lstStyle/>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Works well as an extension of the current client team.</a:t>
            </a:r>
            <a:endParaRPr lang="en-US" sz="900">
              <a:latin typeface="Roboto "/>
              <a:ea typeface="Roboto Light" panose="02000000000000000000" pitchFamily="2" charset="0"/>
              <a:cs typeface="Roboto Light" panose="02000000000000000000" pitchFamily="2" charset="0"/>
            </a:endParaRP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Multiple options for a multi-location or offshore only teams. </a:t>
            </a:r>
          </a:p>
          <a:p>
            <a:pPr marL="118745" indent="-118745" fontAlgn="base">
              <a:lnSpc>
                <a:spcPct val="115000"/>
              </a:lnSpc>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Ideal for iterative development when the project scope is not well defined.</a:t>
            </a:r>
          </a:p>
          <a:p>
            <a:pPr marL="118745" indent="-118745" fontAlgn="base">
              <a:lnSpc>
                <a:spcPct val="115000"/>
              </a:lnSpc>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Dedicated team for a specified tenure.</a:t>
            </a:r>
          </a:p>
          <a:p>
            <a:pPr marL="118745" indent="-118745" fontAlgn="base">
              <a:lnSpc>
                <a:spcPct val="115000"/>
              </a:lnSpc>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Hourly billing on the resources deployed.</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Program management office to manage demand and utilization of team members. </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Onshore teams can work from client offices when possible. </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Team's capacity can be scaled based on requirements.</a:t>
            </a:r>
          </a:p>
          <a:p>
            <a:pPr marL="118745" indent="-118745" fontAlgn="base">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Model allows a better knowledge retention leading to time and effort efficiencies.</a:t>
            </a:r>
          </a:p>
        </p:txBody>
      </p:sp>
      <p:sp>
        <p:nvSpPr>
          <p:cNvPr id="17" name="Rectangle 16">
            <a:extLst>
              <a:ext uri="{FF2B5EF4-FFF2-40B4-BE49-F238E27FC236}">
                <a16:creationId xmlns:a16="http://schemas.microsoft.com/office/drawing/2014/main" id="{A2902E4F-F1E4-8F19-95B0-7FBDA3936836}"/>
              </a:ext>
            </a:extLst>
          </p:cNvPr>
          <p:cNvSpPr/>
          <p:nvPr/>
        </p:nvSpPr>
        <p:spPr>
          <a:xfrm>
            <a:off x="4413993" y="4752448"/>
            <a:ext cx="3436810" cy="1678500"/>
          </a:xfrm>
          <a:prstGeom prst="rect">
            <a:avLst/>
          </a:prstGeom>
          <a:solidFill>
            <a:schemeClr val="bg1"/>
          </a:solidFill>
          <a:ln>
            <a:solidFill>
              <a:schemeClr val="bg2">
                <a:lumMod val="90000"/>
              </a:schemeClr>
            </a:solidFill>
          </a:ln>
          <a:effectLst>
            <a:outerShdw blurRad="50800" dist="38100" dir="2700000" algn="tl"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91440" tIns="91440" rIns="91440" bIns="45720" rtlCol="0" anchor="t"/>
          <a:lstStyle/>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The model allows for iterative development and flexibility in scope and timelines. </a:t>
            </a:r>
            <a:endParaRPr lang="en-US" sz="900">
              <a:solidFill>
                <a:srgbClr val="FFFFFF"/>
              </a:solidFill>
              <a:latin typeface="Roboto "/>
              <a:ea typeface="Roboto Light" panose="02000000000000000000" pitchFamily="2" charset="0"/>
              <a:cs typeface="Roboto Light" panose="02000000000000000000" pitchFamily="2" charset="0"/>
            </a:endParaRPr>
          </a:p>
          <a:p>
            <a:pPr marL="118745" indent="-118745">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The product owner needs to manage the creative process  for iterations as well as the overall development process.</a:t>
            </a:r>
            <a:endParaRPr lang="en-US" sz="900">
              <a:solidFill>
                <a:srgbClr val="FFFFFF"/>
              </a:solidFill>
              <a:latin typeface="Roboto "/>
              <a:ea typeface="Roboto Light" panose="02000000000000000000" pitchFamily="2" charset="0"/>
              <a:cs typeface="Roboto Light" panose="02000000000000000000" pitchFamily="2" charset="0"/>
            </a:endParaRPr>
          </a:p>
          <a:p>
            <a:pPr marL="118745" indent="-118745" fontAlgn="base">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Timelines need to be managed with phased releases to account for unpredictably. </a:t>
            </a:r>
          </a:p>
          <a:p>
            <a:pPr marL="118745" indent="-118745">
              <a:spcBef>
                <a:spcPct val="0"/>
              </a:spcBef>
              <a:spcAft>
                <a:spcPts val="300"/>
              </a:spcAft>
              <a:buFontTx/>
              <a:buChar char="•"/>
              <a:defRPr/>
            </a:pPr>
            <a:r>
              <a:rPr lang="en-US" sz="900">
                <a:solidFill>
                  <a:srgbClr val="404040"/>
                </a:solidFill>
                <a:latin typeface="Roboto "/>
                <a:ea typeface="Roboto Light" panose="02000000000000000000" pitchFamily="2" charset="0"/>
                <a:cs typeface="Roboto Light" panose="02000000000000000000" pitchFamily="2" charset="0"/>
              </a:rPr>
              <a:t>Design level specifications need to be monitored for each phase, some features or design elements that were originally planned are no longer relevant based on interim UAT.</a:t>
            </a:r>
          </a:p>
        </p:txBody>
      </p:sp>
      <p:pic>
        <p:nvPicPr>
          <p:cNvPr id="18" name="Picture 17" descr="icon004b.png">
            <a:extLst>
              <a:ext uri="{FF2B5EF4-FFF2-40B4-BE49-F238E27FC236}">
                <a16:creationId xmlns:a16="http://schemas.microsoft.com/office/drawing/2014/main" id="{29A49C10-9B6D-03B4-4B5F-23C474BBD987}"/>
              </a:ext>
            </a:extLst>
          </p:cNvPr>
          <p:cNvPicPr>
            <a:picLocks noChangeAspect="1"/>
          </p:cNvPicPr>
          <p:nvPr/>
        </p:nvPicPr>
        <p:blipFill>
          <a:blip r:embed="rId5" cstate="screen">
            <a:biLevel thresh="25000"/>
            <a:extLst>
              <a:ext uri="{28A0092B-C50C-407E-A947-70E740481C1C}">
                <a14:useLocalDpi xmlns:a14="http://schemas.microsoft.com/office/drawing/2010/main" val="0"/>
              </a:ext>
            </a:extLst>
          </a:blip>
          <a:stretch>
            <a:fillRect/>
          </a:stretch>
        </p:blipFill>
        <p:spPr>
          <a:xfrm>
            <a:off x="7417089" y="1245928"/>
            <a:ext cx="315900" cy="249819"/>
          </a:xfrm>
          <a:prstGeom prst="rect">
            <a:avLst/>
          </a:prstGeom>
        </p:spPr>
      </p:pic>
    </p:spTree>
    <p:extLst>
      <p:ext uri="{BB962C8B-B14F-4D97-AF65-F5344CB8AC3E}">
        <p14:creationId xmlns:p14="http://schemas.microsoft.com/office/powerpoint/2010/main" val="22956534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9F0CA07-50F4-92A7-DCA4-DC7AA653B0FF}"/>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AC7EC0CE-F93B-B11F-1F56-B39D1C556973}"/>
              </a:ext>
            </a:extLst>
          </p:cNvPr>
          <p:cNvSpPr>
            <a:spLocks noGrp="1"/>
          </p:cNvSpPr>
          <p:nvPr>
            <p:ph type="title"/>
          </p:nvPr>
        </p:nvSpPr>
        <p:spPr/>
        <p:txBody>
          <a:bodyPr/>
          <a:lstStyle/>
          <a:p>
            <a:r>
              <a:rPr lang="en-US" dirty="0"/>
              <a:t>Aptara Rate Card</a:t>
            </a:r>
            <a:endParaRPr lang="en-IN" dirty="0"/>
          </a:p>
        </p:txBody>
      </p:sp>
      <p:graphicFrame>
        <p:nvGraphicFramePr>
          <p:cNvPr id="5" name="Table 4">
            <a:extLst>
              <a:ext uri="{FF2B5EF4-FFF2-40B4-BE49-F238E27FC236}">
                <a16:creationId xmlns:a16="http://schemas.microsoft.com/office/drawing/2014/main" id="{74259661-97B8-336C-1CA6-D875440C5A6B}"/>
              </a:ext>
            </a:extLst>
          </p:cNvPr>
          <p:cNvGraphicFramePr>
            <a:graphicFrameLocks noGrp="1"/>
          </p:cNvGraphicFramePr>
          <p:nvPr>
            <p:extLst>
              <p:ext uri="{D42A27DB-BD31-4B8C-83A1-F6EECF244321}">
                <p14:modId xmlns:p14="http://schemas.microsoft.com/office/powerpoint/2010/main" val="2106284589"/>
              </p:ext>
            </p:extLst>
          </p:nvPr>
        </p:nvGraphicFramePr>
        <p:xfrm>
          <a:off x="561770" y="1929395"/>
          <a:ext cx="5419928" cy="1143000"/>
        </p:xfrm>
        <a:graphic>
          <a:graphicData uri="http://schemas.openxmlformats.org/drawingml/2006/table">
            <a:tbl>
              <a:tblPr firstRow="1" firstCol="1" bandRow="1"/>
              <a:tblGrid>
                <a:gridCol w="1429861">
                  <a:extLst>
                    <a:ext uri="{9D8B030D-6E8A-4147-A177-3AD203B41FA5}">
                      <a16:colId xmlns:a16="http://schemas.microsoft.com/office/drawing/2014/main" val="616976937"/>
                    </a:ext>
                  </a:extLst>
                </a:gridCol>
                <a:gridCol w="2183424">
                  <a:extLst>
                    <a:ext uri="{9D8B030D-6E8A-4147-A177-3AD203B41FA5}">
                      <a16:colId xmlns:a16="http://schemas.microsoft.com/office/drawing/2014/main" val="751964638"/>
                    </a:ext>
                  </a:extLst>
                </a:gridCol>
                <a:gridCol w="1806643">
                  <a:extLst>
                    <a:ext uri="{9D8B030D-6E8A-4147-A177-3AD203B41FA5}">
                      <a16:colId xmlns:a16="http://schemas.microsoft.com/office/drawing/2014/main" val="1467112054"/>
                    </a:ext>
                  </a:extLst>
                </a:gridCol>
              </a:tblGrid>
              <a:tr h="210820">
                <a:tc rowSpan="2">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WBT Level</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01597F"/>
                    </a:solidFill>
                  </a:tcPr>
                </a:tc>
                <a:tc gridSpan="2">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Cost Range (USD) for 15 Minutes of WBT</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0085BE"/>
                    </a:solidFill>
                  </a:tcPr>
                </a:tc>
                <a:tc hMerge="1">
                  <a:txBody>
                    <a:bodyPr/>
                    <a:lstStyle/>
                    <a:p>
                      <a:endParaRPr lang="en-US"/>
                    </a:p>
                  </a:txBody>
                  <a:tcPr/>
                </a:tc>
                <a:extLst>
                  <a:ext uri="{0D108BD9-81ED-4DB2-BD59-A6C34878D82A}">
                    <a16:rowId xmlns:a16="http://schemas.microsoft.com/office/drawing/2014/main" val="1937922819"/>
                  </a:ext>
                </a:extLst>
              </a:tr>
              <a:tr h="210820">
                <a:tc vMerge="1">
                  <a:txBody>
                    <a:bodyPr/>
                    <a:lstStyle/>
                    <a:p>
                      <a:endParaRPr lang="en-US"/>
                    </a:p>
                  </a:txBody>
                  <a:tcPr/>
                </a:tc>
                <a:tc>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Articulate Storyline</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229ED9"/>
                    </a:solidFill>
                  </a:tcPr>
                </a:tc>
                <a:tc>
                  <a:txBody>
                    <a:bodyPr/>
                    <a:lstStyle/>
                    <a:p>
                      <a:pPr marL="0" marR="0" algn="ctr">
                        <a:spcBef>
                          <a:spcPts val="0"/>
                        </a:spcBef>
                        <a:spcAft>
                          <a:spcPts val="0"/>
                        </a:spcAft>
                      </a:pPr>
                      <a:r>
                        <a:rPr lang="en-US" sz="900" b="1" kern="1200"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HTML5</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229ED9"/>
                    </a:solidFill>
                  </a:tcPr>
                </a:tc>
                <a:extLst>
                  <a:ext uri="{0D108BD9-81ED-4DB2-BD59-A6C34878D82A}">
                    <a16:rowId xmlns:a16="http://schemas.microsoft.com/office/drawing/2014/main" val="3651997783"/>
                  </a:ext>
                </a:extLst>
              </a:tr>
              <a:tr h="210820">
                <a:tc>
                  <a:txBody>
                    <a:bodyPr/>
                    <a:lstStyle/>
                    <a:p>
                      <a:pPr marL="0" marR="0" algn="ctr">
                        <a:spcBef>
                          <a:spcPts val="0"/>
                        </a:spcBef>
                        <a:spcAft>
                          <a:spcPts val="0"/>
                        </a:spcAft>
                      </a:pPr>
                      <a:r>
                        <a:rPr lang="en-US" sz="900">
                          <a:solidFill>
                            <a:schemeClr val="tx1"/>
                          </a:solidFill>
                          <a:effectLst/>
                          <a:latin typeface="Roboto" panose="02000000000000000000" pitchFamily="2" charset="0"/>
                          <a:ea typeface="Roboto" panose="02000000000000000000" pitchFamily="2" charset="0"/>
                          <a:cs typeface="Roboto" panose="02000000000000000000" pitchFamily="2" charset="0"/>
                        </a:rPr>
                        <a:t>Level 1</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3,000 - $3,5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3,450 - $4,025</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extLst>
                  <a:ext uri="{0D108BD9-81ED-4DB2-BD59-A6C34878D82A}">
                    <a16:rowId xmlns:a16="http://schemas.microsoft.com/office/drawing/2014/main" val="2717603707"/>
                  </a:ext>
                </a:extLst>
              </a:tr>
              <a:tr h="210820">
                <a:tc>
                  <a:txBody>
                    <a:bodyPr/>
                    <a:lstStyle/>
                    <a:p>
                      <a:pPr marL="0" marR="0" algn="ctr">
                        <a:spcBef>
                          <a:spcPts val="0"/>
                        </a:spcBef>
                        <a:spcAft>
                          <a:spcPts val="0"/>
                        </a:spcAft>
                      </a:pPr>
                      <a:r>
                        <a:rPr lang="en-US" sz="900" dirty="0">
                          <a:solidFill>
                            <a:schemeClr val="tx1"/>
                          </a:solidFill>
                          <a:effectLst/>
                          <a:latin typeface="Roboto" panose="02000000000000000000" pitchFamily="2" charset="0"/>
                          <a:ea typeface="Roboto" panose="02000000000000000000" pitchFamily="2" charset="0"/>
                          <a:cs typeface="Roboto" panose="02000000000000000000" pitchFamily="2" charset="0"/>
                        </a:rPr>
                        <a:t>Level 2</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4,500 - $5,5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5,175 - $6,325</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extLst>
                  <a:ext uri="{0D108BD9-81ED-4DB2-BD59-A6C34878D82A}">
                    <a16:rowId xmlns:a16="http://schemas.microsoft.com/office/drawing/2014/main" val="1575391964"/>
                  </a:ext>
                </a:extLst>
              </a:tr>
              <a:tr h="210820">
                <a:tc>
                  <a:txBody>
                    <a:bodyPr/>
                    <a:lstStyle/>
                    <a:p>
                      <a:pPr marL="0" marR="0" algn="ctr">
                        <a:spcBef>
                          <a:spcPts val="0"/>
                        </a:spcBef>
                        <a:spcAft>
                          <a:spcPts val="0"/>
                        </a:spcAft>
                      </a:pPr>
                      <a:r>
                        <a:rPr lang="en-US" sz="900" dirty="0">
                          <a:solidFill>
                            <a:schemeClr val="tx1"/>
                          </a:solidFill>
                          <a:effectLst/>
                          <a:latin typeface="Roboto" panose="02000000000000000000" pitchFamily="2" charset="0"/>
                          <a:ea typeface="Roboto" panose="02000000000000000000" pitchFamily="2" charset="0"/>
                          <a:cs typeface="Roboto" panose="02000000000000000000" pitchFamily="2" charset="0"/>
                        </a:rPr>
                        <a:t>Level 3</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5,400 - $6,6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6,210 - $7,59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extLst>
                  <a:ext uri="{0D108BD9-81ED-4DB2-BD59-A6C34878D82A}">
                    <a16:rowId xmlns:a16="http://schemas.microsoft.com/office/drawing/2014/main" val="2764629170"/>
                  </a:ext>
                </a:extLst>
              </a:tr>
            </a:tbl>
          </a:graphicData>
        </a:graphic>
      </p:graphicFrame>
      <p:graphicFrame>
        <p:nvGraphicFramePr>
          <p:cNvPr id="9" name="Table 8">
            <a:extLst>
              <a:ext uri="{FF2B5EF4-FFF2-40B4-BE49-F238E27FC236}">
                <a16:creationId xmlns:a16="http://schemas.microsoft.com/office/drawing/2014/main" id="{5BF9ED13-A930-7C73-B1AF-AAC55670A2DF}"/>
              </a:ext>
            </a:extLst>
          </p:cNvPr>
          <p:cNvGraphicFramePr>
            <a:graphicFrameLocks noGrp="1"/>
          </p:cNvGraphicFramePr>
          <p:nvPr>
            <p:extLst>
              <p:ext uri="{D42A27DB-BD31-4B8C-83A1-F6EECF244321}">
                <p14:modId xmlns:p14="http://schemas.microsoft.com/office/powerpoint/2010/main" val="3298003979"/>
              </p:ext>
            </p:extLst>
          </p:nvPr>
        </p:nvGraphicFramePr>
        <p:xfrm>
          <a:off x="561770" y="3194315"/>
          <a:ext cx="5419928" cy="1143000"/>
        </p:xfrm>
        <a:graphic>
          <a:graphicData uri="http://schemas.openxmlformats.org/drawingml/2006/table">
            <a:tbl>
              <a:tblPr firstRow="1" firstCol="1" bandRow="1"/>
              <a:tblGrid>
                <a:gridCol w="1429861">
                  <a:extLst>
                    <a:ext uri="{9D8B030D-6E8A-4147-A177-3AD203B41FA5}">
                      <a16:colId xmlns:a16="http://schemas.microsoft.com/office/drawing/2014/main" val="616976937"/>
                    </a:ext>
                  </a:extLst>
                </a:gridCol>
                <a:gridCol w="2183424">
                  <a:extLst>
                    <a:ext uri="{9D8B030D-6E8A-4147-A177-3AD203B41FA5}">
                      <a16:colId xmlns:a16="http://schemas.microsoft.com/office/drawing/2014/main" val="751964638"/>
                    </a:ext>
                  </a:extLst>
                </a:gridCol>
                <a:gridCol w="1806643">
                  <a:extLst>
                    <a:ext uri="{9D8B030D-6E8A-4147-A177-3AD203B41FA5}">
                      <a16:colId xmlns:a16="http://schemas.microsoft.com/office/drawing/2014/main" val="1467112054"/>
                    </a:ext>
                  </a:extLst>
                </a:gridCol>
              </a:tblGrid>
              <a:tr h="210820">
                <a:tc rowSpan="2">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WBT Level</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01597F"/>
                    </a:solidFill>
                  </a:tcPr>
                </a:tc>
                <a:tc gridSpan="2">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Cost Range (USD) for 30 Minutes of WBT</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0085BE"/>
                    </a:solidFill>
                  </a:tcPr>
                </a:tc>
                <a:tc hMerge="1">
                  <a:txBody>
                    <a:bodyPr/>
                    <a:lstStyle/>
                    <a:p>
                      <a:endParaRPr lang="en-US"/>
                    </a:p>
                  </a:txBody>
                  <a:tcPr/>
                </a:tc>
                <a:extLst>
                  <a:ext uri="{0D108BD9-81ED-4DB2-BD59-A6C34878D82A}">
                    <a16:rowId xmlns:a16="http://schemas.microsoft.com/office/drawing/2014/main" val="1937922819"/>
                  </a:ext>
                </a:extLst>
              </a:tr>
              <a:tr h="210820">
                <a:tc vMerge="1">
                  <a:txBody>
                    <a:bodyPr/>
                    <a:lstStyle/>
                    <a:p>
                      <a:endParaRPr lang="en-US"/>
                    </a:p>
                  </a:txBody>
                  <a:tcPr/>
                </a:tc>
                <a:tc>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Articulate Storyline</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229ED9"/>
                    </a:solidFill>
                  </a:tcPr>
                </a:tc>
                <a:tc>
                  <a:txBody>
                    <a:bodyPr/>
                    <a:lstStyle/>
                    <a:p>
                      <a:pPr marL="0" marR="0" algn="ctr">
                        <a:spcBef>
                          <a:spcPts val="0"/>
                        </a:spcBef>
                        <a:spcAft>
                          <a:spcPts val="0"/>
                        </a:spcAft>
                      </a:pPr>
                      <a:r>
                        <a:rPr lang="en-US" sz="900" b="1" kern="1200"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HTML5</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229ED9"/>
                    </a:solidFill>
                  </a:tcPr>
                </a:tc>
                <a:extLst>
                  <a:ext uri="{0D108BD9-81ED-4DB2-BD59-A6C34878D82A}">
                    <a16:rowId xmlns:a16="http://schemas.microsoft.com/office/drawing/2014/main" val="3651997783"/>
                  </a:ext>
                </a:extLst>
              </a:tr>
              <a:tr h="210820">
                <a:tc>
                  <a:txBody>
                    <a:bodyPr/>
                    <a:lstStyle/>
                    <a:p>
                      <a:pPr marL="0" marR="0" algn="ctr">
                        <a:spcBef>
                          <a:spcPts val="0"/>
                        </a:spcBef>
                        <a:spcAft>
                          <a:spcPts val="0"/>
                        </a:spcAft>
                      </a:pPr>
                      <a:r>
                        <a:rPr lang="en-US" sz="900">
                          <a:solidFill>
                            <a:schemeClr val="tx1"/>
                          </a:solidFill>
                          <a:effectLst/>
                          <a:latin typeface="Roboto" panose="02000000000000000000" pitchFamily="2" charset="0"/>
                          <a:ea typeface="Roboto" panose="02000000000000000000" pitchFamily="2" charset="0"/>
                          <a:cs typeface="Roboto" panose="02000000000000000000" pitchFamily="2" charset="0"/>
                        </a:rPr>
                        <a:t>Level 1</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4,500 - $5,0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5,175 - $5,75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extLst>
                  <a:ext uri="{0D108BD9-81ED-4DB2-BD59-A6C34878D82A}">
                    <a16:rowId xmlns:a16="http://schemas.microsoft.com/office/drawing/2014/main" val="2717603707"/>
                  </a:ext>
                </a:extLst>
              </a:tr>
              <a:tr h="210820">
                <a:tc>
                  <a:txBody>
                    <a:bodyPr/>
                    <a:lstStyle/>
                    <a:p>
                      <a:pPr marL="0" marR="0" algn="ctr">
                        <a:spcBef>
                          <a:spcPts val="0"/>
                        </a:spcBef>
                        <a:spcAft>
                          <a:spcPts val="0"/>
                        </a:spcAft>
                      </a:pPr>
                      <a:r>
                        <a:rPr lang="en-US" sz="900">
                          <a:solidFill>
                            <a:schemeClr val="tx1"/>
                          </a:solidFill>
                          <a:effectLst/>
                          <a:latin typeface="Roboto" panose="02000000000000000000" pitchFamily="2" charset="0"/>
                          <a:ea typeface="Roboto" panose="02000000000000000000" pitchFamily="2" charset="0"/>
                          <a:cs typeface="Roboto" panose="02000000000000000000" pitchFamily="2" charset="0"/>
                        </a:rPr>
                        <a:t>Level 2</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6,500 - $7,5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7,475 - $8,625</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extLst>
                  <a:ext uri="{0D108BD9-81ED-4DB2-BD59-A6C34878D82A}">
                    <a16:rowId xmlns:a16="http://schemas.microsoft.com/office/drawing/2014/main" val="1575391964"/>
                  </a:ext>
                </a:extLst>
              </a:tr>
              <a:tr h="210820">
                <a:tc>
                  <a:txBody>
                    <a:bodyPr/>
                    <a:lstStyle/>
                    <a:p>
                      <a:pPr marL="0" marR="0" algn="ctr">
                        <a:spcBef>
                          <a:spcPts val="0"/>
                        </a:spcBef>
                        <a:spcAft>
                          <a:spcPts val="0"/>
                        </a:spcAft>
                      </a:pPr>
                      <a:r>
                        <a:rPr lang="en-US" sz="900" dirty="0">
                          <a:solidFill>
                            <a:schemeClr val="tx1"/>
                          </a:solidFill>
                          <a:effectLst/>
                          <a:latin typeface="Roboto" panose="02000000000000000000" pitchFamily="2" charset="0"/>
                          <a:ea typeface="Roboto" panose="02000000000000000000" pitchFamily="2" charset="0"/>
                          <a:cs typeface="Roboto" panose="02000000000000000000" pitchFamily="2" charset="0"/>
                        </a:rPr>
                        <a:t>Level 3</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7,800 - $9,0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8,970 - $10,35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extLst>
                  <a:ext uri="{0D108BD9-81ED-4DB2-BD59-A6C34878D82A}">
                    <a16:rowId xmlns:a16="http://schemas.microsoft.com/office/drawing/2014/main" val="2764629170"/>
                  </a:ext>
                </a:extLst>
              </a:tr>
            </a:tbl>
          </a:graphicData>
        </a:graphic>
      </p:graphicFrame>
      <p:graphicFrame>
        <p:nvGraphicFramePr>
          <p:cNvPr id="10" name="Table 9">
            <a:extLst>
              <a:ext uri="{FF2B5EF4-FFF2-40B4-BE49-F238E27FC236}">
                <a16:creationId xmlns:a16="http://schemas.microsoft.com/office/drawing/2014/main" id="{294A2CF4-78A1-4714-FD51-B4E3D1B89A3B}"/>
              </a:ext>
            </a:extLst>
          </p:cNvPr>
          <p:cNvGraphicFramePr>
            <a:graphicFrameLocks noGrp="1"/>
          </p:cNvGraphicFramePr>
          <p:nvPr>
            <p:extLst>
              <p:ext uri="{D42A27DB-BD31-4B8C-83A1-F6EECF244321}">
                <p14:modId xmlns:p14="http://schemas.microsoft.com/office/powerpoint/2010/main" val="3303933878"/>
              </p:ext>
            </p:extLst>
          </p:nvPr>
        </p:nvGraphicFramePr>
        <p:xfrm>
          <a:off x="561770" y="4459235"/>
          <a:ext cx="5419928" cy="1143000"/>
        </p:xfrm>
        <a:graphic>
          <a:graphicData uri="http://schemas.openxmlformats.org/drawingml/2006/table">
            <a:tbl>
              <a:tblPr firstRow="1" firstCol="1" bandRow="1"/>
              <a:tblGrid>
                <a:gridCol w="1429861">
                  <a:extLst>
                    <a:ext uri="{9D8B030D-6E8A-4147-A177-3AD203B41FA5}">
                      <a16:colId xmlns:a16="http://schemas.microsoft.com/office/drawing/2014/main" val="616976937"/>
                    </a:ext>
                  </a:extLst>
                </a:gridCol>
                <a:gridCol w="2183424">
                  <a:extLst>
                    <a:ext uri="{9D8B030D-6E8A-4147-A177-3AD203B41FA5}">
                      <a16:colId xmlns:a16="http://schemas.microsoft.com/office/drawing/2014/main" val="751964638"/>
                    </a:ext>
                  </a:extLst>
                </a:gridCol>
                <a:gridCol w="1806643">
                  <a:extLst>
                    <a:ext uri="{9D8B030D-6E8A-4147-A177-3AD203B41FA5}">
                      <a16:colId xmlns:a16="http://schemas.microsoft.com/office/drawing/2014/main" val="1467112054"/>
                    </a:ext>
                  </a:extLst>
                </a:gridCol>
              </a:tblGrid>
              <a:tr h="210820">
                <a:tc rowSpan="2">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WBT Level</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01597F"/>
                    </a:solidFill>
                  </a:tcPr>
                </a:tc>
                <a:tc gridSpan="2">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Cost Range (USD) for 60 Minutes of WBT</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0085BE"/>
                    </a:solidFill>
                  </a:tcPr>
                </a:tc>
                <a:tc hMerge="1">
                  <a:txBody>
                    <a:bodyPr/>
                    <a:lstStyle/>
                    <a:p>
                      <a:endParaRPr lang="en-US"/>
                    </a:p>
                  </a:txBody>
                  <a:tcPr/>
                </a:tc>
                <a:extLst>
                  <a:ext uri="{0D108BD9-81ED-4DB2-BD59-A6C34878D82A}">
                    <a16:rowId xmlns:a16="http://schemas.microsoft.com/office/drawing/2014/main" val="1937922819"/>
                  </a:ext>
                </a:extLst>
              </a:tr>
              <a:tr h="210820">
                <a:tc vMerge="1">
                  <a:txBody>
                    <a:bodyPr/>
                    <a:lstStyle/>
                    <a:p>
                      <a:endParaRPr lang="en-US"/>
                    </a:p>
                  </a:txBody>
                  <a:tcPr/>
                </a:tc>
                <a:tc>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Articulate Storyline</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229ED9"/>
                    </a:solidFill>
                  </a:tcPr>
                </a:tc>
                <a:tc>
                  <a:txBody>
                    <a:bodyPr/>
                    <a:lstStyle/>
                    <a:p>
                      <a:pPr marL="0" marR="0" algn="ctr">
                        <a:spcBef>
                          <a:spcPts val="0"/>
                        </a:spcBef>
                        <a:spcAft>
                          <a:spcPts val="0"/>
                        </a:spcAft>
                      </a:pPr>
                      <a:r>
                        <a:rPr lang="en-US" sz="900" b="1" kern="1200"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HTML5</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229ED9"/>
                    </a:solidFill>
                  </a:tcPr>
                </a:tc>
                <a:extLst>
                  <a:ext uri="{0D108BD9-81ED-4DB2-BD59-A6C34878D82A}">
                    <a16:rowId xmlns:a16="http://schemas.microsoft.com/office/drawing/2014/main" val="3651997783"/>
                  </a:ext>
                </a:extLst>
              </a:tr>
              <a:tr h="210820">
                <a:tc>
                  <a:txBody>
                    <a:bodyPr/>
                    <a:lstStyle/>
                    <a:p>
                      <a:pPr marL="0" marR="0" algn="ctr">
                        <a:spcBef>
                          <a:spcPts val="0"/>
                        </a:spcBef>
                        <a:spcAft>
                          <a:spcPts val="0"/>
                        </a:spcAft>
                      </a:pPr>
                      <a:r>
                        <a:rPr lang="en-US" sz="900">
                          <a:solidFill>
                            <a:schemeClr val="tx1"/>
                          </a:solidFill>
                          <a:effectLst/>
                          <a:latin typeface="Roboto" panose="02000000000000000000" pitchFamily="2" charset="0"/>
                          <a:ea typeface="Roboto" panose="02000000000000000000" pitchFamily="2" charset="0"/>
                          <a:cs typeface="Roboto" panose="02000000000000000000" pitchFamily="2" charset="0"/>
                        </a:rPr>
                        <a:t>Level 1</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6,000 - $6,5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6,900 - $7,475</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extLst>
                  <a:ext uri="{0D108BD9-81ED-4DB2-BD59-A6C34878D82A}">
                    <a16:rowId xmlns:a16="http://schemas.microsoft.com/office/drawing/2014/main" val="2717603707"/>
                  </a:ext>
                </a:extLst>
              </a:tr>
              <a:tr h="210820">
                <a:tc>
                  <a:txBody>
                    <a:bodyPr/>
                    <a:lstStyle/>
                    <a:p>
                      <a:pPr marL="0" marR="0" algn="ctr">
                        <a:spcBef>
                          <a:spcPts val="0"/>
                        </a:spcBef>
                        <a:spcAft>
                          <a:spcPts val="0"/>
                        </a:spcAft>
                      </a:pPr>
                      <a:r>
                        <a:rPr lang="en-US" sz="900">
                          <a:solidFill>
                            <a:schemeClr val="tx1"/>
                          </a:solidFill>
                          <a:effectLst/>
                          <a:latin typeface="Roboto" panose="02000000000000000000" pitchFamily="2" charset="0"/>
                          <a:ea typeface="Roboto" panose="02000000000000000000" pitchFamily="2" charset="0"/>
                          <a:cs typeface="Roboto" panose="02000000000000000000" pitchFamily="2" charset="0"/>
                        </a:rPr>
                        <a:t>Level 2</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10,500 - $11,5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12,075 - $13,225</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extLst>
                  <a:ext uri="{0D108BD9-81ED-4DB2-BD59-A6C34878D82A}">
                    <a16:rowId xmlns:a16="http://schemas.microsoft.com/office/drawing/2014/main" val="1575391964"/>
                  </a:ext>
                </a:extLst>
              </a:tr>
              <a:tr h="210820">
                <a:tc>
                  <a:txBody>
                    <a:bodyPr/>
                    <a:lstStyle/>
                    <a:p>
                      <a:pPr marL="0" marR="0" algn="ctr">
                        <a:spcBef>
                          <a:spcPts val="0"/>
                        </a:spcBef>
                        <a:spcAft>
                          <a:spcPts val="0"/>
                        </a:spcAft>
                      </a:pPr>
                      <a:r>
                        <a:rPr lang="en-US" sz="900" dirty="0">
                          <a:solidFill>
                            <a:schemeClr val="tx1"/>
                          </a:solidFill>
                          <a:effectLst/>
                          <a:latin typeface="Roboto" panose="02000000000000000000" pitchFamily="2" charset="0"/>
                          <a:ea typeface="Roboto" panose="02000000000000000000" pitchFamily="2" charset="0"/>
                          <a:cs typeface="Roboto" panose="02000000000000000000" pitchFamily="2" charset="0"/>
                        </a:rPr>
                        <a:t>Level 3</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12,600 - $13,8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14,490 - $15,87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extLst>
                  <a:ext uri="{0D108BD9-81ED-4DB2-BD59-A6C34878D82A}">
                    <a16:rowId xmlns:a16="http://schemas.microsoft.com/office/drawing/2014/main" val="2764629170"/>
                  </a:ext>
                </a:extLst>
              </a:tr>
            </a:tbl>
          </a:graphicData>
        </a:graphic>
      </p:graphicFrame>
      <p:graphicFrame>
        <p:nvGraphicFramePr>
          <p:cNvPr id="12" name="Table 11">
            <a:extLst>
              <a:ext uri="{FF2B5EF4-FFF2-40B4-BE49-F238E27FC236}">
                <a16:creationId xmlns:a16="http://schemas.microsoft.com/office/drawing/2014/main" id="{2F9B0AD9-9CAB-4DFA-250A-4F78DB37D1C4}"/>
              </a:ext>
            </a:extLst>
          </p:cNvPr>
          <p:cNvGraphicFramePr>
            <a:graphicFrameLocks noGrp="1"/>
          </p:cNvGraphicFramePr>
          <p:nvPr>
            <p:extLst>
              <p:ext uri="{D42A27DB-BD31-4B8C-83A1-F6EECF244321}">
                <p14:modId xmlns:p14="http://schemas.microsoft.com/office/powerpoint/2010/main" val="4075982043"/>
              </p:ext>
            </p:extLst>
          </p:nvPr>
        </p:nvGraphicFramePr>
        <p:xfrm>
          <a:off x="6314870" y="1929395"/>
          <a:ext cx="5419928" cy="1143000"/>
        </p:xfrm>
        <a:graphic>
          <a:graphicData uri="http://schemas.openxmlformats.org/drawingml/2006/table">
            <a:tbl>
              <a:tblPr firstRow="1" firstCol="1" bandRow="1"/>
              <a:tblGrid>
                <a:gridCol w="1429861">
                  <a:extLst>
                    <a:ext uri="{9D8B030D-6E8A-4147-A177-3AD203B41FA5}">
                      <a16:colId xmlns:a16="http://schemas.microsoft.com/office/drawing/2014/main" val="616976937"/>
                    </a:ext>
                  </a:extLst>
                </a:gridCol>
                <a:gridCol w="2183424">
                  <a:extLst>
                    <a:ext uri="{9D8B030D-6E8A-4147-A177-3AD203B41FA5}">
                      <a16:colId xmlns:a16="http://schemas.microsoft.com/office/drawing/2014/main" val="751964638"/>
                    </a:ext>
                  </a:extLst>
                </a:gridCol>
                <a:gridCol w="1806643">
                  <a:extLst>
                    <a:ext uri="{9D8B030D-6E8A-4147-A177-3AD203B41FA5}">
                      <a16:colId xmlns:a16="http://schemas.microsoft.com/office/drawing/2014/main" val="1467112054"/>
                    </a:ext>
                  </a:extLst>
                </a:gridCol>
              </a:tblGrid>
              <a:tr h="210820">
                <a:tc rowSpan="2">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Animation Level</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01597F"/>
                    </a:solidFill>
                  </a:tcPr>
                </a:tc>
                <a:tc gridSpan="2">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Cost Range (USD) for 1 to 2 Minutes of Animation</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0085BE"/>
                    </a:solidFill>
                  </a:tcPr>
                </a:tc>
                <a:tc hMerge="1">
                  <a:txBody>
                    <a:bodyPr/>
                    <a:lstStyle/>
                    <a:p>
                      <a:endParaRPr lang="en-US"/>
                    </a:p>
                  </a:txBody>
                  <a:tcPr/>
                </a:tc>
                <a:extLst>
                  <a:ext uri="{0D108BD9-81ED-4DB2-BD59-A6C34878D82A}">
                    <a16:rowId xmlns:a16="http://schemas.microsoft.com/office/drawing/2014/main" val="1937922819"/>
                  </a:ext>
                </a:extLst>
              </a:tr>
              <a:tr h="210820">
                <a:tc vMerge="1">
                  <a:txBody>
                    <a:bodyPr/>
                    <a:lstStyle/>
                    <a:p>
                      <a:endParaRPr lang="en-US"/>
                    </a:p>
                  </a:txBody>
                  <a:tcPr/>
                </a:tc>
                <a:tc>
                  <a:txBody>
                    <a:bodyPr/>
                    <a:lstStyle/>
                    <a:p>
                      <a:pPr marL="0" marR="0" algn="ctr">
                        <a:spcBef>
                          <a:spcPts val="0"/>
                        </a:spcBef>
                        <a:spcAft>
                          <a:spcPts val="0"/>
                        </a:spcAft>
                      </a:pPr>
                      <a:r>
                        <a:rPr lang="en-US" sz="900" b="1"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Animation</a:t>
                      </a:r>
                      <a:endParaRPr lang="en-US" sz="900" dirty="0">
                        <a:effectLst/>
                        <a:latin typeface="Roboto Light" panose="02000000000000000000" pitchFamily="2" charset="0"/>
                        <a:ea typeface="Roboto Light" panose="02000000000000000000" pitchFamily="2" charset="0"/>
                        <a:cs typeface="Roboto Light" panose="02000000000000000000" pitchFamily="2" charset="0"/>
                      </a:endParaRP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229ED9"/>
                    </a:solidFill>
                  </a:tcPr>
                </a:tc>
                <a:tc>
                  <a:txBody>
                    <a:bodyPr/>
                    <a:lstStyle/>
                    <a:p>
                      <a:pPr marL="0" marR="0" algn="ctr">
                        <a:spcBef>
                          <a:spcPts val="0"/>
                        </a:spcBef>
                        <a:spcAft>
                          <a:spcPts val="0"/>
                        </a:spcAft>
                      </a:pPr>
                      <a:r>
                        <a:rPr lang="en-US" sz="900" b="1" kern="1200" dirty="0">
                          <a:solidFill>
                            <a:srgbClr val="FFFFFF"/>
                          </a:solidFill>
                          <a:effectLst/>
                          <a:latin typeface="Roboto Light" panose="02000000000000000000" pitchFamily="2" charset="0"/>
                          <a:ea typeface="Roboto Light" panose="02000000000000000000" pitchFamily="2" charset="0"/>
                          <a:cs typeface="Roboto Light" panose="02000000000000000000" pitchFamily="2" charset="0"/>
                        </a:rPr>
                        <a:t>Audio</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229ED9"/>
                    </a:solidFill>
                  </a:tcPr>
                </a:tc>
                <a:extLst>
                  <a:ext uri="{0D108BD9-81ED-4DB2-BD59-A6C34878D82A}">
                    <a16:rowId xmlns:a16="http://schemas.microsoft.com/office/drawing/2014/main" val="3651997783"/>
                  </a:ext>
                </a:extLst>
              </a:tr>
              <a:tr h="210820">
                <a:tc>
                  <a:txBody>
                    <a:bodyPr/>
                    <a:lstStyle/>
                    <a:p>
                      <a:pPr marL="0" marR="0" algn="ctr">
                        <a:spcBef>
                          <a:spcPts val="0"/>
                        </a:spcBef>
                        <a:spcAft>
                          <a:spcPts val="0"/>
                        </a:spcAft>
                      </a:pPr>
                      <a:r>
                        <a:rPr lang="en-US" sz="900">
                          <a:solidFill>
                            <a:schemeClr val="tx1"/>
                          </a:solidFill>
                          <a:effectLst/>
                          <a:latin typeface="Roboto" panose="02000000000000000000" pitchFamily="2" charset="0"/>
                          <a:ea typeface="Roboto" panose="02000000000000000000" pitchFamily="2" charset="0"/>
                          <a:cs typeface="Roboto" panose="02000000000000000000" pitchFamily="2" charset="0"/>
                        </a:rPr>
                        <a:t>Level 1</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1,500 - $2,0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5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extLst>
                  <a:ext uri="{0D108BD9-81ED-4DB2-BD59-A6C34878D82A}">
                    <a16:rowId xmlns:a16="http://schemas.microsoft.com/office/drawing/2014/main" val="2717603707"/>
                  </a:ext>
                </a:extLst>
              </a:tr>
              <a:tr h="210820">
                <a:tc>
                  <a:txBody>
                    <a:bodyPr/>
                    <a:lstStyle/>
                    <a:p>
                      <a:pPr marL="0" marR="0" algn="ctr">
                        <a:spcBef>
                          <a:spcPts val="0"/>
                        </a:spcBef>
                        <a:spcAft>
                          <a:spcPts val="0"/>
                        </a:spcAft>
                      </a:pPr>
                      <a:r>
                        <a:rPr lang="en-US" sz="900">
                          <a:solidFill>
                            <a:schemeClr val="tx1"/>
                          </a:solidFill>
                          <a:effectLst/>
                          <a:latin typeface="Roboto" panose="02000000000000000000" pitchFamily="2" charset="0"/>
                          <a:ea typeface="Roboto" panose="02000000000000000000" pitchFamily="2" charset="0"/>
                          <a:cs typeface="Roboto" panose="02000000000000000000" pitchFamily="2" charset="0"/>
                        </a:rPr>
                        <a:t>Level 2</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3,000 - $4,5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5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E3F4F9"/>
                    </a:solidFill>
                  </a:tcPr>
                </a:tc>
                <a:extLst>
                  <a:ext uri="{0D108BD9-81ED-4DB2-BD59-A6C34878D82A}">
                    <a16:rowId xmlns:a16="http://schemas.microsoft.com/office/drawing/2014/main" val="1575391964"/>
                  </a:ext>
                </a:extLst>
              </a:tr>
              <a:tr h="210820">
                <a:tc>
                  <a:txBody>
                    <a:bodyPr/>
                    <a:lstStyle/>
                    <a:p>
                      <a:pPr marL="0" marR="0" algn="ctr">
                        <a:spcBef>
                          <a:spcPts val="0"/>
                        </a:spcBef>
                        <a:spcAft>
                          <a:spcPts val="0"/>
                        </a:spcAft>
                      </a:pPr>
                      <a:r>
                        <a:rPr lang="en-US" sz="900" dirty="0">
                          <a:solidFill>
                            <a:schemeClr val="tx1"/>
                          </a:solidFill>
                          <a:effectLst/>
                          <a:latin typeface="Roboto" panose="02000000000000000000" pitchFamily="2" charset="0"/>
                          <a:ea typeface="Roboto" panose="02000000000000000000" pitchFamily="2" charset="0"/>
                          <a:cs typeface="Roboto" panose="02000000000000000000" pitchFamily="2" charset="0"/>
                        </a:rPr>
                        <a:t>Level 3</a:t>
                      </a:r>
                    </a:p>
                  </a:txBody>
                  <a:tcPr marL="45720" marR="45720">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7,000 - $7,5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tc>
                  <a:txBody>
                    <a:bodyPr/>
                    <a:lstStyle/>
                    <a:p>
                      <a:pPr marL="0" algn="ctr" defTabSz="914400" rtl="0" eaLnBrk="1" fontAlgn="ctr" latinLnBrk="0" hangingPunct="1"/>
                      <a:r>
                        <a:rPr lang="en-IN" sz="900" b="0" i="0" u="none" strike="noStrike" kern="1200" dirty="0">
                          <a:solidFill>
                            <a:schemeClr val="tx1"/>
                          </a:solidFill>
                          <a:effectLst/>
                          <a:latin typeface="Roboto" panose="02000000000000000000" pitchFamily="2" charset="0"/>
                          <a:ea typeface="Roboto" panose="02000000000000000000" pitchFamily="2" charset="0"/>
                          <a:cs typeface="Roboto" panose="02000000000000000000" pitchFamily="2" charset="0"/>
                        </a:rPr>
                        <a:t>$500 - $800</a:t>
                      </a:r>
                    </a:p>
                  </a:txBody>
                  <a:tcPr marL="9525" marR="9525" marT="9525" marB="0" anchor="ctr">
                    <a:lnL w="6350" cap="flat" cmpd="sng" algn="ctr">
                      <a:solidFill>
                        <a:schemeClr val="bg1"/>
                      </a:solidFill>
                      <a:prstDash val="solid"/>
                      <a:round/>
                      <a:headEnd type="none" w="med" len="med"/>
                      <a:tailEnd type="none" w="med" len="med"/>
                    </a:lnL>
                    <a:lnR w="6350" cap="flat" cmpd="sng" algn="ctr">
                      <a:solidFill>
                        <a:schemeClr val="bg1"/>
                      </a:solidFill>
                      <a:prstDash val="solid"/>
                      <a:round/>
                      <a:headEnd type="none" w="med" len="med"/>
                      <a:tailEnd type="none" w="med" len="med"/>
                    </a:lnR>
                    <a:lnT w="6350" cap="flat" cmpd="sng" algn="ctr">
                      <a:solidFill>
                        <a:schemeClr val="bg1"/>
                      </a:solidFill>
                      <a:prstDash val="solid"/>
                      <a:round/>
                      <a:headEnd type="none" w="med" len="med"/>
                      <a:tailEnd type="none" w="med" len="med"/>
                    </a:lnT>
                    <a:lnB w="6350" cap="flat" cmpd="sng" algn="ctr">
                      <a:solidFill>
                        <a:schemeClr val="bg1"/>
                      </a:solidFill>
                      <a:prstDash val="solid"/>
                      <a:round/>
                      <a:headEnd type="none" w="med" len="med"/>
                      <a:tailEnd type="none" w="med" len="med"/>
                    </a:lnB>
                    <a:solidFill>
                      <a:srgbClr val="D0ECF4"/>
                    </a:solidFill>
                  </a:tcPr>
                </a:tc>
                <a:extLst>
                  <a:ext uri="{0D108BD9-81ED-4DB2-BD59-A6C34878D82A}">
                    <a16:rowId xmlns:a16="http://schemas.microsoft.com/office/drawing/2014/main" val="2764629170"/>
                  </a:ext>
                </a:extLst>
              </a:tr>
            </a:tbl>
          </a:graphicData>
        </a:graphic>
      </p:graphicFrame>
      <p:sp>
        <p:nvSpPr>
          <p:cNvPr id="14" name="TextBox 13">
            <a:extLst>
              <a:ext uri="{FF2B5EF4-FFF2-40B4-BE49-F238E27FC236}">
                <a16:creationId xmlns:a16="http://schemas.microsoft.com/office/drawing/2014/main" id="{DEAD9FAD-7AC6-F7BA-8669-E527A6DFCA5E}"/>
              </a:ext>
            </a:extLst>
          </p:cNvPr>
          <p:cNvSpPr txBox="1"/>
          <p:nvPr/>
        </p:nvSpPr>
        <p:spPr>
          <a:xfrm>
            <a:off x="2956295" y="1390516"/>
            <a:ext cx="630878" cy="369332"/>
          </a:xfrm>
          <a:prstGeom prst="rect">
            <a:avLst/>
          </a:prstGeom>
          <a:noFill/>
        </p:spPr>
        <p:txBody>
          <a:bodyPr wrap="none" rtlCol="0">
            <a:spAutoFit/>
          </a:bodyPr>
          <a:lstStyle/>
          <a:p>
            <a:pPr algn="ctr"/>
            <a:r>
              <a:rPr lang="en-IN" dirty="0"/>
              <a:t>WBT</a:t>
            </a:r>
          </a:p>
        </p:txBody>
      </p:sp>
      <p:sp>
        <p:nvSpPr>
          <p:cNvPr id="15" name="TextBox 14">
            <a:extLst>
              <a:ext uri="{FF2B5EF4-FFF2-40B4-BE49-F238E27FC236}">
                <a16:creationId xmlns:a16="http://schemas.microsoft.com/office/drawing/2014/main" id="{5DAAE18E-17B4-303C-F373-991084A5D73E}"/>
              </a:ext>
            </a:extLst>
          </p:cNvPr>
          <p:cNvSpPr txBox="1"/>
          <p:nvPr/>
        </p:nvSpPr>
        <p:spPr>
          <a:xfrm>
            <a:off x="8648770" y="1390516"/>
            <a:ext cx="752129" cy="369332"/>
          </a:xfrm>
          <a:prstGeom prst="rect">
            <a:avLst/>
          </a:prstGeom>
          <a:noFill/>
        </p:spPr>
        <p:txBody>
          <a:bodyPr wrap="none" rtlCol="0">
            <a:spAutoFit/>
          </a:bodyPr>
          <a:lstStyle/>
          <a:p>
            <a:pPr algn="ctr"/>
            <a:r>
              <a:rPr lang="en-IN" dirty="0"/>
              <a:t>Video</a:t>
            </a:r>
          </a:p>
        </p:txBody>
      </p:sp>
      <p:sp>
        <p:nvSpPr>
          <p:cNvPr id="16" name="TextBox 15">
            <a:extLst>
              <a:ext uri="{FF2B5EF4-FFF2-40B4-BE49-F238E27FC236}">
                <a16:creationId xmlns:a16="http://schemas.microsoft.com/office/drawing/2014/main" id="{883FB8B0-B71C-E51B-476B-947DCAB65C01}"/>
              </a:ext>
            </a:extLst>
          </p:cNvPr>
          <p:cNvSpPr txBox="1"/>
          <p:nvPr/>
        </p:nvSpPr>
        <p:spPr>
          <a:xfrm>
            <a:off x="6256162" y="4420328"/>
            <a:ext cx="5001604" cy="800219"/>
          </a:xfrm>
          <a:prstGeom prst="rect">
            <a:avLst/>
          </a:prstGeom>
          <a:noFill/>
        </p:spPr>
        <p:txBody>
          <a:bodyPr wrap="square" lIns="91440" tIns="45720" rIns="91440" bIns="45720" anchor="t">
            <a:spAutoFit/>
          </a:bodyPr>
          <a:lstStyle/>
          <a:p>
            <a:pPr>
              <a:spcAft>
                <a:spcPts val="600"/>
              </a:spcAft>
            </a:pPr>
            <a:r>
              <a:rPr lang="en-IN" sz="900" b="1" dirty="0">
                <a:latin typeface="Roboto Light" panose="02000000000000000000" pitchFamily="2" charset="0"/>
                <a:ea typeface="Roboto Light" panose="02000000000000000000" pitchFamily="2" charset="0"/>
                <a:cs typeface="Roboto Light" panose="02000000000000000000" pitchFamily="2" charset="0"/>
              </a:rPr>
              <a:t>Notes: </a:t>
            </a:r>
          </a:p>
          <a:p>
            <a:pPr>
              <a:spcAft>
                <a:spcPts val="600"/>
              </a:spcAft>
            </a:pPr>
            <a:r>
              <a:rPr lang="en-US" sz="900" dirty="0">
                <a:latin typeface="Roboto Light" panose="02000000000000000000" pitchFamily="2" charset="0"/>
                <a:ea typeface="Roboto Light" panose="02000000000000000000" pitchFamily="2" charset="0"/>
                <a:cs typeface="Roboto Light" panose="02000000000000000000" pitchFamily="2" charset="0"/>
              </a:rPr>
              <a:t>*Development cost includes the cost of storyboarding, development of Alpha, Beta, and Gold versions of learning materials by our offshore development teams. </a:t>
            </a:r>
          </a:p>
          <a:p>
            <a:pPr>
              <a:spcAft>
                <a:spcPts val="600"/>
              </a:spcAft>
            </a:pPr>
            <a:r>
              <a:rPr lang="en-US" sz="900" dirty="0">
                <a:latin typeface="Roboto Light" panose="02000000000000000000" pitchFamily="2" charset="0"/>
                <a:ea typeface="Roboto Light" panose="02000000000000000000" pitchFamily="2" charset="0"/>
                <a:cs typeface="Roboto Light" panose="02000000000000000000" pitchFamily="2" charset="0"/>
              </a:rPr>
              <a:t>** WBT cost does not include Audio cost and responsive design cost.</a:t>
            </a:r>
            <a:endParaRPr lang="en-IN" sz="900" dirty="0">
              <a:latin typeface="Roboto Light" panose="02000000000000000000" pitchFamily="2" charset="0"/>
              <a:ea typeface="Roboto Light" panose="02000000000000000000" pitchFamily="2" charset="0"/>
              <a:cs typeface="Roboto Light" panose="02000000000000000000" pitchFamily="2" charset="0"/>
            </a:endParaRPr>
          </a:p>
        </p:txBody>
      </p:sp>
    </p:spTree>
    <p:extLst>
      <p:ext uri="{BB962C8B-B14F-4D97-AF65-F5344CB8AC3E}">
        <p14:creationId xmlns:p14="http://schemas.microsoft.com/office/powerpoint/2010/main" val="3247996084"/>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37C9751-B939-EE86-6A2E-EBCE3261B556}"/>
              </a:ext>
            </a:extLst>
          </p:cNvPr>
          <p:cNvSpPr>
            <a:spLocks noGrp="1"/>
          </p:cNvSpPr>
          <p:nvPr>
            <p:ph type="title"/>
          </p:nvPr>
        </p:nvSpPr>
        <p:spPr/>
        <p:txBody>
          <a:bodyPr/>
          <a:lstStyle/>
          <a:p>
            <a:r>
              <a:rPr lang="en-IN" dirty="0"/>
              <a:t>Level Description</a:t>
            </a:r>
          </a:p>
        </p:txBody>
      </p:sp>
      <p:sp>
        <p:nvSpPr>
          <p:cNvPr id="3" name="Content Placeholder 2">
            <a:extLst>
              <a:ext uri="{FF2B5EF4-FFF2-40B4-BE49-F238E27FC236}">
                <a16:creationId xmlns:a16="http://schemas.microsoft.com/office/drawing/2014/main" id="{73949045-5B49-68CA-9298-D401318262AD}"/>
              </a:ext>
            </a:extLst>
          </p:cNvPr>
          <p:cNvSpPr>
            <a:spLocks noGrp="1"/>
          </p:cNvSpPr>
          <p:nvPr>
            <p:ph idx="1"/>
          </p:nvPr>
        </p:nvSpPr>
        <p:spPr>
          <a:xfrm>
            <a:off x="544286" y="1107545"/>
            <a:ext cx="10998300" cy="505490"/>
          </a:xfrm>
        </p:spPr>
        <p:txBody>
          <a:bodyPr>
            <a:normAutofit/>
          </a:bodyPr>
          <a:lstStyle/>
          <a:p>
            <a:pPr marL="0" indent="0">
              <a:lnSpc>
                <a:spcPct val="100000"/>
              </a:lnSpc>
              <a:buNone/>
            </a:pPr>
            <a:r>
              <a:rPr lang="en-US" sz="1400" dirty="0">
                <a:latin typeface="Roboto Light" panose="02000000000000000000" pitchFamily="2" charset="0"/>
                <a:ea typeface="Roboto Light" panose="02000000000000000000" pitchFamily="2" charset="0"/>
                <a:cs typeface="Roboto Light" panose="02000000000000000000" pitchFamily="2" charset="0"/>
              </a:rPr>
              <a:t>The table below lists brief description and features of Web-based Training (WBT) or eLearning modules at different levels of complexity.</a:t>
            </a:r>
          </a:p>
          <a:p>
            <a:pPr marL="0" indent="0">
              <a:lnSpc>
                <a:spcPct val="100000"/>
              </a:lnSpc>
              <a:buNone/>
            </a:pPr>
            <a:endParaRPr lang="en-US" sz="1400" dirty="0">
              <a:latin typeface="Roboto Light" panose="02000000000000000000" pitchFamily="2" charset="0"/>
              <a:ea typeface="Roboto Light" panose="02000000000000000000" pitchFamily="2" charset="0"/>
              <a:cs typeface="Roboto Light" panose="02000000000000000000" pitchFamily="2" charset="0"/>
            </a:endParaRPr>
          </a:p>
          <a:p>
            <a:pPr marL="0" indent="0">
              <a:lnSpc>
                <a:spcPct val="100000"/>
              </a:lnSpc>
              <a:buNone/>
            </a:pPr>
            <a:endParaRPr lang="en-IN" sz="1400" dirty="0">
              <a:latin typeface="Roboto Light" panose="02000000000000000000" pitchFamily="2" charset="0"/>
              <a:ea typeface="Roboto Light" panose="02000000000000000000" pitchFamily="2" charset="0"/>
              <a:cs typeface="Roboto Light" panose="02000000000000000000" pitchFamily="2" charset="0"/>
            </a:endParaRPr>
          </a:p>
        </p:txBody>
      </p:sp>
      <p:graphicFrame>
        <p:nvGraphicFramePr>
          <p:cNvPr id="4" name="Table 3">
            <a:extLst>
              <a:ext uri="{FF2B5EF4-FFF2-40B4-BE49-F238E27FC236}">
                <a16:creationId xmlns:a16="http://schemas.microsoft.com/office/drawing/2014/main" id="{882C1EC6-5B64-7917-1875-45690705E95C}"/>
              </a:ext>
            </a:extLst>
          </p:cNvPr>
          <p:cNvGraphicFramePr>
            <a:graphicFrameLocks noGrp="1"/>
          </p:cNvGraphicFramePr>
          <p:nvPr>
            <p:extLst>
              <p:ext uri="{D42A27DB-BD31-4B8C-83A1-F6EECF244321}">
                <p14:modId xmlns:p14="http://schemas.microsoft.com/office/powerpoint/2010/main" val="3779597237"/>
              </p:ext>
            </p:extLst>
          </p:nvPr>
        </p:nvGraphicFramePr>
        <p:xfrm>
          <a:off x="544286" y="1573704"/>
          <a:ext cx="11077442" cy="4876257"/>
        </p:xfrm>
        <a:graphic>
          <a:graphicData uri="http://schemas.openxmlformats.org/drawingml/2006/table">
            <a:tbl>
              <a:tblPr firstRow="1" firstCol="1" bandRow="1">
                <a:tableStyleId>{5C22544A-7EE6-4342-B048-85BDC9FD1C3A}</a:tableStyleId>
              </a:tblPr>
              <a:tblGrid>
                <a:gridCol w="1219516">
                  <a:extLst>
                    <a:ext uri="{9D8B030D-6E8A-4147-A177-3AD203B41FA5}">
                      <a16:colId xmlns:a16="http://schemas.microsoft.com/office/drawing/2014/main" val="2020453656"/>
                    </a:ext>
                  </a:extLst>
                </a:gridCol>
                <a:gridCol w="3329999">
                  <a:extLst>
                    <a:ext uri="{9D8B030D-6E8A-4147-A177-3AD203B41FA5}">
                      <a16:colId xmlns:a16="http://schemas.microsoft.com/office/drawing/2014/main" val="503438903"/>
                    </a:ext>
                  </a:extLst>
                </a:gridCol>
                <a:gridCol w="3369176">
                  <a:extLst>
                    <a:ext uri="{9D8B030D-6E8A-4147-A177-3AD203B41FA5}">
                      <a16:colId xmlns:a16="http://schemas.microsoft.com/office/drawing/2014/main" val="3599426669"/>
                    </a:ext>
                  </a:extLst>
                </a:gridCol>
                <a:gridCol w="3158751">
                  <a:extLst>
                    <a:ext uri="{9D8B030D-6E8A-4147-A177-3AD203B41FA5}">
                      <a16:colId xmlns:a16="http://schemas.microsoft.com/office/drawing/2014/main" val="2138860818"/>
                    </a:ext>
                  </a:extLst>
                </a:gridCol>
              </a:tblGrid>
              <a:tr h="353171">
                <a:tc>
                  <a:txBody>
                    <a:bodyPr/>
                    <a:lstStyle/>
                    <a:p>
                      <a:pPr marL="0" marR="0" algn="ctr">
                        <a:spcBef>
                          <a:spcPts val="0"/>
                        </a:spcBef>
                        <a:spcAft>
                          <a:spcPts val="0"/>
                        </a:spcAft>
                      </a:pPr>
                      <a:endParaRPr lang="en-US" sz="1000">
                        <a:effectLst/>
                        <a:latin typeface="Roboto" panose="02000000000000000000" pitchFamily="2" charset="0"/>
                        <a:ea typeface="Roboto" panose="02000000000000000000" pitchFamily="2" charset="0"/>
                        <a:cs typeface="Roboto" panose="02000000000000000000" pitchFamily="2" charset="0"/>
                      </a:endParaRPr>
                    </a:p>
                  </a:txBody>
                  <a:tcPr anchor="ctr">
                    <a:noFill/>
                  </a:tcPr>
                </a:tc>
                <a:tc>
                  <a:txBody>
                    <a:bodyPr/>
                    <a:lstStyle/>
                    <a:p>
                      <a:pPr marL="0" marR="0" algn="ctr">
                        <a:spcBef>
                          <a:spcPts val="0"/>
                        </a:spcBef>
                        <a:spcAft>
                          <a:spcPts val="0"/>
                        </a:spcAft>
                      </a:pPr>
                      <a:r>
                        <a:rPr lang="en-US" sz="1000" dirty="0">
                          <a:effectLst/>
                          <a:latin typeface="Roboto" panose="02000000000000000000" pitchFamily="2" charset="0"/>
                          <a:ea typeface="Roboto" panose="02000000000000000000" pitchFamily="2" charset="0"/>
                          <a:cs typeface="Roboto" panose="02000000000000000000" pitchFamily="2" charset="0"/>
                        </a:rPr>
                        <a:t>Level 1</a:t>
                      </a:r>
                    </a:p>
                  </a:txBody>
                  <a:tcPr anchor="ctr">
                    <a:solidFill>
                      <a:srgbClr val="01597F"/>
                    </a:solidFill>
                  </a:tcPr>
                </a:tc>
                <a:tc>
                  <a:txBody>
                    <a:bodyPr/>
                    <a:lstStyle/>
                    <a:p>
                      <a:pPr marL="0" marR="0" algn="ctr">
                        <a:spcBef>
                          <a:spcPts val="0"/>
                        </a:spcBef>
                        <a:spcAft>
                          <a:spcPts val="0"/>
                        </a:spcAft>
                      </a:pPr>
                      <a:r>
                        <a:rPr lang="en-US" sz="1000" dirty="0">
                          <a:effectLst/>
                          <a:latin typeface="Roboto" panose="02000000000000000000" pitchFamily="2" charset="0"/>
                          <a:ea typeface="Roboto" panose="02000000000000000000" pitchFamily="2" charset="0"/>
                          <a:cs typeface="Roboto" panose="02000000000000000000" pitchFamily="2" charset="0"/>
                        </a:rPr>
                        <a:t>Level 2</a:t>
                      </a:r>
                    </a:p>
                  </a:txBody>
                  <a:tcPr anchor="ctr">
                    <a:solidFill>
                      <a:srgbClr val="01597F"/>
                    </a:solidFill>
                  </a:tcPr>
                </a:tc>
                <a:tc>
                  <a:txBody>
                    <a:bodyPr/>
                    <a:lstStyle/>
                    <a:p>
                      <a:pPr marL="0" marR="0" algn="ctr">
                        <a:spcBef>
                          <a:spcPts val="0"/>
                        </a:spcBef>
                        <a:spcAft>
                          <a:spcPts val="0"/>
                        </a:spcAft>
                      </a:pPr>
                      <a:r>
                        <a:rPr lang="en-US" sz="1000" dirty="0">
                          <a:effectLst/>
                          <a:latin typeface="Roboto" panose="02000000000000000000" pitchFamily="2" charset="0"/>
                          <a:ea typeface="Roboto" panose="02000000000000000000" pitchFamily="2" charset="0"/>
                          <a:cs typeface="Roboto" panose="02000000000000000000" pitchFamily="2" charset="0"/>
                        </a:rPr>
                        <a:t>Level 3</a:t>
                      </a:r>
                    </a:p>
                  </a:txBody>
                  <a:tcPr anchor="ctr">
                    <a:solidFill>
                      <a:srgbClr val="01597F"/>
                    </a:solidFill>
                  </a:tcPr>
                </a:tc>
                <a:extLst>
                  <a:ext uri="{0D108BD9-81ED-4DB2-BD59-A6C34878D82A}">
                    <a16:rowId xmlns:a16="http://schemas.microsoft.com/office/drawing/2014/main" val="132088958"/>
                  </a:ext>
                </a:extLst>
              </a:tr>
              <a:tr h="949014">
                <a:tc>
                  <a:txBody>
                    <a:bodyPr/>
                    <a:lstStyle/>
                    <a:p>
                      <a:pPr marL="0" marR="0">
                        <a:spcBef>
                          <a:spcPts val="0"/>
                        </a:spcBef>
                        <a:spcAft>
                          <a:spcPts val="0"/>
                        </a:spcAf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BRIEF DESCRIPTION</a:t>
                      </a:r>
                    </a:p>
                  </a:txBody>
                  <a:tcPr anchor="ctr">
                    <a:solidFill>
                      <a:srgbClr val="D0ECF4"/>
                    </a:solidFill>
                  </a:tcPr>
                </a:tc>
                <a:tc>
                  <a:txBody>
                    <a:bodyPr/>
                    <a:lstStyle/>
                    <a:p>
                      <a:pPr marL="0" marR="0" lvl="0" indent="0">
                        <a:spcBef>
                          <a:spcPts val="0"/>
                        </a:spcBef>
                        <a:spcAft>
                          <a:spcPts val="600"/>
                        </a:spcAft>
                        <a:buFont typeface="Courier New" panose="02070309020205020404" pitchFamily="49" charset="0"/>
                        <a:buNone/>
                        <a:tabLst>
                          <a:tab pos="457200" algn="l"/>
                        </a:tabLst>
                      </a:pPr>
                      <a:r>
                        <a:rPr lang="en-US" sz="1000" dirty="0">
                          <a:solidFill>
                            <a:srgbClr val="4D4D4D"/>
                          </a:solidFill>
                          <a:effectLst/>
                          <a:latin typeface="Roboto" panose="02000000000000000000" pitchFamily="2" charset="0"/>
                          <a:ea typeface="Roboto" panose="02000000000000000000" pitchFamily="2" charset="0"/>
                          <a:cs typeface="Roboto" panose="02000000000000000000" pitchFamily="2" charset="0"/>
                        </a:rPr>
                        <a:t>A basic eLearning module that teaches concepts, with help of graphics, and text. It has some required interactivity and tests learner's understanding with use of knowledge checks and assessments. This is usually a knowledge ware and can be up to Bloom Level 1.</a:t>
                      </a:r>
                    </a:p>
                  </a:txBody>
                  <a:tcPr anchor="ctr">
                    <a:solidFill>
                      <a:srgbClr val="D0ECF4"/>
                    </a:solidFill>
                  </a:tcPr>
                </a:tc>
                <a:tc>
                  <a:txBody>
                    <a:bodyPr/>
                    <a:lstStyle/>
                    <a:p>
                      <a:pPr marL="0" marR="0" lvl="0" indent="0">
                        <a:spcBef>
                          <a:spcPts val="0"/>
                        </a:spcBef>
                        <a:spcAft>
                          <a:spcPts val="600"/>
                        </a:spcAft>
                        <a:buFont typeface="Courier New" panose="02070309020205020404" pitchFamily="49" charset="0"/>
                        <a:buNone/>
                        <a:tabLst>
                          <a:tab pos="457200" algn="l"/>
                        </a:tabLst>
                      </a:pPr>
                      <a:r>
                        <a:rPr lang="en-US" sz="1000" dirty="0">
                          <a:solidFill>
                            <a:srgbClr val="4D4D4D"/>
                          </a:solidFill>
                          <a:effectLst/>
                          <a:latin typeface="Roboto" panose="02000000000000000000" pitchFamily="2" charset="0"/>
                          <a:ea typeface="Roboto" panose="02000000000000000000" pitchFamily="2" charset="0"/>
                          <a:cs typeface="Roboto" panose="02000000000000000000" pitchFamily="2" charset="0"/>
                        </a:rPr>
                        <a:t>Besides all features of Level 1, this eLearning module includes use of demonstrations, animations, simple scenarios, real-life case studies and examples. This is usually a skill ware or advanced knowledge ware and can be at Bloom Level 1 and 2.</a:t>
                      </a:r>
                    </a:p>
                  </a:txBody>
                  <a:tcPr anchor="ctr">
                    <a:solidFill>
                      <a:srgbClr val="D0ECF4"/>
                    </a:solidFill>
                  </a:tcPr>
                </a:tc>
                <a:tc>
                  <a:txBody>
                    <a:bodyPr/>
                    <a:lstStyle/>
                    <a:p>
                      <a:pPr marL="0" marR="0" indent="0">
                        <a:spcBef>
                          <a:spcPts val="0"/>
                        </a:spcBef>
                        <a:spcAft>
                          <a:spcPts val="600"/>
                        </a:spcAft>
                      </a:pPr>
                      <a:r>
                        <a:rPr lang="en-US" sz="1000" dirty="0">
                          <a:solidFill>
                            <a:srgbClr val="4D4D4D"/>
                          </a:solidFill>
                          <a:effectLst/>
                          <a:latin typeface="Roboto" panose="02000000000000000000" pitchFamily="2" charset="0"/>
                          <a:ea typeface="Roboto" panose="02000000000000000000" pitchFamily="2" charset="0"/>
                          <a:cs typeface="Roboto" panose="02000000000000000000" pitchFamily="2" charset="0"/>
                        </a:rPr>
                        <a:t>Besides features of level 2, this also includes simulations, practicing concepts in safe environment, branched scenarios, case study-based testing and assessment. This can be at Bloom Level 3 and onwards.</a:t>
                      </a:r>
                    </a:p>
                  </a:txBody>
                  <a:tcPr anchor="ctr">
                    <a:solidFill>
                      <a:srgbClr val="D0ECF4"/>
                    </a:solidFill>
                  </a:tcPr>
                </a:tc>
                <a:extLst>
                  <a:ext uri="{0D108BD9-81ED-4DB2-BD59-A6C34878D82A}">
                    <a16:rowId xmlns:a16="http://schemas.microsoft.com/office/drawing/2014/main" val="3713079159"/>
                  </a:ext>
                </a:extLst>
              </a:tr>
              <a:tr h="779547">
                <a:tc>
                  <a:txBody>
                    <a:bodyPr/>
                    <a:lstStyle/>
                    <a:p>
                      <a:pPr marL="0" marR="0">
                        <a:spcBef>
                          <a:spcPts val="0"/>
                        </a:spcBef>
                        <a:spcAft>
                          <a:spcPts val="0"/>
                        </a:spcAft>
                      </a:pPr>
                      <a:r>
                        <a:rPr lang="en-US" sz="1000" dirty="0">
                          <a:solidFill>
                            <a:srgbClr val="4D4D4D"/>
                          </a:solidFill>
                          <a:effectLst/>
                          <a:latin typeface="Roboto" panose="02000000000000000000" pitchFamily="2" charset="0"/>
                          <a:ea typeface="Roboto" panose="02000000000000000000" pitchFamily="2" charset="0"/>
                          <a:cs typeface="Roboto" panose="02000000000000000000" pitchFamily="2" charset="0"/>
                        </a:rPr>
                        <a:t>SCREEN TYPES</a:t>
                      </a:r>
                      <a:endPar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endParaRPr>
                    </a:p>
                  </a:txBody>
                  <a:tcPr anchor="ctr">
                    <a:solidFill>
                      <a:srgbClr val="E3F4F9"/>
                    </a:solidFill>
                  </a:tcPr>
                </a:tc>
                <a:tc>
                  <a:txBody>
                    <a:bodyPr/>
                    <a:lstStyle/>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tatic - 72%</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Interactive - 25%</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Client provided videos - 3%</a:t>
                      </a:r>
                    </a:p>
                  </a:txBody>
                  <a:tcPr anchor="ctr">
                    <a:solidFill>
                      <a:srgbClr val="E3F4F9"/>
                    </a:solidFill>
                  </a:tcPr>
                </a:tc>
                <a:tc>
                  <a:txBody>
                    <a:bodyPr/>
                    <a:lstStyle/>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tatic - 50%</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imple animation - 4%     </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Interactive - 42%  </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Client provided videos - 4%</a:t>
                      </a:r>
                    </a:p>
                  </a:txBody>
                  <a:tcPr anchor="ctr">
                    <a:solidFill>
                      <a:srgbClr val="E3F4F9"/>
                    </a:solidFill>
                  </a:tcPr>
                </a:tc>
                <a:tc>
                  <a:txBody>
                    <a:bodyPr/>
                    <a:lstStyle/>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tatic – 20%    </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Animation - 10%</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Interactive - 65%</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Video – 5%</a:t>
                      </a:r>
                    </a:p>
                  </a:txBody>
                  <a:tcPr anchor="ctr">
                    <a:solidFill>
                      <a:srgbClr val="E3F4F9"/>
                    </a:solidFill>
                  </a:tcPr>
                </a:tc>
                <a:extLst>
                  <a:ext uri="{0D108BD9-81ED-4DB2-BD59-A6C34878D82A}">
                    <a16:rowId xmlns:a16="http://schemas.microsoft.com/office/drawing/2014/main" val="3664810215"/>
                  </a:ext>
                </a:extLst>
              </a:tr>
              <a:tr h="2304750">
                <a:tc>
                  <a:txBody>
                    <a:bodyPr/>
                    <a:lstStyle/>
                    <a:p>
                      <a:pPr marL="0" marR="0">
                        <a:spcBef>
                          <a:spcPts val="0"/>
                        </a:spcBef>
                        <a:spcAft>
                          <a:spcPts val="0"/>
                        </a:spcAf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MEDIA</a:t>
                      </a:r>
                    </a:p>
                  </a:txBody>
                  <a:tcPr anchor="ctr">
                    <a:solidFill>
                      <a:srgbClr val="D0ECF4"/>
                    </a:solidFill>
                  </a:tcPr>
                </a:tc>
                <a:tc>
                  <a:txBody>
                    <a:bodyPr/>
                    <a:lstStyle/>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tock photographs</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imple 2D graphics and icons</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imple transition animations</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imple interactions (click and learn, MCSS, MCMS) </a:t>
                      </a:r>
                    </a:p>
                    <a:p>
                      <a:pPr marL="0" marR="0">
                        <a:spcBef>
                          <a:spcPts val="0"/>
                        </a:spcBef>
                        <a:spcAft>
                          <a:spcPts val="0"/>
                        </a:spcAft>
                      </a:pPr>
                      <a:endParaRPr lang="en-US" sz="1000" dirty="0">
                        <a:solidFill>
                          <a:srgbClr val="4D4D4D"/>
                        </a:solidFill>
                        <a:effectLst/>
                        <a:latin typeface="Roboto" panose="02000000000000000000" pitchFamily="2" charset="0"/>
                        <a:ea typeface="Roboto" panose="02000000000000000000" pitchFamily="2" charset="0"/>
                        <a:cs typeface="Roboto" panose="02000000000000000000" pitchFamily="2" charset="0"/>
                      </a:endParaRPr>
                    </a:p>
                  </a:txBody>
                  <a:tcPr anchor="ctr">
                    <a:solidFill>
                      <a:srgbClr val="D0ECF4"/>
                    </a:solidFill>
                  </a:tcPr>
                </a:tc>
                <a:tc>
                  <a:txBody>
                    <a:bodyPr/>
                    <a:lstStyle/>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tock photographs</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imple complexity graphics (icons, graphs, charts, diagrams, and props) </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imple and Medium Conceptual Animations </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imple to medium complexity interactions (Click and reveal, Tab, MCMS, MCSS, Carousel, Timeline, Hotspot, Drag-and-drop, and Drop-down)</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Application/system demonstrations in Show Me mode only</a:t>
                      </a:r>
                    </a:p>
                  </a:txBody>
                  <a:tcPr anchor="ctr">
                    <a:solidFill>
                      <a:srgbClr val="D0ECF4"/>
                    </a:solidFill>
                  </a:tcPr>
                </a:tc>
                <a:tc>
                  <a:txBody>
                    <a:bodyPr/>
                    <a:lstStyle/>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Stock photographs</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Medium complexity graphics (icons, graphs, charts, diagrams, and props) </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Medium to complex conceptual animations (animation of flow diagrams and graphs; mathematical equations; animation of image-text, collage of images, and speech bubbles) </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Medium to complex interactions (Click and reveal, Tab, MCMS, MCSS, Carousel, Timeline, Hotspot, Drag-and-drop, and Drop-down)</a:t>
                      </a:r>
                    </a:p>
                    <a:p>
                      <a:pPr marL="119063" lvl="1" indent="-119063" algn="l" defTabSz="914400" rtl="0" eaLnBrk="1" latinLnBrk="0" hangingPunct="1">
                        <a:buFont typeface="Arial" panose="020B0604020202020204" pitchFamily="34" charset="0"/>
                        <a:buChar char="•"/>
                        <a:tabLst>
                          <a:tab pos="685800" algn="l"/>
                        </a:tabLs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Application/system simulations in demonstration (Show Me) and practice (Try It) modes</a:t>
                      </a:r>
                    </a:p>
                  </a:txBody>
                  <a:tcPr anchor="ctr">
                    <a:solidFill>
                      <a:srgbClr val="D0ECF4"/>
                    </a:solidFill>
                  </a:tcPr>
                </a:tc>
                <a:extLst>
                  <a:ext uri="{0D108BD9-81ED-4DB2-BD59-A6C34878D82A}">
                    <a16:rowId xmlns:a16="http://schemas.microsoft.com/office/drawing/2014/main" val="1793386881"/>
                  </a:ext>
                </a:extLst>
              </a:tr>
              <a:tr h="489775">
                <a:tc>
                  <a:txBody>
                    <a:bodyPr/>
                    <a:lstStyle/>
                    <a:p>
                      <a:pPr marL="0" marR="0">
                        <a:spcBef>
                          <a:spcPts val="0"/>
                        </a:spcBef>
                        <a:spcAft>
                          <a:spcPts val="0"/>
                        </a:spcAft>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INTERACTIVITIES</a:t>
                      </a:r>
                    </a:p>
                  </a:txBody>
                  <a:tcPr anchor="ctr">
                    <a:lnB w="12700" cap="flat" cmpd="sng" algn="ctr">
                      <a:solidFill>
                        <a:schemeClr val="tx1"/>
                      </a:solidFill>
                      <a:prstDash val="solid"/>
                      <a:round/>
                      <a:headEnd type="none" w="med" len="med"/>
                      <a:tailEnd type="none" w="med" len="med"/>
                    </a:lnB>
                    <a:solidFill>
                      <a:srgbClr val="E3F4F9"/>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000" dirty="0">
                          <a:solidFill>
                            <a:srgbClr val="4D4D4D"/>
                          </a:solidFill>
                          <a:effectLst/>
                          <a:latin typeface="Roboto" panose="02000000000000000000" pitchFamily="2" charset="0"/>
                          <a:ea typeface="Roboto" panose="02000000000000000000" pitchFamily="2" charset="0"/>
                          <a:cs typeface="Roboto" panose="02000000000000000000" pitchFamily="2" charset="0"/>
                        </a:rPr>
                        <a:t>Teach screens, knowledge checks and assessments</a:t>
                      </a:r>
                    </a:p>
                  </a:txBody>
                  <a:tcPr anchor="ctr">
                    <a:lnB w="12700" cap="flat" cmpd="sng" algn="ctr">
                      <a:solidFill>
                        <a:schemeClr val="tx1"/>
                      </a:solidFill>
                      <a:prstDash val="solid"/>
                      <a:round/>
                      <a:headEnd type="none" w="med" len="med"/>
                      <a:tailEnd type="none" w="med" len="med"/>
                    </a:lnB>
                    <a:solidFill>
                      <a:srgbClr val="E3F4F9"/>
                    </a:solidFill>
                  </a:tcPr>
                </a:tc>
                <a:tc>
                  <a:txBody>
                    <a:bodyPr/>
                    <a:lstStyle/>
                    <a:p>
                      <a:pPr marL="0" marR="0" lvl="1" indent="0" algn="l" defTabSz="914400" rtl="0" eaLnBrk="1" fontAlgn="auto" latinLnBrk="0" hangingPunct="1">
                        <a:lnSpc>
                          <a:spcPct val="100000"/>
                        </a:lnSpc>
                        <a:spcBef>
                          <a:spcPts val="0"/>
                        </a:spcBef>
                        <a:spcAft>
                          <a:spcPts val="0"/>
                        </a:spcAft>
                        <a:buClrTx/>
                        <a:buSzTx/>
                        <a:buFont typeface="Arial" panose="020B0604020202020204" pitchFamily="34" charset="0"/>
                        <a:buNone/>
                        <a:tabLst>
                          <a:tab pos="685800" algn="l"/>
                        </a:tabLst>
                        <a:defRPr/>
                      </a:pPr>
                      <a:r>
                        <a:rPr lang="en-US" sz="1000" dirty="0">
                          <a:solidFill>
                            <a:srgbClr val="4D4D4D"/>
                          </a:solidFill>
                          <a:effectLst/>
                          <a:latin typeface="Roboto" panose="02000000000000000000" pitchFamily="2" charset="0"/>
                          <a:ea typeface="Roboto" panose="02000000000000000000" pitchFamily="2" charset="0"/>
                          <a:cs typeface="Roboto" panose="02000000000000000000" pitchFamily="2" charset="0"/>
                        </a:rPr>
                        <a:t>Teach screens, knowledge checks and assessments</a:t>
                      </a:r>
                    </a:p>
                  </a:txBody>
                  <a:tcPr anchor="ctr">
                    <a:lnB w="12700" cap="flat" cmpd="sng" algn="ctr">
                      <a:solidFill>
                        <a:schemeClr val="tx1"/>
                      </a:solidFill>
                      <a:prstDash val="solid"/>
                      <a:round/>
                      <a:headEnd type="none" w="med" len="med"/>
                      <a:tailEnd type="none" w="med" len="med"/>
                    </a:lnB>
                    <a:solidFill>
                      <a:srgbClr val="E3F4F9"/>
                    </a:solidFill>
                  </a:tcPr>
                </a:tc>
                <a:tc>
                  <a:txBody>
                    <a:bodyPr/>
                    <a:lstStyle/>
                    <a:p>
                      <a:pPr marL="0" marR="0" lvl="1" indent="0" algn="l" defTabSz="914400" rtl="0" eaLnBrk="1" fontAlgn="auto" latinLnBrk="0" hangingPunct="1">
                        <a:lnSpc>
                          <a:spcPct val="100000"/>
                        </a:lnSpc>
                        <a:spcBef>
                          <a:spcPts val="0"/>
                        </a:spcBef>
                        <a:spcAft>
                          <a:spcPts val="0"/>
                        </a:spcAft>
                        <a:buClrTx/>
                        <a:buSzTx/>
                        <a:buFont typeface="Arial" panose="020B0604020202020204" pitchFamily="34" charset="0"/>
                        <a:buNone/>
                        <a:tabLst>
                          <a:tab pos="685800" algn="l"/>
                        </a:tabLst>
                        <a:defRPr/>
                      </a:pPr>
                      <a:r>
                        <a:rPr lang="en-US" sz="1000" kern="1200" dirty="0">
                          <a:solidFill>
                            <a:srgbClr val="4D4D4D"/>
                          </a:solidFill>
                          <a:effectLst/>
                          <a:latin typeface="Roboto" panose="02000000000000000000" pitchFamily="2" charset="0"/>
                          <a:ea typeface="Roboto" panose="02000000000000000000" pitchFamily="2" charset="0"/>
                          <a:cs typeface="Roboto" panose="02000000000000000000" pitchFamily="2" charset="0"/>
                        </a:rPr>
                        <a:t>Teach screens; branched scenarios; problem-solving, knowledge checks; assessments</a:t>
                      </a:r>
                    </a:p>
                  </a:txBody>
                  <a:tcPr anchor="ctr">
                    <a:lnB w="12700" cap="flat" cmpd="sng" algn="ctr">
                      <a:solidFill>
                        <a:schemeClr val="tx1"/>
                      </a:solidFill>
                      <a:prstDash val="solid"/>
                      <a:round/>
                      <a:headEnd type="none" w="med" len="med"/>
                      <a:tailEnd type="none" w="med" len="med"/>
                    </a:lnB>
                    <a:solidFill>
                      <a:srgbClr val="E3F4F9"/>
                    </a:solidFill>
                  </a:tcPr>
                </a:tc>
                <a:extLst>
                  <a:ext uri="{0D108BD9-81ED-4DB2-BD59-A6C34878D82A}">
                    <a16:rowId xmlns:a16="http://schemas.microsoft.com/office/drawing/2014/main" val="864156380"/>
                  </a:ext>
                </a:extLst>
              </a:tr>
            </a:tbl>
          </a:graphicData>
        </a:graphic>
      </p:graphicFrame>
    </p:spTree>
    <p:extLst>
      <p:ext uri="{BB962C8B-B14F-4D97-AF65-F5344CB8AC3E}">
        <p14:creationId xmlns:p14="http://schemas.microsoft.com/office/powerpoint/2010/main" val="1816742072"/>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4927CF9-C3A4-89E0-E4E7-6A1734546155}"/>
            </a:ext>
          </a:extLst>
        </p:cNvPr>
        <p:cNvGrpSpPr/>
        <p:nvPr/>
      </p:nvGrpSpPr>
      <p:grpSpPr>
        <a:xfrm>
          <a:off x="0" y="0"/>
          <a:ext cx="0" cy="0"/>
          <a:chOff x="0" y="0"/>
          <a:chExt cx="0" cy="0"/>
        </a:xfrm>
      </p:grpSpPr>
      <p:pic>
        <p:nvPicPr>
          <p:cNvPr id="5" name="Picture 4">
            <a:extLst>
              <a:ext uri="{FF2B5EF4-FFF2-40B4-BE49-F238E27FC236}">
                <a16:creationId xmlns:a16="http://schemas.microsoft.com/office/drawing/2014/main" id="{9A05E245-5F93-6234-8796-1FE6D0D1296E}"/>
              </a:ext>
            </a:extLst>
          </p:cNvPr>
          <p:cNvPicPr>
            <a:picLocks noChangeAspect="1"/>
          </p:cNvPicPr>
          <p:nvPr/>
        </p:nvPicPr>
        <p:blipFill>
          <a:blip r:embed="rId2"/>
          <a:srcRect l="602" t="34669" r="44864" b="21732"/>
          <a:stretch/>
        </p:blipFill>
        <p:spPr>
          <a:xfrm>
            <a:off x="-11292" y="-18359"/>
            <a:ext cx="6096000" cy="2129379"/>
          </a:xfrm>
          <a:prstGeom prst="rect">
            <a:avLst/>
          </a:prstGeom>
        </p:spPr>
      </p:pic>
      <p:pic>
        <p:nvPicPr>
          <p:cNvPr id="36" name="Picture 35">
            <a:extLst>
              <a:ext uri="{FF2B5EF4-FFF2-40B4-BE49-F238E27FC236}">
                <a16:creationId xmlns:a16="http://schemas.microsoft.com/office/drawing/2014/main" id="{BD5A0C6B-8A54-28EA-838E-B2F024A11D1A}"/>
              </a:ext>
            </a:extLst>
          </p:cNvPr>
          <p:cNvPicPr>
            <a:picLocks noChangeAspect="1"/>
          </p:cNvPicPr>
          <p:nvPr/>
        </p:nvPicPr>
        <p:blipFill>
          <a:blip r:embed="rId3"/>
          <a:srcRect l="93" t="19485" r="248" b="28795"/>
          <a:stretch/>
        </p:blipFill>
        <p:spPr>
          <a:xfrm>
            <a:off x="0" y="0"/>
            <a:ext cx="12203291" cy="2111022"/>
          </a:xfrm>
          <a:prstGeom prst="rect">
            <a:avLst/>
          </a:prstGeom>
        </p:spPr>
      </p:pic>
      <p:sp>
        <p:nvSpPr>
          <p:cNvPr id="2" name="Title 1">
            <a:extLst>
              <a:ext uri="{FF2B5EF4-FFF2-40B4-BE49-F238E27FC236}">
                <a16:creationId xmlns:a16="http://schemas.microsoft.com/office/drawing/2014/main" id="{71929B62-09FA-1274-C379-37F9563A1D95}"/>
              </a:ext>
            </a:extLst>
          </p:cNvPr>
          <p:cNvSpPr>
            <a:spLocks noGrp="1"/>
          </p:cNvSpPr>
          <p:nvPr>
            <p:ph type="title"/>
          </p:nvPr>
        </p:nvSpPr>
        <p:spPr/>
        <p:txBody>
          <a:bodyPr/>
          <a:lstStyle/>
          <a:p>
            <a:r>
              <a:rPr lang="en-IN" dirty="0"/>
              <a:t>Learning Consultant </a:t>
            </a:r>
            <a:r>
              <a:rPr lang="en-US" dirty="0"/>
              <a:t>Rate Card</a:t>
            </a:r>
            <a:endParaRPr lang="en-IN" dirty="0"/>
          </a:p>
        </p:txBody>
      </p:sp>
      <p:sp>
        <p:nvSpPr>
          <p:cNvPr id="44" name="Rounded Rectangle 11">
            <a:extLst>
              <a:ext uri="{FF2B5EF4-FFF2-40B4-BE49-F238E27FC236}">
                <a16:creationId xmlns:a16="http://schemas.microsoft.com/office/drawing/2014/main" id="{70449C66-2878-422A-D7C2-63BA5D92C94B}"/>
              </a:ext>
            </a:extLst>
          </p:cNvPr>
          <p:cNvSpPr/>
          <p:nvPr/>
        </p:nvSpPr>
        <p:spPr>
          <a:xfrm>
            <a:off x="548640" y="2661308"/>
            <a:ext cx="4998777" cy="3515990"/>
          </a:xfrm>
          <a:prstGeom prst="roundRect">
            <a:avLst>
              <a:gd name="adj" fmla="val 1231"/>
            </a:avLst>
          </a:prstGeom>
          <a:solidFill>
            <a:schemeClr val="bg1"/>
          </a:solidFill>
          <a:ln>
            <a:noFill/>
          </a:ln>
          <a:effectLst>
            <a:outerShdw blurRad="38100" dist="12700" dir="5400000" algn="t"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45" name="Straight Connector 44">
            <a:extLst>
              <a:ext uri="{FF2B5EF4-FFF2-40B4-BE49-F238E27FC236}">
                <a16:creationId xmlns:a16="http://schemas.microsoft.com/office/drawing/2014/main" id="{C6BAB311-CBA3-AB90-B39A-A8D6B2C6B1CE}"/>
              </a:ext>
            </a:extLst>
          </p:cNvPr>
          <p:cNvCxnSpPr/>
          <p:nvPr/>
        </p:nvCxnSpPr>
        <p:spPr>
          <a:xfrm>
            <a:off x="758679" y="2661308"/>
            <a:ext cx="0" cy="609522"/>
          </a:xfrm>
          <a:prstGeom prst="line">
            <a:avLst/>
          </a:prstGeom>
          <a:ln w="25400">
            <a:solidFill>
              <a:schemeClr val="tx1">
                <a:alpha val="10000"/>
              </a:schemeClr>
            </a:solidFill>
          </a:ln>
        </p:spPr>
        <p:style>
          <a:lnRef idx="1">
            <a:schemeClr val="accent1"/>
          </a:lnRef>
          <a:fillRef idx="0">
            <a:schemeClr val="accent1"/>
          </a:fillRef>
          <a:effectRef idx="0">
            <a:schemeClr val="accent1"/>
          </a:effectRef>
          <a:fontRef idx="minor">
            <a:schemeClr val="tx1"/>
          </a:fontRef>
        </p:style>
      </p:cxnSp>
      <p:sp>
        <p:nvSpPr>
          <p:cNvPr id="46" name="TextBox 45">
            <a:extLst>
              <a:ext uri="{FF2B5EF4-FFF2-40B4-BE49-F238E27FC236}">
                <a16:creationId xmlns:a16="http://schemas.microsoft.com/office/drawing/2014/main" id="{5FD623CC-517A-E2D8-4E15-BCEFA7C626ED}"/>
              </a:ext>
            </a:extLst>
          </p:cNvPr>
          <p:cNvSpPr txBox="1"/>
          <p:nvPr/>
        </p:nvSpPr>
        <p:spPr>
          <a:xfrm>
            <a:off x="842078" y="3430698"/>
            <a:ext cx="4259851" cy="1623521"/>
          </a:xfrm>
          <a:prstGeom prst="rect">
            <a:avLst/>
          </a:prstGeom>
          <a:noFill/>
        </p:spPr>
        <p:txBody>
          <a:bodyPr wrap="square">
            <a:spAutoFit/>
          </a:bodyPr>
          <a:lstStyle/>
          <a:p>
            <a:pPr marL="0" marR="0">
              <a:spcAft>
                <a:spcPts val="600"/>
              </a:spcAft>
            </a:pPr>
            <a:r>
              <a:rPr lang="en-US" sz="1050" dirty="0">
                <a:solidFill>
                  <a:srgbClr val="4D4D4D"/>
                </a:solidFill>
                <a:effectLst/>
                <a:latin typeface="Roboto" panose="02000000000000000000" pitchFamily="2" charset="0"/>
                <a:ea typeface="Times New Roman" panose="02020603050405020304" pitchFamily="18" charset="0"/>
                <a:cs typeface="ATT Aleck Sans" panose="020B0503020203020204"/>
              </a:rPr>
              <a:t>Aptara places expert consultants with our clients on a flexible timeline or a dedicated basis, allowing organizations to expand their teams’ skills and support without the expense of adding permanent headcount.</a:t>
            </a:r>
            <a:endParaRPr lang="en-US" sz="1100" dirty="0">
              <a:effectLst/>
              <a:latin typeface="Times New Roman" panose="02020603050405020304" pitchFamily="18" charset="0"/>
              <a:ea typeface="Times New Roman" panose="02020603050405020304" pitchFamily="18" charset="0"/>
            </a:endParaRPr>
          </a:p>
          <a:p>
            <a:pPr marL="0" marR="0">
              <a:spcAft>
                <a:spcPts val="600"/>
              </a:spcAft>
            </a:pPr>
            <a:r>
              <a:rPr lang="en-US" sz="1050" dirty="0">
                <a:solidFill>
                  <a:srgbClr val="4D4D4D"/>
                </a:solidFill>
                <a:effectLst/>
                <a:latin typeface="Roboto" panose="02000000000000000000" pitchFamily="2" charset="0"/>
                <a:ea typeface="Times New Roman" panose="02020603050405020304" pitchFamily="18" charset="0"/>
                <a:cs typeface="ATT Aleck Sans" panose="020B0503020203020204"/>
              </a:rPr>
              <a:t>Aptara provides consultants with a cross-cultural training and multilingual capabilities. Our consultants work closely with you on a variety of requirements from process transformation, CX support, and helpdesk for systems administration and maintenance. Our teams help bridge the cultural gap and boost your training initiatives.</a:t>
            </a:r>
            <a:endParaRPr lang="en-US" sz="1100" dirty="0">
              <a:effectLst/>
              <a:latin typeface="Times New Roman" panose="02020603050405020304" pitchFamily="18" charset="0"/>
              <a:ea typeface="Times New Roman" panose="02020603050405020304" pitchFamily="18" charset="0"/>
            </a:endParaRPr>
          </a:p>
        </p:txBody>
      </p:sp>
      <p:sp>
        <p:nvSpPr>
          <p:cNvPr id="47" name="TextBox 46">
            <a:extLst>
              <a:ext uri="{FF2B5EF4-FFF2-40B4-BE49-F238E27FC236}">
                <a16:creationId xmlns:a16="http://schemas.microsoft.com/office/drawing/2014/main" id="{06186306-7A02-6629-DFF4-855AEDF5E6F2}"/>
              </a:ext>
            </a:extLst>
          </p:cNvPr>
          <p:cNvSpPr txBox="1"/>
          <p:nvPr/>
        </p:nvSpPr>
        <p:spPr>
          <a:xfrm>
            <a:off x="842078" y="3015737"/>
            <a:ext cx="4621941" cy="307777"/>
          </a:xfrm>
          <a:prstGeom prst="rect">
            <a:avLst/>
          </a:prstGeom>
          <a:noFill/>
        </p:spPr>
        <p:txBody>
          <a:bodyPr wrap="square">
            <a:spAutoFit/>
          </a:bodyPr>
          <a:lstStyle/>
          <a:p>
            <a:pPr lvl="0"/>
            <a:r>
              <a:rPr lang="en-US" sz="1400" dirty="0">
                <a:solidFill>
                  <a:srgbClr val="4D4D4D"/>
                </a:solidFill>
                <a:effectLst/>
                <a:latin typeface="Roboto" panose="02000000000000000000" pitchFamily="2" charset="0"/>
                <a:ea typeface="Times New Roman" panose="02020603050405020304" pitchFamily="18" charset="0"/>
                <a:cs typeface="ATT Aleck Sans" panose="020B0503020203020204"/>
              </a:rPr>
              <a:t>Aptara LC</a:t>
            </a:r>
            <a:endParaRPr lang="en-US" sz="1400" b="1" dirty="0">
              <a:latin typeface="Roboto" panose="02000000000000000000" pitchFamily="2" charset="0"/>
              <a:ea typeface="Roboto" panose="02000000000000000000" pitchFamily="2" charset="0"/>
              <a:cs typeface="Roboto" panose="02000000000000000000" pitchFamily="2" charset="0"/>
            </a:endParaRPr>
          </a:p>
        </p:txBody>
      </p:sp>
      <p:graphicFrame>
        <p:nvGraphicFramePr>
          <p:cNvPr id="48" name="Table 33">
            <a:extLst>
              <a:ext uri="{FF2B5EF4-FFF2-40B4-BE49-F238E27FC236}">
                <a16:creationId xmlns:a16="http://schemas.microsoft.com/office/drawing/2014/main" id="{7D1222DC-0DA8-A4EA-A6A3-911A0D059FCE}"/>
              </a:ext>
            </a:extLst>
          </p:cNvPr>
          <p:cNvGraphicFramePr>
            <a:graphicFrameLocks noGrp="1"/>
          </p:cNvGraphicFramePr>
          <p:nvPr>
            <p:extLst>
              <p:ext uri="{D42A27DB-BD31-4B8C-83A1-F6EECF244321}">
                <p14:modId xmlns:p14="http://schemas.microsoft.com/office/powerpoint/2010/main" val="1852053882"/>
              </p:ext>
            </p:extLst>
          </p:nvPr>
        </p:nvGraphicFramePr>
        <p:xfrm>
          <a:off x="548640" y="6141123"/>
          <a:ext cx="4998777" cy="54534"/>
        </p:xfrm>
        <a:graphic>
          <a:graphicData uri="http://schemas.openxmlformats.org/drawingml/2006/table">
            <a:tbl>
              <a:tblPr firstRow="1" bandRow="1">
                <a:tableStyleId>{5C22544A-7EE6-4342-B048-85BDC9FD1C3A}</a:tableStyleId>
              </a:tblPr>
              <a:tblGrid>
                <a:gridCol w="714111">
                  <a:extLst>
                    <a:ext uri="{9D8B030D-6E8A-4147-A177-3AD203B41FA5}">
                      <a16:colId xmlns:a16="http://schemas.microsoft.com/office/drawing/2014/main" val="1423692743"/>
                    </a:ext>
                  </a:extLst>
                </a:gridCol>
                <a:gridCol w="714111">
                  <a:extLst>
                    <a:ext uri="{9D8B030D-6E8A-4147-A177-3AD203B41FA5}">
                      <a16:colId xmlns:a16="http://schemas.microsoft.com/office/drawing/2014/main" val="1692161566"/>
                    </a:ext>
                  </a:extLst>
                </a:gridCol>
                <a:gridCol w="714111">
                  <a:extLst>
                    <a:ext uri="{9D8B030D-6E8A-4147-A177-3AD203B41FA5}">
                      <a16:colId xmlns:a16="http://schemas.microsoft.com/office/drawing/2014/main" val="281665169"/>
                    </a:ext>
                  </a:extLst>
                </a:gridCol>
                <a:gridCol w="714111">
                  <a:extLst>
                    <a:ext uri="{9D8B030D-6E8A-4147-A177-3AD203B41FA5}">
                      <a16:colId xmlns:a16="http://schemas.microsoft.com/office/drawing/2014/main" val="3619462369"/>
                    </a:ext>
                  </a:extLst>
                </a:gridCol>
                <a:gridCol w="714111">
                  <a:extLst>
                    <a:ext uri="{9D8B030D-6E8A-4147-A177-3AD203B41FA5}">
                      <a16:colId xmlns:a16="http://schemas.microsoft.com/office/drawing/2014/main" val="3039608560"/>
                    </a:ext>
                  </a:extLst>
                </a:gridCol>
                <a:gridCol w="714111">
                  <a:extLst>
                    <a:ext uri="{9D8B030D-6E8A-4147-A177-3AD203B41FA5}">
                      <a16:colId xmlns:a16="http://schemas.microsoft.com/office/drawing/2014/main" val="2187291478"/>
                    </a:ext>
                  </a:extLst>
                </a:gridCol>
                <a:gridCol w="714111">
                  <a:extLst>
                    <a:ext uri="{9D8B030D-6E8A-4147-A177-3AD203B41FA5}">
                      <a16:colId xmlns:a16="http://schemas.microsoft.com/office/drawing/2014/main" val="324529852"/>
                    </a:ext>
                  </a:extLst>
                </a:gridCol>
              </a:tblGrid>
              <a:tr h="0">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314BA1"/>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48609C"/>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7F4F99"/>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5D5B8D"/>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27B6F"/>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03879C"/>
                    </a:solidFill>
                  </a:tcPr>
                </a:tc>
                <a:tc>
                  <a:txBody>
                    <a:bodyPr/>
                    <a:lstStyle/>
                    <a:p>
                      <a:endParaRPr lang="en-IN" sz="100"/>
                    </a:p>
                  </a:txBody>
                  <a:tcPr marT="14567" marB="14567">
                    <a:lnL w="12700" cmpd="sng">
                      <a:noFill/>
                    </a:lnL>
                    <a:lnR w="12700" cmpd="sng">
                      <a:noFill/>
                    </a:lnR>
                    <a:lnT w="12700" cmpd="sng">
                      <a:noFill/>
                    </a:lnT>
                    <a:lnB w="38100" cmpd="sng">
                      <a:noFill/>
                    </a:lnB>
                    <a:lnTlToBr w="12700" cmpd="sng">
                      <a:noFill/>
                      <a:prstDash val="solid"/>
                    </a:lnTlToBr>
                    <a:lnBlToTr w="12700" cmpd="sng">
                      <a:noFill/>
                      <a:prstDash val="solid"/>
                    </a:lnBlToTr>
                    <a:solidFill>
                      <a:srgbClr val="929DB3"/>
                    </a:solidFill>
                  </a:tcPr>
                </a:tc>
                <a:extLst>
                  <a:ext uri="{0D108BD9-81ED-4DB2-BD59-A6C34878D82A}">
                    <a16:rowId xmlns:a16="http://schemas.microsoft.com/office/drawing/2014/main" val="839580262"/>
                  </a:ext>
                </a:extLst>
              </a:tr>
            </a:tbl>
          </a:graphicData>
        </a:graphic>
      </p:graphicFrame>
      <p:cxnSp>
        <p:nvCxnSpPr>
          <p:cNvPr id="3" name="Straight Connector 2">
            <a:extLst>
              <a:ext uri="{FF2B5EF4-FFF2-40B4-BE49-F238E27FC236}">
                <a16:creationId xmlns:a16="http://schemas.microsoft.com/office/drawing/2014/main" id="{D27A236F-11FC-BA42-FCA8-E36A17AFEE89}"/>
              </a:ext>
            </a:extLst>
          </p:cNvPr>
          <p:cNvCxnSpPr>
            <a:cxnSpLocks/>
          </p:cNvCxnSpPr>
          <p:nvPr/>
        </p:nvCxnSpPr>
        <p:spPr>
          <a:xfrm>
            <a:off x="548640" y="914400"/>
            <a:ext cx="894080" cy="0"/>
          </a:xfrm>
          <a:prstGeom prst="line">
            <a:avLst/>
          </a:prstGeom>
          <a:ln w="38100">
            <a:solidFill>
              <a:srgbClr val="0085BE"/>
            </a:solidFill>
          </a:ln>
        </p:spPr>
        <p:style>
          <a:lnRef idx="2">
            <a:schemeClr val="accent1"/>
          </a:lnRef>
          <a:fillRef idx="0">
            <a:schemeClr val="accent1"/>
          </a:fillRef>
          <a:effectRef idx="1">
            <a:schemeClr val="accent1"/>
          </a:effectRef>
          <a:fontRef idx="minor">
            <a:schemeClr val="tx1"/>
          </a:fontRef>
        </p:style>
      </p:cxnSp>
      <p:graphicFrame>
        <p:nvGraphicFramePr>
          <p:cNvPr id="4" name="Table 3">
            <a:extLst>
              <a:ext uri="{FF2B5EF4-FFF2-40B4-BE49-F238E27FC236}">
                <a16:creationId xmlns:a16="http://schemas.microsoft.com/office/drawing/2014/main" id="{240328BD-71D9-926B-841D-A303D131648F}"/>
              </a:ext>
            </a:extLst>
          </p:cNvPr>
          <p:cNvGraphicFramePr>
            <a:graphicFrameLocks noGrp="1"/>
          </p:cNvGraphicFramePr>
          <p:nvPr>
            <p:extLst>
              <p:ext uri="{D42A27DB-BD31-4B8C-83A1-F6EECF244321}">
                <p14:modId xmlns:p14="http://schemas.microsoft.com/office/powerpoint/2010/main" val="2742895089"/>
              </p:ext>
            </p:extLst>
          </p:nvPr>
        </p:nvGraphicFramePr>
        <p:xfrm>
          <a:off x="6095998" y="2661308"/>
          <a:ext cx="5538866" cy="1465766"/>
        </p:xfrm>
        <a:graphic>
          <a:graphicData uri="http://schemas.openxmlformats.org/drawingml/2006/table">
            <a:tbl>
              <a:tblPr firstRow="1" firstCol="1" bandRow="1">
                <a:tableStyleId>{5C22544A-7EE6-4342-B048-85BDC9FD1C3A}</a:tableStyleId>
              </a:tblPr>
              <a:tblGrid>
                <a:gridCol w="2601688">
                  <a:extLst>
                    <a:ext uri="{9D8B030D-6E8A-4147-A177-3AD203B41FA5}">
                      <a16:colId xmlns:a16="http://schemas.microsoft.com/office/drawing/2014/main" val="3527429210"/>
                    </a:ext>
                  </a:extLst>
                </a:gridCol>
                <a:gridCol w="1458685">
                  <a:extLst>
                    <a:ext uri="{9D8B030D-6E8A-4147-A177-3AD203B41FA5}">
                      <a16:colId xmlns:a16="http://schemas.microsoft.com/office/drawing/2014/main" val="1176512719"/>
                    </a:ext>
                  </a:extLst>
                </a:gridCol>
                <a:gridCol w="1478493">
                  <a:extLst>
                    <a:ext uri="{9D8B030D-6E8A-4147-A177-3AD203B41FA5}">
                      <a16:colId xmlns:a16="http://schemas.microsoft.com/office/drawing/2014/main" val="4103665579"/>
                    </a:ext>
                  </a:extLst>
                </a:gridCol>
              </a:tblGrid>
              <a:tr h="313961">
                <a:tc>
                  <a:txBody>
                    <a:bodyPr/>
                    <a:lstStyle/>
                    <a:p>
                      <a:pPr marL="0" marR="0" algn="ctr"/>
                      <a:r>
                        <a:rPr lang="en-US" sz="1000" dirty="0">
                          <a:effectLst/>
                          <a:latin typeface="Roboto" panose="02000000000000000000" pitchFamily="2" charset="0"/>
                          <a:ea typeface="Roboto" panose="02000000000000000000" pitchFamily="2" charset="0"/>
                        </a:rPr>
                        <a:t>Role</a:t>
                      </a:r>
                    </a:p>
                  </a:txBody>
                  <a:tcPr marL="68580" marR="68580" marT="8890" marB="8890" anchor="ctr"/>
                </a:tc>
                <a:tc>
                  <a:txBody>
                    <a:bodyPr/>
                    <a:lstStyle/>
                    <a:p>
                      <a:pPr marL="0" marR="0" algn="ctr"/>
                      <a:r>
                        <a:rPr lang="en-US" sz="1000" dirty="0">
                          <a:effectLst/>
                          <a:latin typeface="Roboto" panose="02000000000000000000" pitchFamily="2" charset="0"/>
                          <a:ea typeface="Roboto" panose="02000000000000000000" pitchFamily="2" charset="0"/>
                        </a:rPr>
                        <a:t>Location</a:t>
                      </a:r>
                    </a:p>
                  </a:txBody>
                  <a:tcPr marL="68580" marR="68580" marT="8890" marB="8890" anchor="ctr"/>
                </a:tc>
                <a:tc>
                  <a:txBody>
                    <a:bodyPr/>
                    <a:lstStyle/>
                    <a:p>
                      <a:pPr marL="0" marR="0" algn="ctr"/>
                      <a:r>
                        <a:rPr lang="en-US" sz="1000" dirty="0">
                          <a:effectLst/>
                          <a:latin typeface="Roboto" panose="02000000000000000000" pitchFamily="2" charset="0"/>
                          <a:ea typeface="Roboto" panose="02000000000000000000" pitchFamily="2" charset="0"/>
                        </a:rPr>
                        <a:t>Rates in USD / Hour</a:t>
                      </a:r>
                    </a:p>
                  </a:txBody>
                  <a:tcPr marL="68580" marR="68580" marT="8890" marB="8890" anchor="ctr"/>
                </a:tc>
                <a:extLst>
                  <a:ext uri="{0D108BD9-81ED-4DB2-BD59-A6C34878D82A}">
                    <a16:rowId xmlns:a16="http://schemas.microsoft.com/office/drawing/2014/main" val="3297828777"/>
                  </a:ext>
                </a:extLst>
              </a:tr>
              <a:tr h="529931">
                <a:tc>
                  <a:txBody>
                    <a:bodyPr/>
                    <a:lstStyle/>
                    <a:p>
                      <a:pPr marL="0" marR="0"/>
                      <a:r>
                        <a:rPr lang="en-US" sz="1000" dirty="0">
                          <a:effectLst/>
                          <a:latin typeface="Roboto" panose="02000000000000000000" pitchFamily="2" charset="0"/>
                          <a:ea typeface="Roboto" panose="02000000000000000000" pitchFamily="2" charset="0"/>
                        </a:rPr>
                        <a:t>Learning Program Manager</a:t>
                      </a:r>
                    </a:p>
                  </a:txBody>
                  <a:tcPr marL="68580" marR="68580" marT="8890" marB="8890" anchor="ctr">
                    <a:solidFill>
                      <a:srgbClr val="229ED9"/>
                    </a:solidFill>
                  </a:tcPr>
                </a:tc>
                <a:tc>
                  <a:txBody>
                    <a:bodyPr/>
                    <a:lstStyle/>
                    <a:p>
                      <a:pPr marL="0" marR="0" algn="ctr"/>
                      <a:r>
                        <a:rPr lang="en-US" sz="1000" dirty="0">
                          <a:effectLst/>
                          <a:latin typeface="Roboto" panose="02000000000000000000" pitchFamily="2" charset="0"/>
                          <a:ea typeface="Roboto" panose="02000000000000000000" pitchFamily="2" charset="0"/>
                        </a:rPr>
                        <a:t>US</a:t>
                      </a:r>
                    </a:p>
                  </a:txBody>
                  <a:tcPr marL="68580" marR="68580" marT="8890" marB="8890" anchor="ctr">
                    <a:solidFill>
                      <a:srgbClr val="D0ECF4"/>
                    </a:solidFill>
                  </a:tcPr>
                </a:tc>
                <a:tc>
                  <a:txBody>
                    <a:bodyPr/>
                    <a:lstStyle/>
                    <a:p>
                      <a:pPr marL="0" marR="0" algn="ctr"/>
                      <a:r>
                        <a:rPr lang="en-US" sz="1000" dirty="0">
                          <a:effectLst/>
                          <a:latin typeface="Roboto" panose="02000000000000000000" pitchFamily="2" charset="0"/>
                          <a:ea typeface="Roboto" panose="02000000000000000000" pitchFamily="2" charset="0"/>
                        </a:rPr>
                        <a:t>$90</a:t>
                      </a:r>
                    </a:p>
                  </a:txBody>
                  <a:tcPr marL="68580" marR="68580" marT="8890" marB="8890" anchor="ctr">
                    <a:solidFill>
                      <a:srgbClr val="D0ECF4"/>
                    </a:solidFill>
                  </a:tcPr>
                </a:tc>
                <a:extLst>
                  <a:ext uri="{0D108BD9-81ED-4DB2-BD59-A6C34878D82A}">
                    <a16:rowId xmlns:a16="http://schemas.microsoft.com/office/drawing/2014/main" val="4186173558"/>
                  </a:ext>
                </a:extLst>
              </a:tr>
              <a:tr h="621874">
                <a:tc>
                  <a:txBody>
                    <a:bodyPr/>
                    <a:lstStyle/>
                    <a:p>
                      <a:pPr marL="0" marR="0"/>
                      <a:r>
                        <a:rPr lang="en-US" sz="1000" dirty="0">
                          <a:effectLst/>
                          <a:latin typeface="Roboto" panose="02000000000000000000" pitchFamily="2" charset="0"/>
                          <a:ea typeface="Roboto" panose="02000000000000000000" pitchFamily="2" charset="0"/>
                        </a:rPr>
                        <a:t>Learning Consultant with ID Background</a:t>
                      </a:r>
                    </a:p>
                  </a:txBody>
                  <a:tcPr marL="68580" marR="68580" marT="8890" marB="8890" anchor="ctr">
                    <a:solidFill>
                      <a:srgbClr val="229ED9"/>
                    </a:solidFill>
                  </a:tcPr>
                </a:tc>
                <a:tc>
                  <a:txBody>
                    <a:bodyPr/>
                    <a:lstStyle/>
                    <a:p>
                      <a:pPr marL="0" marR="0" algn="ctr"/>
                      <a:r>
                        <a:rPr lang="en-US" sz="1000" dirty="0">
                          <a:effectLst/>
                          <a:latin typeface="Roboto" panose="02000000000000000000" pitchFamily="2" charset="0"/>
                          <a:ea typeface="Roboto" panose="02000000000000000000" pitchFamily="2" charset="0"/>
                        </a:rPr>
                        <a:t>US</a:t>
                      </a:r>
                    </a:p>
                  </a:txBody>
                  <a:tcPr marL="68580" marR="68580" marT="8890" marB="8890" anchor="ctr">
                    <a:solidFill>
                      <a:srgbClr val="E3F4F9"/>
                    </a:solidFill>
                  </a:tcPr>
                </a:tc>
                <a:tc>
                  <a:txBody>
                    <a:bodyPr/>
                    <a:lstStyle/>
                    <a:p>
                      <a:pPr marL="0" marR="0" algn="ctr"/>
                      <a:r>
                        <a:rPr lang="en-US" sz="1000" dirty="0">
                          <a:effectLst/>
                          <a:latin typeface="Roboto" panose="02000000000000000000" pitchFamily="2" charset="0"/>
                          <a:ea typeface="Roboto" panose="02000000000000000000" pitchFamily="2" charset="0"/>
                        </a:rPr>
                        <a:t>$95</a:t>
                      </a:r>
                    </a:p>
                  </a:txBody>
                  <a:tcPr marL="68580" marR="68580" marT="8890" marB="8890" anchor="ctr">
                    <a:solidFill>
                      <a:srgbClr val="E3F4F9"/>
                    </a:solidFill>
                  </a:tcPr>
                </a:tc>
                <a:extLst>
                  <a:ext uri="{0D108BD9-81ED-4DB2-BD59-A6C34878D82A}">
                    <a16:rowId xmlns:a16="http://schemas.microsoft.com/office/drawing/2014/main" val="1489875762"/>
                  </a:ext>
                </a:extLst>
              </a:tr>
            </a:tbl>
          </a:graphicData>
        </a:graphic>
      </p:graphicFrame>
    </p:spTree>
    <p:extLst>
      <p:ext uri="{BB962C8B-B14F-4D97-AF65-F5344CB8AC3E}">
        <p14:creationId xmlns:p14="http://schemas.microsoft.com/office/powerpoint/2010/main" val="1261072254"/>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8AC749E4-94E9-23F9-BC9E-F98E01ED23A6}"/>
              </a:ext>
            </a:extLst>
          </p:cNvPr>
          <p:cNvSpPr/>
          <p:nvPr/>
        </p:nvSpPr>
        <p:spPr>
          <a:xfrm>
            <a:off x="0" y="0"/>
            <a:ext cx="12192000" cy="6858000"/>
          </a:xfrm>
          <a:prstGeom prst="rect">
            <a:avLst/>
          </a:prstGeom>
          <a:gradFill>
            <a:gsLst>
              <a:gs pos="0">
                <a:srgbClr val="00266D"/>
              </a:gs>
              <a:gs pos="70000">
                <a:srgbClr val="013888"/>
              </a:gs>
            </a:gsLst>
            <a:lin ang="126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0" name="Oval 29">
            <a:extLst>
              <a:ext uri="{FF2B5EF4-FFF2-40B4-BE49-F238E27FC236}">
                <a16:creationId xmlns:a16="http://schemas.microsoft.com/office/drawing/2014/main" id="{84224AD0-2847-5B16-6E3A-E29EBD434678}"/>
              </a:ext>
            </a:extLst>
          </p:cNvPr>
          <p:cNvSpPr/>
          <p:nvPr/>
        </p:nvSpPr>
        <p:spPr>
          <a:xfrm>
            <a:off x="4555560" y="1686609"/>
            <a:ext cx="266714" cy="658001"/>
          </a:xfrm>
          <a:prstGeom prst="ellipse">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3" name="Picture 2" descr="Graphical user interface&#10;&#10;Description automatically generated">
            <a:extLst>
              <a:ext uri="{FF2B5EF4-FFF2-40B4-BE49-F238E27FC236}">
                <a16:creationId xmlns:a16="http://schemas.microsoft.com/office/drawing/2014/main" id="{8BE4A35F-5A40-D19D-358A-7C52530BF4AA}"/>
              </a:ext>
            </a:extLst>
          </p:cNvPr>
          <p:cNvPicPr>
            <a:picLocks noChangeAspect="1"/>
          </p:cNvPicPr>
          <p:nvPr/>
        </p:nvPicPr>
        <p:blipFill rotWithShape="1">
          <a:blip r:embed="rId3" cstate="screen">
            <a:alphaModFix amt="50000"/>
            <a:duotone>
              <a:schemeClr val="accent1">
                <a:shade val="45000"/>
                <a:satMod val="135000"/>
              </a:schemeClr>
              <a:prstClr val="white"/>
            </a:duotone>
            <a:extLst>
              <a:ext uri="{28A0092B-C50C-407E-A947-70E740481C1C}">
                <a14:useLocalDpi xmlns:a14="http://schemas.microsoft.com/office/drawing/2010/main" val="0"/>
              </a:ext>
            </a:extLst>
          </a:blip>
          <a:srcRect/>
          <a:stretch/>
        </p:blipFill>
        <p:spPr>
          <a:xfrm>
            <a:off x="11955" y="2842858"/>
            <a:ext cx="2539855" cy="1039183"/>
          </a:xfrm>
          <a:prstGeom prst="rect">
            <a:avLst/>
          </a:prstGeom>
        </p:spPr>
      </p:pic>
      <p:sp>
        <p:nvSpPr>
          <p:cNvPr id="57" name="Rectangle: Rounded Corners 56">
            <a:extLst>
              <a:ext uri="{FF2B5EF4-FFF2-40B4-BE49-F238E27FC236}">
                <a16:creationId xmlns:a16="http://schemas.microsoft.com/office/drawing/2014/main" id="{F0A13E65-B174-DCCD-1403-CA087FB19452}"/>
              </a:ext>
            </a:extLst>
          </p:cNvPr>
          <p:cNvSpPr/>
          <p:nvPr/>
        </p:nvSpPr>
        <p:spPr>
          <a:xfrm>
            <a:off x="11203009" y="1398097"/>
            <a:ext cx="988991" cy="946046"/>
          </a:xfrm>
          <a:prstGeom prst="roundRect">
            <a:avLst>
              <a:gd name="adj" fmla="val 0"/>
            </a:avLst>
          </a:prstGeom>
          <a:solidFill>
            <a:srgbClr val="FEBC2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9" name="Rectangle: Rounded Corners 58">
            <a:extLst>
              <a:ext uri="{FF2B5EF4-FFF2-40B4-BE49-F238E27FC236}">
                <a16:creationId xmlns:a16="http://schemas.microsoft.com/office/drawing/2014/main" id="{59698252-890F-B8EE-434F-0AF3895DC0CA}"/>
              </a:ext>
            </a:extLst>
          </p:cNvPr>
          <p:cNvSpPr/>
          <p:nvPr/>
        </p:nvSpPr>
        <p:spPr>
          <a:xfrm>
            <a:off x="9998746" y="1389443"/>
            <a:ext cx="2165261" cy="1902845"/>
          </a:xfrm>
          <a:prstGeom prst="roundRect">
            <a:avLst>
              <a:gd name="adj" fmla="val 23698"/>
            </a:avLst>
          </a:prstGeom>
          <a:solidFill>
            <a:srgbClr val="FEBC2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nvGrpSpPr>
          <p:cNvPr id="5" name="Group 4">
            <a:extLst>
              <a:ext uri="{FF2B5EF4-FFF2-40B4-BE49-F238E27FC236}">
                <a16:creationId xmlns:a16="http://schemas.microsoft.com/office/drawing/2014/main" id="{4BEE7115-D651-DD0E-1838-8E680DAED02E}"/>
              </a:ext>
            </a:extLst>
          </p:cNvPr>
          <p:cNvGrpSpPr/>
          <p:nvPr/>
        </p:nvGrpSpPr>
        <p:grpSpPr>
          <a:xfrm>
            <a:off x="0" y="1185590"/>
            <a:ext cx="12192829" cy="5683379"/>
            <a:chOff x="0" y="1185590"/>
            <a:chExt cx="12192829" cy="5683379"/>
          </a:xfrm>
        </p:grpSpPr>
        <p:sp>
          <p:nvSpPr>
            <p:cNvPr id="10" name="Rectangle: Rounded Corners 9">
              <a:extLst>
                <a:ext uri="{FF2B5EF4-FFF2-40B4-BE49-F238E27FC236}">
                  <a16:creationId xmlns:a16="http://schemas.microsoft.com/office/drawing/2014/main" id="{7391FE06-C22C-4B45-A8DD-A7324433F27F}"/>
                </a:ext>
              </a:extLst>
            </p:cNvPr>
            <p:cNvSpPr/>
            <p:nvPr/>
          </p:nvSpPr>
          <p:spPr>
            <a:xfrm>
              <a:off x="2770926" y="4309552"/>
              <a:ext cx="2433620" cy="2559417"/>
            </a:xfrm>
            <a:prstGeom prst="roundRect">
              <a:avLst>
                <a:gd name="adj" fmla="val 0"/>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6" name="Rectangle: Rounded Corners 15">
              <a:extLst>
                <a:ext uri="{FF2B5EF4-FFF2-40B4-BE49-F238E27FC236}">
                  <a16:creationId xmlns:a16="http://schemas.microsoft.com/office/drawing/2014/main" id="{4A363D9D-B44E-0959-34E0-15C30018A1B9}"/>
                </a:ext>
              </a:extLst>
            </p:cNvPr>
            <p:cNvSpPr/>
            <p:nvPr/>
          </p:nvSpPr>
          <p:spPr>
            <a:xfrm>
              <a:off x="0" y="3769210"/>
              <a:ext cx="2893958" cy="157117"/>
            </a:xfrm>
            <a:prstGeom prst="roundRect">
              <a:avLst>
                <a:gd name="adj" fmla="val 0"/>
              </a:avLst>
            </a:prstGeom>
            <a:solidFill>
              <a:srgbClr val="FEBC2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3" name="Rectangle: Rounded Corners 32">
              <a:extLst>
                <a:ext uri="{FF2B5EF4-FFF2-40B4-BE49-F238E27FC236}">
                  <a16:creationId xmlns:a16="http://schemas.microsoft.com/office/drawing/2014/main" id="{3A2173AC-0B38-6FA0-691A-33BF73816D0B}"/>
                </a:ext>
              </a:extLst>
            </p:cNvPr>
            <p:cNvSpPr/>
            <p:nvPr/>
          </p:nvSpPr>
          <p:spPr>
            <a:xfrm>
              <a:off x="2157226" y="2338256"/>
              <a:ext cx="3630591" cy="2662160"/>
            </a:xfrm>
            <a:prstGeom prst="roundRect">
              <a:avLst>
                <a:gd name="adj" fmla="val 12115"/>
              </a:avLst>
            </a:prstGeom>
            <a:solidFill>
              <a:srgbClr val="FEBC2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51" name="Graphic 50">
              <a:extLst>
                <a:ext uri="{FF2B5EF4-FFF2-40B4-BE49-F238E27FC236}">
                  <a16:creationId xmlns:a16="http://schemas.microsoft.com/office/drawing/2014/main" id="{D7A30E44-9C1C-7029-4073-028922C8376E}"/>
                </a:ext>
              </a:extLst>
            </p:cNvPr>
            <p:cNvPicPr>
              <a:picLocks noChangeAspect="1"/>
            </p:cNvPicPr>
            <p:nvPr/>
          </p:nvPicPr>
          <p:blipFill>
            <a:blip r:embed="rId4" cstate="hqprint">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flipH="1">
              <a:off x="3453253" y="1185590"/>
              <a:ext cx="1517675" cy="1517675"/>
            </a:xfrm>
            <a:prstGeom prst="rect">
              <a:avLst/>
            </a:prstGeom>
          </p:spPr>
        </p:pic>
        <p:sp>
          <p:nvSpPr>
            <p:cNvPr id="60" name="Rectangle: Rounded Corners 59">
              <a:extLst>
                <a:ext uri="{FF2B5EF4-FFF2-40B4-BE49-F238E27FC236}">
                  <a16:creationId xmlns:a16="http://schemas.microsoft.com/office/drawing/2014/main" id="{052E6459-0FE4-22C2-4C68-98D2A0CBB2A1}"/>
                </a:ext>
              </a:extLst>
            </p:cNvPr>
            <p:cNvSpPr/>
            <p:nvPr/>
          </p:nvSpPr>
          <p:spPr>
            <a:xfrm>
              <a:off x="4820599" y="1641763"/>
              <a:ext cx="7371401" cy="234043"/>
            </a:xfrm>
            <a:prstGeom prst="roundRect">
              <a:avLst>
                <a:gd name="adj" fmla="val 0"/>
              </a:avLst>
            </a:prstGeom>
            <a:solidFill>
              <a:srgbClr val="FEBC2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776" name="Rectangle: Rounded Corners 3775">
              <a:extLst>
                <a:ext uri="{FF2B5EF4-FFF2-40B4-BE49-F238E27FC236}">
                  <a16:creationId xmlns:a16="http://schemas.microsoft.com/office/drawing/2014/main" id="{BB51E6A5-FE1F-57C2-4C2D-6DE6829AADE4}"/>
                </a:ext>
              </a:extLst>
            </p:cNvPr>
            <p:cNvSpPr/>
            <p:nvPr/>
          </p:nvSpPr>
          <p:spPr>
            <a:xfrm>
              <a:off x="10075540" y="1443180"/>
              <a:ext cx="2117289" cy="4275923"/>
            </a:xfrm>
            <a:prstGeom prst="roundRect">
              <a:avLst>
                <a:gd name="adj" fmla="val 20266"/>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777" name="Rectangle: Rounded Corners 3776">
              <a:extLst>
                <a:ext uri="{FF2B5EF4-FFF2-40B4-BE49-F238E27FC236}">
                  <a16:creationId xmlns:a16="http://schemas.microsoft.com/office/drawing/2014/main" id="{E2A79973-49C9-ACB6-F1E0-C85BAEB5C881}"/>
                </a:ext>
              </a:extLst>
            </p:cNvPr>
            <p:cNvSpPr/>
            <p:nvPr/>
          </p:nvSpPr>
          <p:spPr>
            <a:xfrm>
              <a:off x="0" y="3852092"/>
              <a:ext cx="2881938" cy="3005908"/>
            </a:xfrm>
            <a:prstGeom prst="roundRect">
              <a:avLst>
                <a:gd name="adj" fmla="val 0"/>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07" name="Rectangle: Rounded Corners 4006">
              <a:extLst>
                <a:ext uri="{FF2B5EF4-FFF2-40B4-BE49-F238E27FC236}">
                  <a16:creationId xmlns:a16="http://schemas.microsoft.com/office/drawing/2014/main" id="{4C858801-4503-5590-6017-5341F58FE612}"/>
                </a:ext>
              </a:extLst>
            </p:cNvPr>
            <p:cNvSpPr/>
            <p:nvPr/>
          </p:nvSpPr>
          <p:spPr>
            <a:xfrm>
              <a:off x="4497107" y="1703307"/>
              <a:ext cx="6397855" cy="4656442"/>
            </a:xfrm>
            <a:prstGeom prst="roundRect">
              <a:avLst>
                <a:gd name="adj" fmla="val 12082"/>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18" name="Rectangle 4017">
              <a:extLst>
                <a:ext uri="{FF2B5EF4-FFF2-40B4-BE49-F238E27FC236}">
                  <a16:creationId xmlns:a16="http://schemas.microsoft.com/office/drawing/2014/main" id="{DCA671B2-6C47-6937-EFE0-9EFDEF7DC777}"/>
                </a:ext>
              </a:extLst>
            </p:cNvPr>
            <p:cNvSpPr/>
            <p:nvPr/>
          </p:nvSpPr>
          <p:spPr>
            <a:xfrm>
              <a:off x="6173284" y="1709629"/>
              <a:ext cx="99547" cy="4002438"/>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19" name="Rectangle 4018">
              <a:extLst>
                <a:ext uri="{FF2B5EF4-FFF2-40B4-BE49-F238E27FC236}">
                  <a16:creationId xmlns:a16="http://schemas.microsoft.com/office/drawing/2014/main" id="{F8F36F1C-C225-0398-874D-CDB7A4A54784}"/>
                </a:ext>
              </a:extLst>
            </p:cNvPr>
            <p:cNvSpPr/>
            <p:nvPr/>
          </p:nvSpPr>
          <p:spPr>
            <a:xfrm>
              <a:off x="8045378" y="1709119"/>
              <a:ext cx="93193" cy="4482451"/>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21" name="Moon 4020">
              <a:extLst>
                <a:ext uri="{FF2B5EF4-FFF2-40B4-BE49-F238E27FC236}">
                  <a16:creationId xmlns:a16="http://schemas.microsoft.com/office/drawing/2014/main" id="{A06334EA-BF5F-087F-4B5F-FCC9495265BD}"/>
                </a:ext>
              </a:extLst>
            </p:cNvPr>
            <p:cNvSpPr/>
            <p:nvPr/>
          </p:nvSpPr>
          <p:spPr>
            <a:xfrm rot="3026178">
              <a:off x="5008880" y="6049078"/>
              <a:ext cx="516903" cy="587509"/>
            </a:xfrm>
            <a:prstGeom prst="moon">
              <a:avLst>
                <a:gd name="adj" fmla="val 72259"/>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68" name="Rectangle 4067">
              <a:extLst>
                <a:ext uri="{FF2B5EF4-FFF2-40B4-BE49-F238E27FC236}">
                  <a16:creationId xmlns:a16="http://schemas.microsoft.com/office/drawing/2014/main" id="{E4629023-A75C-2923-6A2B-09C1D5071956}"/>
                </a:ext>
              </a:extLst>
            </p:cNvPr>
            <p:cNvSpPr/>
            <p:nvPr/>
          </p:nvSpPr>
          <p:spPr>
            <a:xfrm>
              <a:off x="4609194" y="1704285"/>
              <a:ext cx="569610" cy="10202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400" name="Rectangle 3399">
              <a:extLst>
                <a:ext uri="{FF2B5EF4-FFF2-40B4-BE49-F238E27FC236}">
                  <a16:creationId xmlns:a16="http://schemas.microsoft.com/office/drawing/2014/main" id="{99953FBB-5926-4EB3-B7BF-9A3CA5BBE492}"/>
                </a:ext>
              </a:extLst>
            </p:cNvPr>
            <p:cNvSpPr/>
            <p:nvPr/>
          </p:nvSpPr>
          <p:spPr>
            <a:xfrm>
              <a:off x="2141387" y="3865199"/>
              <a:ext cx="90540" cy="2851694"/>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cxnSp>
        <p:nvCxnSpPr>
          <p:cNvPr id="11" name="Straight Connector 10">
            <a:extLst>
              <a:ext uri="{FF2B5EF4-FFF2-40B4-BE49-F238E27FC236}">
                <a16:creationId xmlns:a16="http://schemas.microsoft.com/office/drawing/2014/main" id="{35FB4D0B-A2E4-C4FA-3112-0C023A80ECC0}"/>
              </a:ext>
            </a:extLst>
          </p:cNvPr>
          <p:cNvCxnSpPr/>
          <p:nvPr/>
        </p:nvCxnSpPr>
        <p:spPr>
          <a:xfrm>
            <a:off x="10425905" y="-2438"/>
            <a:ext cx="0" cy="319671"/>
          </a:xfrm>
          <a:prstGeom prst="line">
            <a:avLst/>
          </a:prstGeom>
          <a:ln w="28575">
            <a:solidFill>
              <a:schemeClr val="bg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F63BB111-8647-A02A-1656-1C222A35799E}"/>
              </a:ext>
            </a:extLst>
          </p:cNvPr>
          <p:cNvCxnSpPr/>
          <p:nvPr/>
        </p:nvCxnSpPr>
        <p:spPr>
          <a:xfrm>
            <a:off x="10713268" y="-2438"/>
            <a:ext cx="0" cy="319671"/>
          </a:xfrm>
          <a:prstGeom prst="line">
            <a:avLst/>
          </a:prstGeom>
          <a:ln w="28575">
            <a:solidFill>
              <a:schemeClr val="bg1"/>
            </a:solidFill>
          </a:ln>
        </p:spPr>
        <p:style>
          <a:lnRef idx="1">
            <a:schemeClr val="accent1"/>
          </a:lnRef>
          <a:fillRef idx="0">
            <a:schemeClr val="accent1"/>
          </a:fillRef>
          <a:effectRef idx="0">
            <a:schemeClr val="accent1"/>
          </a:effectRef>
          <a:fontRef idx="minor">
            <a:schemeClr val="tx1"/>
          </a:fontRef>
        </p:style>
      </p:cxnSp>
      <p:sp>
        <p:nvSpPr>
          <p:cNvPr id="36" name="Right Triangle 35">
            <a:extLst>
              <a:ext uri="{FF2B5EF4-FFF2-40B4-BE49-F238E27FC236}">
                <a16:creationId xmlns:a16="http://schemas.microsoft.com/office/drawing/2014/main" id="{1AA56ECD-6197-620A-7C1F-CC01DFFA5747}"/>
              </a:ext>
            </a:extLst>
          </p:cNvPr>
          <p:cNvSpPr/>
          <p:nvPr/>
        </p:nvSpPr>
        <p:spPr>
          <a:xfrm rot="16200000">
            <a:off x="3796201" y="1716003"/>
            <a:ext cx="832311" cy="802436"/>
          </a:xfrm>
          <a:prstGeom prst="rtTriangle">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8" name="Rectangle: Rounded Corners 47">
            <a:extLst>
              <a:ext uri="{FF2B5EF4-FFF2-40B4-BE49-F238E27FC236}">
                <a16:creationId xmlns:a16="http://schemas.microsoft.com/office/drawing/2014/main" id="{7602988E-5256-ED0E-ED4E-4FAC21B9F1B8}"/>
              </a:ext>
            </a:extLst>
          </p:cNvPr>
          <p:cNvSpPr/>
          <p:nvPr/>
        </p:nvSpPr>
        <p:spPr>
          <a:xfrm>
            <a:off x="2231706" y="2429774"/>
            <a:ext cx="3630591" cy="2646384"/>
          </a:xfrm>
          <a:prstGeom prst="roundRect">
            <a:avLst>
              <a:gd name="adj" fmla="val 11064"/>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6" name="Rectangle: Rounded Corners 55">
            <a:extLst>
              <a:ext uri="{FF2B5EF4-FFF2-40B4-BE49-F238E27FC236}">
                <a16:creationId xmlns:a16="http://schemas.microsoft.com/office/drawing/2014/main" id="{FB74B5C0-31AD-843F-37D9-313244F2D99E}"/>
              </a:ext>
            </a:extLst>
          </p:cNvPr>
          <p:cNvSpPr/>
          <p:nvPr/>
        </p:nvSpPr>
        <p:spPr>
          <a:xfrm>
            <a:off x="5206408" y="316731"/>
            <a:ext cx="4628472" cy="1076248"/>
          </a:xfrm>
          <a:prstGeom prst="roundRect">
            <a:avLst>
              <a:gd name="adj" fmla="val 10384"/>
            </a:avLst>
          </a:prstGeom>
          <a:solidFill>
            <a:srgbClr val="C1E3FF"/>
          </a:solidFill>
          <a:ln>
            <a:noFill/>
          </a:ln>
          <a:effectLst>
            <a:outerShdw blurRad="165100" dist="114300" dir="258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778" name="TextBox 3777">
            <a:extLst>
              <a:ext uri="{FF2B5EF4-FFF2-40B4-BE49-F238E27FC236}">
                <a16:creationId xmlns:a16="http://schemas.microsoft.com/office/drawing/2014/main" id="{AEAD3251-928A-6552-52AC-A6F3A71123D8}"/>
              </a:ext>
            </a:extLst>
          </p:cNvPr>
          <p:cNvSpPr txBox="1"/>
          <p:nvPr/>
        </p:nvSpPr>
        <p:spPr>
          <a:xfrm>
            <a:off x="58608" y="5094547"/>
            <a:ext cx="2056727" cy="430887"/>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Kick-started with a short WBT module (Adobe Flash)</a:t>
            </a:r>
          </a:p>
        </p:txBody>
      </p:sp>
      <p:sp>
        <p:nvSpPr>
          <p:cNvPr id="3779" name="TextBox 3778">
            <a:extLst>
              <a:ext uri="{FF2B5EF4-FFF2-40B4-BE49-F238E27FC236}">
                <a16:creationId xmlns:a16="http://schemas.microsoft.com/office/drawing/2014/main" id="{13C5334B-B13B-C414-CA57-178D43AD9ECE}"/>
              </a:ext>
            </a:extLst>
          </p:cNvPr>
          <p:cNvSpPr txBox="1"/>
          <p:nvPr/>
        </p:nvSpPr>
        <p:spPr>
          <a:xfrm>
            <a:off x="70294" y="4019640"/>
            <a:ext cx="1235694" cy="646331"/>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3600" b="0" i="0" u="none" strike="noStrike" kern="1200" cap="none" spc="-150" normalizeH="0" baseline="0" noProof="0">
                <a:ln>
                  <a:noFill/>
                </a:ln>
                <a:solidFill>
                  <a:srgbClr val="0060B0"/>
                </a:solidFill>
                <a:effectLst/>
                <a:uLnTx/>
                <a:uFillTx/>
                <a:latin typeface="Georgia Pro Cond Semibold" panose="020B0604020202020204" pitchFamily="18" charset="0"/>
                <a:ea typeface="+mn-ea"/>
                <a:cs typeface="Times New Roman" panose="02020603050405020304" pitchFamily="18" charset="0"/>
              </a:rPr>
              <a:t>2014</a:t>
            </a:r>
          </a:p>
        </p:txBody>
      </p:sp>
      <p:pic>
        <p:nvPicPr>
          <p:cNvPr id="3780" name="Graphic 3779">
            <a:extLst>
              <a:ext uri="{FF2B5EF4-FFF2-40B4-BE49-F238E27FC236}">
                <a16:creationId xmlns:a16="http://schemas.microsoft.com/office/drawing/2014/main" id="{F78A9811-5E48-BE77-D035-588302DB6A4C}"/>
              </a:ext>
            </a:extLst>
          </p:cNvPr>
          <p:cNvPicPr>
            <a:picLocks noChangeAspect="1"/>
          </p:cNvPicPr>
          <p:nvPr/>
        </p:nvPicPr>
        <p:blipFill>
          <a:blip r:embed="rId6" cstate="hqprint">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1338326" y="4168123"/>
            <a:ext cx="321279" cy="375984"/>
          </a:xfrm>
          <a:prstGeom prst="rect">
            <a:avLst/>
          </a:prstGeom>
        </p:spPr>
      </p:pic>
      <p:pic>
        <p:nvPicPr>
          <p:cNvPr id="4008" name="Picture 4007" descr="A picture containing athletic game, basketball, sport, handcart&#10;&#10;Description automatically generated">
            <a:extLst>
              <a:ext uri="{FF2B5EF4-FFF2-40B4-BE49-F238E27FC236}">
                <a16:creationId xmlns:a16="http://schemas.microsoft.com/office/drawing/2014/main" id="{ED8A7E7E-16F6-9280-E20D-F48EB9E48208}"/>
              </a:ext>
            </a:extLst>
          </p:cNvPr>
          <p:cNvPicPr>
            <a:picLocks noChangeAspect="1"/>
          </p:cNvPicPr>
          <p:nvPr/>
        </p:nvPicPr>
        <p:blipFill rotWithShape="1">
          <a:blip r:embed="rId8" cstate="screen">
            <a:lum bright="70000" contrast="-70000"/>
            <a:extLst>
              <a:ext uri="{28A0092B-C50C-407E-A947-70E740481C1C}">
                <a14:useLocalDpi xmlns:a14="http://schemas.microsoft.com/office/drawing/2010/main" val="0"/>
              </a:ext>
            </a:extLst>
          </a:blip>
          <a:srcRect/>
          <a:stretch/>
        </p:blipFill>
        <p:spPr>
          <a:xfrm flipH="1">
            <a:off x="233431" y="3129155"/>
            <a:ext cx="779848" cy="722936"/>
          </a:xfrm>
          <a:prstGeom prst="rect">
            <a:avLst/>
          </a:prstGeom>
        </p:spPr>
      </p:pic>
      <p:sp>
        <p:nvSpPr>
          <p:cNvPr id="4009" name="Moon 4008">
            <a:extLst>
              <a:ext uri="{FF2B5EF4-FFF2-40B4-BE49-F238E27FC236}">
                <a16:creationId xmlns:a16="http://schemas.microsoft.com/office/drawing/2014/main" id="{EDBF0B05-C1AF-4779-780C-58D460F96B09}"/>
              </a:ext>
            </a:extLst>
          </p:cNvPr>
          <p:cNvSpPr/>
          <p:nvPr/>
        </p:nvSpPr>
        <p:spPr>
          <a:xfrm rot="2388173">
            <a:off x="5615586" y="5638864"/>
            <a:ext cx="113582" cy="196988"/>
          </a:xfrm>
          <a:prstGeom prst="moon">
            <a:avLst>
              <a:gd name="adj" fmla="val 70038"/>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10" name="TextBox 4009">
            <a:extLst>
              <a:ext uri="{FF2B5EF4-FFF2-40B4-BE49-F238E27FC236}">
                <a16:creationId xmlns:a16="http://schemas.microsoft.com/office/drawing/2014/main" id="{FD9D98DC-045C-3DA5-DEDC-E0A4ACEC0E31}"/>
              </a:ext>
            </a:extLst>
          </p:cNvPr>
          <p:cNvSpPr txBox="1"/>
          <p:nvPr/>
        </p:nvSpPr>
        <p:spPr>
          <a:xfrm>
            <a:off x="2530314" y="3444468"/>
            <a:ext cx="1827888" cy="1523494"/>
          </a:xfrm>
          <a:prstGeom prst="rect">
            <a:avLst/>
          </a:prstGeom>
          <a:noFill/>
        </p:spPr>
        <p:txBody>
          <a:bodyPr wrap="square" rtlCol="0">
            <a:spAutoFit/>
          </a:bodyPr>
          <a:lstStyle/>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Innovatively </a:t>
            </a:r>
            <a:r>
              <a:rPr lang="en-US" sz="1100">
                <a:solidFill>
                  <a:prstClr val="black"/>
                </a:solidFill>
                <a:latin typeface="Roboto Light" panose="02000000000000000000" pitchFamily="2" charset="0"/>
                <a:ea typeface="Roboto Light" panose="02000000000000000000" pitchFamily="2" charset="0"/>
                <a:cs typeface="Roboto Light" panose="02000000000000000000" pitchFamily="2" charset="0"/>
              </a:rPr>
              <a:t>utilized  </a:t>
            </a: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dobe Flash and Custom HTML5 for building customized courseware</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Time-sensitive business objectives met in a diligent manner</a:t>
            </a:r>
          </a:p>
        </p:txBody>
      </p:sp>
      <p:sp>
        <p:nvSpPr>
          <p:cNvPr id="4011" name="TextBox 4010">
            <a:extLst>
              <a:ext uri="{FF2B5EF4-FFF2-40B4-BE49-F238E27FC236}">
                <a16:creationId xmlns:a16="http://schemas.microsoft.com/office/drawing/2014/main" id="{233AC9B8-6F01-66DA-5D06-AD22F3634DA0}"/>
              </a:ext>
            </a:extLst>
          </p:cNvPr>
          <p:cNvSpPr txBox="1"/>
          <p:nvPr/>
        </p:nvSpPr>
        <p:spPr>
          <a:xfrm>
            <a:off x="2523957" y="2941065"/>
            <a:ext cx="1987403" cy="492443"/>
          </a:xfrm>
          <a:prstGeom prst="rect">
            <a:avLst/>
          </a:prstGeom>
          <a:noFill/>
        </p:spPr>
        <p:txBody>
          <a:bodyPr wrap="square" rtlCol="0">
            <a:spAutoFit/>
          </a:body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i="0" u="none" strike="noStrike" kern="1200" cap="none" spc="0" normalizeH="0" baseline="0" noProof="0">
                <a:ln>
                  <a:noFill/>
                </a:ln>
                <a:effectLst/>
                <a:uLnTx/>
                <a:uFillTx/>
                <a:latin typeface="Georgia Pro Cond Semibold" panose="02040706050405020303" pitchFamily="18" charset="0"/>
                <a:cs typeface="Times New Roman" panose="02020603050405020304" pitchFamily="18" charset="0"/>
              </a:rPr>
              <a:t>CUSTOM CONTENT AS THE BIGGEST DRIVER</a:t>
            </a:r>
          </a:p>
        </p:txBody>
      </p:sp>
      <p:sp>
        <p:nvSpPr>
          <p:cNvPr id="4012" name="TextBox 4011">
            <a:extLst>
              <a:ext uri="{FF2B5EF4-FFF2-40B4-BE49-F238E27FC236}">
                <a16:creationId xmlns:a16="http://schemas.microsoft.com/office/drawing/2014/main" id="{3D611A13-26EA-AB97-723F-E182320044FD}"/>
              </a:ext>
            </a:extLst>
          </p:cNvPr>
          <p:cNvSpPr txBox="1"/>
          <p:nvPr/>
        </p:nvSpPr>
        <p:spPr>
          <a:xfrm>
            <a:off x="2514682" y="2526775"/>
            <a:ext cx="1006694"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060B0"/>
                </a:solidFill>
                <a:effectLst/>
                <a:uLnTx/>
                <a:uFillTx/>
                <a:latin typeface="Georgia Pro Cond Semibold" panose="020B0604020202020204" pitchFamily="18" charset="0"/>
                <a:ea typeface="+mn-ea"/>
                <a:cs typeface="Times New Roman" panose="02020603050405020304" pitchFamily="18" charset="0"/>
              </a:rPr>
              <a:t>2015</a:t>
            </a:r>
          </a:p>
        </p:txBody>
      </p:sp>
      <p:sp>
        <p:nvSpPr>
          <p:cNvPr id="4014" name="TextBox 4013">
            <a:extLst>
              <a:ext uri="{FF2B5EF4-FFF2-40B4-BE49-F238E27FC236}">
                <a16:creationId xmlns:a16="http://schemas.microsoft.com/office/drawing/2014/main" id="{64505F30-9E71-E4D7-E20E-B88619F15942}"/>
              </a:ext>
            </a:extLst>
          </p:cNvPr>
          <p:cNvSpPr txBox="1"/>
          <p:nvPr/>
        </p:nvSpPr>
        <p:spPr>
          <a:xfrm>
            <a:off x="4501055" y="2471110"/>
            <a:ext cx="1671399" cy="692497"/>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i="0" u="none" strike="noStrike" kern="1200" cap="none" spc="0" normalizeH="0" baseline="0" noProof="0">
                <a:ln>
                  <a:noFill/>
                </a:ln>
                <a:solidFill>
                  <a:schemeClr val="tx1"/>
                </a:solidFill>
                <a:effectLst/>
                <a:uLnTx/>
                <a:uFillTx/>
                <a:latin typeface="Georgia Pro Cond Semibold" panose="02040706050405020303" pitchFamily="18" charset="0"/>
              </a:rPr>
              <a:t>MULTIPLE DIVISIONS, WIDER REACH</a:t>
            </a:r>
            <a:endParaRPr kumimoji="0" lang="en-IN" sz="1300" i="0" u="none" strike="noStrike" kern="1200" cap="none" spc="0" normalizeH="0" baseline="0" noProof="0">
              <a:ln>
                <a:noFill/>
              </a:ln>
              <a:solidFill>
                <a:schemeClr val="tx1"/>
              </a:solidFill>
              <a:effectLst/>
              <a:uLnTx/>
              <a:uFillTx/>
              <a:latin typeface="Georgia Pro Cond Semibold" panose="02040706050405020303" pitchFamily="18" charset="0"/>
            </a:endParaRPr>
          </a:p>
        </p:txBody>
      </p:sp>
      <p:sp>
        <p:nvSpPr>
          <p:cNvPr id="4015" name="TextBox 4014">
            <a:extLst>
              <a:ext uri="{FF2B5EF4-FFF2-40B4-BE49-F238E27FC236}">
                <a16:creationId xmlns:a16="http://schemas.microsoft.com/office/drawing/2014/main" id="{B49762A6-5F72-EE7E-16D9-B25A997E91AF}"/>
              </a:ext>
            </a:extLst>
          </p:cNvPr>
          <p:cNvSpPr txBox="1"/>
          <p:nvPr/>
        </p:nvSpPr>
        <p:spPr>
          <a:xfrm>
            <a:off x="6326954" y="2059998"/>
            <a:ext cx="1414318"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060B0"/>
                </a:solidFill>
                <a:effectLst/>
                <a:uLnTx/>
                <a:uFillTx/>
                <a:latin typeface="Georgia Pro Cond Semibold" panose="020B0604020202020204" pitchFamily="18" charset="0"/>
                <a:ea typeface="+mn-ea"/>
                <a:cs typeface="Times New Roman" panose="02020603050405020304" pitchFamily="18" charset="0"/>
              </a:rPr>
              <a:t>2018 - 19</a:t>
            </a:r>
          </a:p>
        </p:txBody>
      </p:sp>
      <p:sp>
        <p:nvSpPr>
          <p:cNvPr id="4016" name="TextBox 4015">
            <a:extLst>
              <a:ext uri="{FF2B5EF4-FFF2-40B4-BE49-F238E27FC236}">
                <a16:creationId xmlns:a16="http://schemas.microsoft.com/office/drawing/2014/main" id="{D7036358-7070-7B88-76D8-1EA19E8574B7}"/>
              </a:ext>
            </a:extLst>
          </p:cNvPr>
          <p:cNvSpPr txBox="1"/>
          <p:nvPr/>
        </p:nvSpPr>
        <p:spPr>
          <a:xfrm>
            <a:off x="6382470" y="3025097"/>
            <a:ext cx="1703775" cy="3200690"/>
          </a:xfrm>
          <a:prstGeom prst="rect">
            <a:avLst/>
          </a:prstGeom>
          <a:noFill/>
        </p:spPr>
        <p:txBody>
          <a:bodyPr wrap="square" numCol="1" spcCol="252000" rtlCol="0">
            <a:noAutofit/>
          </a:bodyPr>
          <a:lstStyle/>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nimations</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Infographics</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Persona posters</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Facilitator and participant guides</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Job aids</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Business Review magazine</a:t>
            </a:r>
          </a:p>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XDT Team expanded –</a:t>
            </a:r>
            <a:r>
              <a:rPr kumimoji="0" lang="en-US" sz="1100" b="1"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40 members</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endPar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endParaRP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endPar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endParaRPr>
          </a:p>
        </p:txBody>
      </p:sp>
      <p:sp>
        <p:nvSpPr>
          <p:cNvPr id="4017" name="TextBox 4016">
            <a:extLst>
              <a:ext uri="{FF2B5EF4-FFF2-40B4-BE49-F238E27FC236}">
                <a16:creationId xmlns:a16="http://schemas.microsoft.com/office/drawing/2014/main" id="{CEEE2B6D-C11C-C206-643D-7F84B66ADA46}"/>
              </a:ext>
            </a:extLst>
          </p:cNvPr>
          <p:cNvSpPr txBox="1"/>
          <p:nvPr/>
        </p:nvSpPr>
        <p:spPr>
          <a:xfrm>
            <a:off x="6326954" y="2471110"/>
            <a:ext cx="1783165" cy="492443"/>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i="0" u="none" strike="noStrike" kern="1200" cap="none" spc="0" normalizeH="0" baseline="0" noProof="0">
                <a:ln>
                  <a:noFill/>
                </a:ln>
                <a:solidFill>
                  <a:schemeClr val="tx1"/>
                </a:solidFill>
                <a:effectLst/>
                <a:uLnTx/>
                <a:uFillTx/>
                <a:latin typeface="Georgia Pro Cond Semibold" panose="02040706050405020303" pitchFamily="18" charset="0"/>
              </a:rPr>
              <a:t>BRINGING IN A RICH REPERTOIRE</a:t>
            </a:r>
          </a:p>
        </p:txBody>
      </p:sp>
      <p:sp>
        <p:nvSpPr>
          <p:cNvPr id="4020" name="TextBox 4019">
            <a:extLst>
              <a:ext uri="{FF2B5EF4-FFF2-40B4-BE49-F238E27FC236}">
                <a16:creationId xmlns:a16="http://schemas.microsoft.com/office/drawing/2014/main" id="{EF9A3CFD-E5BB-649D-CDB0-44A947D1A6A9}"/>
              </a:ext>
            </a:extLst>
          </p:cNvPr>
          <p:cNvSpPr txBox="1"/>
          <p:nvPr/>
        </p:nvSpPr>
        <p:spPr>
          <a:xfrm>
            <a:off x="8191395" y="3025499"/>
            <a:ext cx="1729295" cy="2661231"/>
          </a:xfrm>
          <a:prstGeom prst="rect">
            <a:avLst/>
          </a:prstGeom>
          <a:noFill/>
        </p:spPr>
        <p:txBody>
          <a:bodyPr wrap="square" numCol="1" spcCol="252000" rtlCol="0">
            <a:noAutofit/>
          </a:bodyPr>
          <a:lstStyle/>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High-impact design solutions and strategies</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Custom HTML makes complex design interventions possible </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rticulate Storyline 360, Elucidat, and Camtasia contribute to successful designs</a:t>
            </a:r>
          </a:p>
        </p:txBody>
      </p:sp>
      <p:sp>
        <p:nvSpPr>
          <p:cNvPr id="4022" name="Arc 4021">
            <a:extLst>
              <a:ext uri="{FF2B5EF4-FFF2-40B4-BE49-F238E27FC236}">
                <a16:creationId xmlns:a16="http://schemas.microsoft.com/office/drawing/2014/main" id="{29B94D4B-87D5-2549-EC37-27DA062330BB}"/>
              </a:ext>
            </a:extLst>
          </p:cNvPr>
          <p:cNvSpPr/>
          <p:nvPr/>
        </p:nvSpPr>
        <p:spPr>
          <a:xfrm rot="10800000">
            <a:off x="5241296" y="6383936"/>
            <a:ext cx="885173" cy="848806"/>
          </a:xfrm>
          <a:prstGeom prst="arc">
            <a:avLst>
              <a:gd name="adj1" fmla="val 1373214"/>
              <a:gd name="adj2" fmla="val 3454789"/>
            </a:avLst>
          </a:prstGeom>
          <a:ln w="9525" cap="rnd">
            <a:solidFill>
              <a:schemeClr val="bg1"/>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23" name="TextBox 4022">
            <a:extLst>
              <a:ext uri="{FF2B5EF4-FFF2-40B4-BE49-F238E27FC236}">
                <a16:creationId xmlns:a16="http://schemas.microsoft.com/office/drawing/2014/main" id="{D39291EB-BED0-E414-192E-4670476B1363}"/>
              </a:ext>
            </a:extLst>
          </p:cNvPr>
          <p:cNvSpPr txBox="1"/>
          <p:nvPr/>
        </p:nvSpPr>
        <p:spPr>
          <a:xfrm>
            <a:off x="10192810" y="1774432"/>
            <a:ext cx="1108074"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060B0"/>
                </a:solidFill>
                <a:effectLst/>
                <a:uLnTx/>
                <a:uFillTx/>
                <a:latin typeface="Georgia Pro Cond Semibold" panose="020B0604020202020204" pitchFamily="18" charset="0"/>
                <a:ea typeface="+mn-ea"/>
                <a:cs typeface="Times New Roman" panose="02020603050405020304" pitchFamily="18" charset="0"/>
              </a:rPr>
              <a:t>2023</a:t>
            </a:r>
          </a:p>
        </p:txBody>
      </p:sp>
      <p:sp>
        <p:nvSpPr>
          <p:cNvPr id="4024" name="TextBox 4023">
            <a:extLst>
              <a:ext uri="{FF2B5EF4-FFF2-40B4-BE49-F238E27FC236}">
                <a16:creationId xmlns:a16="http://schemas.microsoft.com/office/drawing/2014/main" id="{28013C68-BAAE-8F7F-4506-C2160EAAB6B1}"/>
              </a:ext>
            </a:extLst>
          </p:cNvPr>
          <p:cNvSpPr txBox="1"/>
          <p:nvPr/>
        </p:nvSpPr>
        <p:spPr>
          <a:xfrm>
            <a:off x="10192810" y="2195338"/>
            <a:ext cx="1670890" cy="292388"/>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i="0" u="none" strike="noStrike" kern="1200" cap="none" spc="0" normalizeH="0" baseline="0" noProof="0">
                <a:ln>
                  <a:noFill/>
                </a:ln>
                <a:solidFill>
                  <a:schemeClr val="tx1"/>
                </a:solidFill>
                <a:effectLst/>
                <a:uLnTx/>
                <a:uFillTx/>
                <a:latin typeface="Georgia Pro Cond Semibold" panose="02040706050405020303" pitchFamily="18" charset="0"/>
              </a:rPr>
              <a:t>GOING STRONG</a:t>
            </a:r>
          </a:p>
        </p:txBody>
      </p:sp>
      <p:sp>
        <p:nvSpPr>
          <p:cNvPr id="4025" name="Moon 4024">
            <a:extLst>
              <a:ext uri="{FF2B5EF4-FFF2-40B4-BE49-F238E27FC236}">
                <a16:creationId xmlns:a16="http://schemas.microsoft.com/office/drawing/2014/main" id="{1CA30CEA-0E92-34A1-0EE7-7E6D65D0F17C}"/>
              </a:ext>
            </a:extLst>
          </p:cNvPr>
          <p:cNvSpPr/>
          <p:nvPr/>
        </p:nvSpPr>
        <p:spPr>
          <a:xfrm rot="3026178">
            <a:off x="9850048" y="5415693"/>
            <a:ext cx="516903" cy="587509"/>
          </a:xfrm>
          <a:prstGeom prst="moon">
            <a:avLst>
              <a:gd name="adj" fmla="val 75102"/>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64" name="Rectangle: Rounded Corners 4063">
            <a:extLst>
              <a:ext uri="{FF2B5EF4-FFF2-40B4-BE49-F238E27FC236}">
                <a16:creationId xmlns:a16="http://schemas.microsoft.com/office/drawing/2014/main" id="{5C970DB2-FA84-23D2-4024-9EAFB2B67AAA}"/>
              </a:ext>
            </a:extLst>
          </p:cNvPr>
          <p:cNvSpPr/>
          <p:nvPr/>
        </p:nvSpPr>
        <p:spPr>
          <a:xfrm>
            <a:off x="11717732" y="1445262"/>
            <a:ext cx="474267" cy="1148934"/>
          </a:xfrm>
          <a:prstGeom prst="roundRect">
            <a:avLst>
              <a:gd name="adj" fmla="val 0"/>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69" name="TextBox 4068">
            <a:extLst>
              <a:ext uri="{FF2B5EF4-FFF2-40B4-BE49-F238E27FC236}">
                <a16:creationId xmlns:a16="http://schemas.microsoft.com/office/drawing/2014/main" id="{BB31FB14-CC79-0605-0F92-0D612845B7FE}"/>
              </a:ext>
            </a:extLst>
          </p:cNvPr>
          <p:cNvSpPr txBox="1"/>
          <p:nvPr/>
        </p:nvSpPr>
        <p:spPr>
          <a:xfrm>
            <a:off x="4501056" y="2059998"/>
            <a:ext cx="1339898"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060B0"/>
                </a:solidFill>
                <a:effectLst/>
                <a:uLnTx/>
                <a:uFillTx/>
                <a:latin typeface="Georgia Pro Cond Semibold" panose="020B0604020202020204" pitchFamily="18" charset="0"/>
                <a:ea typeface="+mn-ea"/>
                <a:cs typeface="Times New Roman" panose="02020603050405020304" pitchFamily="18" charset="0"/>
              </a:rPr>
              <a:t>2016 - 17</a:t>
            </a:r>
          </a:p>
        </p:txBody>
      </p:sp>
      <p:cxnSp>
        <p:nvCxnSpPr>
          <p:cNvPr id="4070" name="Straight Connector 4069">
            <a:extLst>
              <a:ext uri="{FF2B5EF4-FFF2-40B4-BE49-F238E27FC236}">
                <a16:creationId xmlns:a16="http://schemas.microsoft.com/office/drawing/2014/main" id="{0CE2FF3D-CB7E-AA91-5A13-423651833786}"/>
              </a:ext>
            </a:extLst>
          </p:cNvPr>
          <p:cNvCxnSpPr/>
          <p:nvPr/>
        </p:nvCxnSpPr>
        <p:spPr>
          <a:xfrm>
            <a:off x="5505343" y="607"/>
            <a:ext cx="0" cy="753767"/>
          </a:xfrm>
          <a:prstGeom prst="line">
            <a:avLst/>
          </a:prstGeom>
          <a:ln w="76200">
            <a:solidFill>
              <a:srgbClr val="C1E3FF"/>
            </a:solidFill>
          </a:ln>
        </p:spPr>
        <p:style>
          <a:lnRef idx="1">
            <a:schemeClr val="accent1"/>
          </a:lnRef>
          <a:fillRef idx="0">
            <a:schemeClr val="accent1"/>
          </a:fillRef>
          <a:effectRef idx="0">
            <a:schemeClr val="accent1"/>
          </a:effectRef>
          <a:fontRef idx="minor">
            <a:schemeClr val="tx1"/>
          </a:fontRef>
        </p:style>
      </p:cxnSp>
      <p:cxnSp>
        <p:nvCxnSpPr>
          <p:cNvPr id="4071" name="Straight Connector 4070">
            <a:extLst>
              <a:ext uri="{FF2B5EF4-FFF2-40B4-BE49-F238E27FC236}">
                <a16:creationId xmlns:a16="http://schemas.microsoft.com/office/drawing/2014/main" id="{16B1FCD7-D3E7-8341-3F63-73CD271068E3}"/>
              </a:ext>
            </a:extLst>
          </p:cNvPr>
          <p:cNvCxnSpPr/>
          <p:nvPr/>
        </p:nvCxnSpPr>
        <p:spPr>
          <a:xfrm>
            <a:off x="9447423" y="-1298"/>
            <a:ext cx="0" cy="753767"/>
          </a:xfrm>
          <a:prstGeom prst="line">
            <a:avLst/>
          </a:prstGeom>
          <a:ln w="76200">
            <a:solidFill>
              <a:srgbClr val="C1E3FF"/>
            </a:solidFill>
          </a:ln>
        </p:spPr>
        <p:style>
          <a:lnRef idx="1">
            <a:schemeClr val="accent1"/>
          </a:lnRef>
          <a:fillRef idx="0">
            <a:schemeClr val="accent1"/>
          </a:fillRef>
          <a:effectRef idx="0">
            <a:schemeClr val="accent1"/>
          </a:effectRef>
          <a:fontRef idx="minor">
            <a:schemeClr val="tx1"/>
          </a:fontRef>
        </p:style>
      </p:cxnSp>
      <p:sp>
        <p:nvSpPr>
          <p:cNvPr id="4072" name="Rectangle: Rounded Corners 4071">
            <a:extLst>
              <a:ext uri="{FF2B5EF4-FFF2-40B4-BE49-F238E27FC236}">
                <a16:creationId xmlns:a16="http://schemas.microsoft.com/office/drawing/2014/main" id="{44AE3487-21E3-7839-9E27-31583B4DBCB4}"/>
              </a:ext>
            </a:extLst>
          </p:cNvPr>
          <p:cNvSpPr/>
          <p:nvPr/>
        </p:nvSpPr>
        <p:spPr>
          <a:xfrm>
            <a:off x="10296324" y="115571"/>
            <a:ext cx="568590" cy="333171"/>
          </a:xfrm>
          <a:prstGeom prst="roundRect">
            <a:avLst>
              <a:gd name="adj" fmla="val 10384"/>
            </a:avLst>
          </a:prstGeom>
          <a:solidFill>
            <a:srgbClr val="FEBC26"/>
          </a:solidFill>
          <a:ln w="9525">
            <a:solidFill>
              <a:srgbClr val="FFFFFF"/>
            </a:solidFill>
          </a:ln>
          <a:effectLst>
            <a:outerShdw blurRad="165100" dist="114300" dir="258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4073" name="Graphic 4072">
            <a:extLst>
              <a:ext uri="{FF2B5EF4-FFF2-40B4-BE49-F238E27FC236}">
                <a16:creationId xmlns:a16="http://schemas.microsoft.com/office/drawing/2014/main" id="{91C5B65C-91E0-B647-5546-E820ACC3E32F}"/>
              </a:ext>
            </a:extLst>
          </p:cNvPr>
          <p:cNvPicPr>
            <a:picLocks noChangeAspect="1"/>
          </p:cNvPicPr>
          <p:nvPr/>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rot="16200000">
            <a:off x="10444466" y="132581"/>
            <a:ext cx="265520" cy="310731"/>
          </a:xfrm>
          <a:prstGeom prst="rect">
            <a:avLst/>
          </a:prstGeom>
        </p:spPr>
      </p:pic>
      <p:sp>
        <p:nvSpPr>
          <p:cNvPr id="4074" name="TextBox 4073">
            <a:extLst>
              <a:ext uri="{FF2B5EF4-FFF2-40B4-BE49-F238E27FC236}">
                <a16:creationId xmlns:a16="http://schemas.microsoft.com/office/drawing/2014/main" id="{629E63CE-2F54-D8DE-3CAE-68FF08F8E2A6}"/>
              </a:ext>
            </a:extLst>
          </p:cNvPr>
          <p:cNvSpPr txBox="1"/>
          <p:nvPr/>
        </p:nvSpPr>
        <p:spPr>
          <a:xfrm>
            <a:off x="10192810" y="2555629"/>
            <a:ext cx="1835650" cy="2251916"/>
          </a:xfrm>
          <a:prstGeom prst="rect">
            <a:avLst/>
          </a:prstGeom>
          <a:noFill/>
        </p:spPr>
        <p:txBody>
          <a:bodyPr wrap="square" numCol="1" spcCol="252000" rtlCol="0">
            <a:noAutofit/>
          </a:bodyPr>
          <a:lstStyle/>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srgbClr val="242424"/>
                </a:solidFill>
                <a:effectLst/>
                <a:uLnTx/>
                <a:uFillTx/>
                <a:latin typeface="Roboto Light" panose="02000000000000000000" pitchFamily="2" charset="0"/>
                <a:ea typeface="Roboto Light" panose="02000000000000000000" pitchFamily="2" charset="0"/>
                <a:cs typeface="Roboto Light" panose="02000000000000000000" pitchFamily="2" charset="0"/>
              </a:rPr>
              <a:t>Cash Flow Program-one of the biggest training programs</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Successful migration of courseware from Skillsoft LMS to ULearn LMS</a:t>
            </a:r>
          </a:p>
        </p:txBody>
      </p:sp>
      <p:cxnSp>
        <p:nvCxnSpPr>
          <p:cNvPr id="4075" name="Straight Connector 4074">
            <a:extLst>
              <a:ext uri="{FF2B5EF4-FFF2-40B4-BE49-F238E27FC236}">
                <a16:creationId xmlns:a16="http://schemas.microsoft.com/office/drawing/2014/main" id="{9EC3B9F7-65C2-A5DC-1FE7-808866E2D079}"/>
              </a:ext>
            </a:extLst>
          </p:cNvPr>
          <p:cNvCxnSpPr>
            <a:cxnSpLocks/>
          </p:cNvCxnSpPr>
          <p:nvPr/>
        </p:nvCxnSpPr>
        <p:spPr>
          <a:xfrm>
            <a:off x="3262750" y="2759199"/>
            <a:ext cx="486342" cy="0"/>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cxnSp>
        <p:nvCxnSpPr>
          <p:cNvPr id="4077" name="Straight Connector 4076">
            <a:extLst>
              <a:ext uri="{FF2B5EF4-FFF2-40B4-BE49-F238E27FC236}">
                <a16:creationId xmlns:a16="http://schemas.microsoft.com/office/drawing/2014/main" id="{4C4AB676-51CB-B68F-61B8-26C5B2D259C5}"/>
              </a:ext>
            </a:extLst>
          </p:cNvPr>
          <p:cNvCxnSpPr>
            <a:cxnSpLocks/>
          </p:cNvCxnSpPr>
          <p:nvPr/>
        </p:nvCxnSpPr>
        <p:spPr>
          <a:xfrm>
            <a:off x="10450830" y="1583343"/>
            <a:ext cx="1741170" cy="0"/>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4078" name="Rectangle: Rounded Corners 4077">
            <a:extLst>
              <a:ext uri="{FF2B5EF4-FFF2-40B4-BE49-F238E27FC236}">
                <a16:creationId xmlns:a16="http://schemas.microsoft.com/office/drawing/2014/main" id="{C4252D7A-9719-CD4C-C774-C61FDAB8AB5A}"/>
              </a:ext>
            </a:extLst>
          </p:cNvPr>
          <p:cNvSpPr/>
          <p:nvPr/>
        </p:nvSpPr>
        <p:spPr>
          <a:xfrm>
            <a:off x="9389714" y="1704088"/>
            <a:ext cx="705523" cy="1148934"/>
          </a:xfrm>
          <a:prstGeom prst="roundRect">
            <a:avLst>
              <a:gd name="adj" fmla="val 0"/>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80" name="TextBox 4079">
            <a:extLst>
              <a:ext uri="{FF2B5EF4-FFF2-40B4-BE49-F238E27FC236}">
                <a16:creationId xmlns:a16="http://schemas.microsoft.com/office/drawing/2014/main" id="{36C55A41-0C1D-3658-557A-D42BFA19B521}"/>
              </a:ext>
            </a:extLst>
          </p:cNvPr>
          <p:cNvSpPr txBox="1"/>
          <p:nvPr/>
        </p:nvSpPr>
        <p:spPr>
          <a:xfrm>
            <a:off x="8300163" y="2059998"/>
            <a:ext cx="1393452"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060B0"/>
                </a:solidFill>
                <a:effectLst/>
                <a:uLnTx/>
                <a:uFillTx/>
                <a:latin typeface="Georgia Pro Cond Semibold" panose="020B0604020202020204" pitchFamily="18" charset="0"/>
                <a:ea typeface="+mn-ea"/>
                <a:cs typeface="Times New Roman" panose="02020603050405020304" pitchFamily="18" charset="0"/>
              </a:rPr>
              <a:t>2020 - 21</a:t>
            </a:r>
          </a:p>
        </p:txBody>
      </p:sp>
      <p:sp>
        <p:nvSpPr>
          <p:cNvPr id="4081" name="TextBox 4080">
            <a:extLst>
              <a:ext uri="{FF2B5EF4-FFF2-40B4-BE49-F238E27FC236}">
                <a16:creationId xmlns:a16="http://schemas.microsoft.com/office/drawing/2014/main" id="{DA13C650-0707-FBCB-8FCD-C2136426928F}"/>
              </a:ext>
            </a:extLst>
          </p:cNvPr>
          <p:cNvSpPr txBox="1"/>
          <p:nvPr/>
        </p:nvSpPr>
        <p:spPr>
          <a:xfrm>
            <a:off x="8300164" y="2471110"/>
            <a:ext cx="1695526" cy="492443"/>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i="0" u="none" strike="noStrike" kern="1200" cap="none" spc="0" normalizeH="0" baseline="0" noProof="0">
                <a:ln>
                  <a:noFill/>
                </a:ln>
                <a:solidFill>
                  <a:schemeClr val="tx1"/>
                </a:solidFill>
                <a:effectLst/>
                <a:uLnTx/>
                <a:uFillTx/>
                <a:latin typeface="Georgia Pro Cond Semibold" panose="02040706050405020303" pitchFamily="18" charset="0"/>
              </a:rPr>
              <a:t>THE SUCCESS STORY CONTINUES</a:t>
            </a:r>
          </a:p>
        </p:txBody>
      </p:sp>
      <p:sp>
        <p:nvSpPr>
          <p:cNvPr id="4082" name="Arc 4081">
            <a:extLst>
              <a:ext uri="{FF2B5EF4-FFF2-40B4-BE49-F238E27FC236}">
                <a16:creationId xmlns:a16="http://schemas.microsoft.com/office/drawing/2014/main" id="{38AC1070-77D5-D771-6440-A30643514BE2}"/>
              </a:ext>
            </a:extLst>
          </p:cNvPr>
          <p:cNvSpPr/>
          <p:nvPr/>
        </p:nvSpPr>
        <p:spPr>
          <a:xfrm rot="10800000">
            <a:off x="10202755" y="1579777"/>
            <a:ext cx="440105" cy="459187"/>
          </a:xfrm>
          <a:prstGeom prst="arc">
            <a:avLst>
              <a:gd name="adj1" fmla="val 21330675"/>
              <a:gd name="adj2" fmla="val 5383530"/>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4" name="TextBox 4083">
            <a:extLst>
              <a:ext uri="{FF2B5EF4-FFF2-40B4-BE49-F238E27FC236}">
                <a16:creationId xmlns:a16="http://schemas.microsoft.com/office/drawing/2014/main" id="{B71AB880-5954-3F0A-B322-32A46C80FB8C}"/>
              </a:ext>
            </a:extLst>
          </p:cNvPr>
          <p:cNvSpPr txBox="1"/>
          <p:nvPr/>
        </p:nvSpPr>
        <p:spPr>
          <a:xfrm>
            <a:off x="6353444" y="532779"/>
            <a:ext cx="3240229" cy="738664"/>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black"/>
                </a:solidFill>
                <a:effectLst/>
                <a:uLnTx/>
                <a:uFillTx/>
                <a:latin typeface="Calibri" panose="020F0502020204030204"/>
                <a:ea typeface="+mn-ea"/>
                <a:cs typeface="+mn-cs"/>
              </a:rPr>
              <a:t>Best Learning Program that Supports and Promotes Diversity, Equity, and Inclusion	</a:t>
            </a:r>
            <a:endParaRPr kumimoji="0" lang="en-IN" sz="1400" b="1"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227" name="Freeform: Shape 3226">
            <a:extLst>
              <a:ext uri="{FF2B5EF4-FFF2-40B4-BE49-F238E27FC236}">
                <a16:creationId xmlns:a16="http://schemas.microsoft.com/office/drawing/2014/main" id="{701510F6-0579-F9A6-54AB-2076083688CF}"/>
              </a:ext>
            </a:extLst>
          </p:cNvPr>
          <p:cNvSpPr/>
          <p:nvPr/>
        </p:nvSpPr>
        <p:spPr>
          <a:xfrm>
            <a:off x="8232940" y="6166276"/>
            <a:ext cx="503269" cy="164048"/>
          </a:xfrm>
          <a:custGeom>
            <a:avLst/>
            <a:gdLst>
              <a:gd name="connsiteX0" fmla="*/ 503212 w 503269"/>
              <a:gd name="connsiteY0" fmla="*/ 164009 h 164048"/>
              <a:gd name="connsiteX1" fmla="*/ -57 w 503269"/>
              <a:gd name="connsiteY1" fmla="*/ 164009 h 164048"/>
              <a:gd name="connsiteX2" fmla="*/ 142606 w 503269"/>
              <a:gd name="connsiteY2" fmla="*/ 490 h 164048"/>
              <a:gd name="connsiteX3" fmla="*/ 251851 w 503269"/>
              <a:gd name="connsiteY3" fmla="*/ 114700 h 164048"/>
              <a:gd name="connsiteX4" fmla="*/ 336813 w 503269"/>
              <a:gd name="connsiteY4" fmla="*/ 70903 h 164048"/>
              <a:gd name="connsiteX5" fmla="*/ 403055 w 503269"/>
              <a:gd name="connsiteY5" fmla="*/ 128604 h 164048"/>
              <a:gd name="connsiteX6" fmla="*/ 503212 w 503269"/>
              <a:gd name="connsiteY6" fmla="*/ 164009 h 16404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503269" h="164048">
                <a:moveTo>
                  <a:pt x="503212" y="164009"/>
                </a:moveTo>
                <a:lnTo>
                  <a:pt x="-57" y="164009"/>
                </a:lnTo>
                <a:cubicBezTo>
                  <a:pt x="-57" y="164009"/>
                  <a:pt x="68866" y="10074"/>
                  <a:pt x="142606" y="490"/>
                </a:cubicBezTo>
                <a:cubicBezTo>
                  <a:pt x="216346" y="-9094"/>
                  <a:pt x="251851" y="114700"/>
                  <a:pt x="251851" y="114700"/>
                </a:cubicBezTo>
                <a:cubicBezTo>
                  <a:pt x="251851" y="114700"/>
                  <a:pt x="299422" y="70903"/>
                  <a:pt x="336813" y="70903"/>
                </a:cubicBezTo>
                <a:cubicBezTo>
                  <a:pt x="374204" y="70903"/>
                  <a:pt x="403055" y="128604"/>
                  <a:pt x="403055" y="128604"/>
                </a:cubicBezTo>
                <a:cubicBezTo>
                  <a:pt x="403055" y="128604"/>
                  <a:pt x="477589" y="89177"/>
                  <a:pt x="503212" y="164009"/>
                </a:cubicBezTo>
                <a:close/>
              </a:path>
            </a:pathLst>
          </a:custGeom>
          <a:solidFill>
            <a:srgbClr val="0060B0"/>
          </a:solidFill>
          <a:ln w="49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228" name="Freeform: Shape 3227">
            <a:extLst>
              <a:ext uri="{FF2B5EF4-FFF2-40B4-BE49-F238E27FC236}">
                <a16:creationId xmlns:a16="http://schemas.microsoft.com/office/drawing/2014/main" id="{47CDB63B-F883-9C3D-9CF6-50E28A9DA18C}"/>
              </a:ext>
            </a:extLst>
          </p:cNvPr>
          <p:cNvSpPr/>
          <p:nvPr/>
        </p:nvSpPr>
        <p:spPr>
          <a:xfrm>
            <a:off x="7881074" y="6401902"/>
            <a:ext cx="339998" cy="113140"/>
          </a:xfrm>
          <a:custGeom>
            <a:avLst/>
            <a:gdLst>
              <a:gd name="connsiteX0" fmla="*/ 339941 w 339998"/>
              <a:gd name="connsiteY0" fmla="*/ 113102 h 113140"/>
              <a:gd name="connsiteX1" fmla="*/ -57 w 339998"/>
              <a:gd name="connsiteY1" fmla="*/ 113102 h 113140"/>
              <a:gd name="connsiteX2" fmla="*/ 121701 w 339998"/>
              <a:gd name="connsiteY2" fmla="*/ -16 h 113140"/>
              <a:gd name="connsiteX3" fmla="*/ 218382 w 339998"/>
              <a:gd name="connsiteY3" fmla="*/ 84400 h 113140"/>
              <a:gd name="connsiteX4" fmla="*/ 339941 w 339998"/>
              <a:gd name="connsiteY4" fmla="*/ 113102 h 11314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39998" h="113140">
                <a:moveTo>
                  <a:pt x="339941" y="113102"/>
                </a:moveTo>
                <a:lnTo>
                  <a:pt x="-57" y="113102"/>
                </a:lnTo>
                <a:cubicBezTo>
                  <a:pt x="-57" y="113102"/>
                  <a:pt x="58339" y="1623"/>
                  <a:pt x="121701" y="-16"/>
                </a:cubicBezTo>
                <a:cubicBezTo>
                  <a:pt x="185062" y="-1655"/>
                  <a:pt x="218382" y="84400"/>
                  <a:pt x="218382" y="84400"/>
                </a:cubicBezTo>
                <a:cubicBezTo>
                  <a:pt x="218382" y="84400"/>
                  <a:pt x="316901" y="5297"/>
                  <a:pt x="339941" y="113102"/>
                </a:cubicBezTo>
                <a:close/>
              </a:path>
            </a:pathLst>
          </a:custGeom>
          <a:solidFill>
            <a:srgbClr val="EBEBEB">
              <a:alpha val="50000"/>
            </a:srgbClr>
          </a:solidFill>
          <a:ln w="49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396" name="Freeform: Shape 3395">
            <a:extLst>
              <a:ext uri="{FF2B5EF4-FFF2-40B4-BE49-F238E27FC236}">
                <a16:creationId xmlns:a16="http://schemas.microsoft.com/office/drawing/2014/main" id="{A3DA316F-2702-D31A-AA97-329876C843A8}"/>
              </a:ext>
            </a:extLst>
          </p:cNvPr>
          <p:cNvSpPr/>
          <p:nvPr/>
        </p:nvSpPr>
        <p:spPr>
          <a:xfrm>
            <a:off x="11614393" y="5506640"/>
            <a:ext cx="258214" cy="83671"/>
          </a:xfrm>
          <a:custGeom>
            <a:avLst/>
            <a:gdLst>
              <a:gd name="connsiteX0" fmla="*/ 258157 w 258214"/>
              <a:gd name="connsiteY0" fmla="*/ 83632 h 83671"/>
              <a:gd name="connsiteX1" fmla="*/ -57 w 258214"/>
              <a:gd name="connsiteY1" fmla="*/ 83632 h 83671"/>
              <a:gd name="connsiteX2" fmla="*/ 103129 w 258214"/>
              <a:gd name="connsiteY2" fmla="*/ -39 h 83671"/>
              <a:gd name="connsiteX3" fmla="*/ 162071 w 258214"/>
              <a:gd name="connsiteY3" fmla="*/ 55725 h 83671"/>
              <a:gd name="connsiteX4" fmla="*/ 223944 w 258214"/>
              <a:gd name="connsiteY4" fmla="*/ 34373 h 83671"/>
              <a:gd name="connsiteX5" fmla="*/ 258157 w 258214"/>
              <a:gd name="connsiteY5" fmla="*/ 83632 h 8367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58214" h="83671">
                <a:moveTo>
                  <a:pt x="258157" y="83632"/>
                </a:moveTo>
                <a:lnTo>
                  <a:pt x="-57" y="83632"/>
                </a:lnTo>
                <a:cubicBezTo>
                  <a:pt x="-57" y="83632"/>
                  <a:pt x="57644" y="-39"/>
                  <a:pt x="103129" y="-39"/>
                </a:cubicBezTo>
                <a:cubicBezTo>
                  <a:pt x="148615" y="-39"/>
                  <a:pt x="162071" y="55725"/>
                  <a:pt x="162071" y="55725"/>
                </a:cubicBezTo>
                <a:cubicBezTo>
                  <a:pt x="162071" y="55725"/>
                  <a:pt x="194199" y="29705"/>
                  <a:pt x="223944" y="34373"/>
                </a:cubicBezTo>
                <a:cubicBezTo>
                  <a:pt x="253688" y="39041"/>
                  <a:pt x="258157" y="83632"/>
                  <a:pt x="258157" y="83632"/>
                </a:cubicBezTo>
                <a:close/>
              </a:path>
            </a:pathLst>
          </a:custGeom>
          <a:solidFill>
            <a:schemeClr val="accent1">
              <a:lumMod val="40000"/>
              <a:lumOff val="60000"/>
              <a:alpha val="50000"/>
            </a:schemeClr>
          </a:solidFill>
          <a:ln w="49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397" name="Freeform: Shape 3396">
            <a:extLst>
              <a:ext uri="{FF2B5EF4-FFF2-40B4-BE49-F238E27FC236}">
                <a16:creationId xmlns:a16="http://schemas.microsoft.com/office/drawing/2014/main" id="{84814C97-AD56-0F5B-D932-5178ECAD2305}"/>
              </a:ext>
            </a:extLst>
          </p:cNvPr>
          <p:cNvSpPr/>
          <p:nvPr/>
        </p:nvSpPr>
        <p:spPr>
          <a:xfrm>
            <a:off x="11829712" y="5750066"/>
            <a:ext cx="312113" cy="102257"/>
          </a:xfrm>
          <a:custGeom>
            <a:avLst/>
            <a:gdLst>
              <a:gd name="connsiteX0" fmla="*/ 552869 w 552926"/>
              <a:gd name="connsiteY0" fmla="*/ 149676 h 149714"/>
              <a:gd name="connsiteX1" fmla="*/ -57 w 552926"/>
              <a:gd name="connsiteY1" fmla="*/ 149676 h 149714"/>
              <a:gd name="connsiteX2" fmla="*/ 138981 w 552926"/>
              <a:gd name="connsiteY2" fmla="*/ -39 h 149714"/>
              <a:gd name="connsiteX3" fmla="*/ 249815 w 552926"/>
              <a:gd name="connsiteY3" fmla="*/ 103296 h 149714"/>
              <a:gd name="connsiteX4" fmla="*/ 353448 w 552926"/>
              <a:gd name="connsiteY4" fmla="*/ 47184 h 149714"/>
              <a:gd name="connsiteX5" fmla="*/ 440893 w 552926"/>
              <a:gd name="connsiteY5" fmla="*/ 121371 h 149714"/>
              <a:gd name="connsiteX6" fmla="*/ 552869 w 552926"/>
              <a:gd name="connsiteY6" fmla="*/ 149676 h 14971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552926" h="149714">
                <a:moveTo>
                  <a:pt x="552869" y="149676"/>
                </a:moveTo>
                <a:lnTo>
                  <a:pt x="-57" y="149676"/>
                </a:lnTo>
                <a:cubicBezTo>
                  <a:pt x="-57" y="149676"/>
                  <a:pt x="54565" y="-39"/>
                  <a:pt x="138981" y="-39"/>
                </a:cubicBezTo>
                <a:cubicBezTo>
                  <a:pt x="223397" y="-39"/>
                  <a:pt x="249815" y="103296"/>
                  <a:pt x="249815" y="103296"/>
                </a:cubicBezTo>
                <a:cubicBezTo>
                  <a:pt x="249815" y="103296"/>
                  <a:pt x="306721" y="47184"/>
                  <a:pt x="353448" y="47184"/>
                </a:cubicBezTo>
                <a:cubicBezTo>
                  <a:pt x="400175" y="47184"/>
                  <a:pt x="440893" y="121371"/>
                  <a:pt x="440893" y="121371"/>
                </a:cubicBezTo>
                <a:cubicBezTo>
                  <a:pt x="440893" y="121371"/>
                  <a:pt x="507085" y="81398"/>
                  <a:pt x="552869" y="149676"/>
                </a:cubicBezTo>
                <a:close/>
              </a:path>
            </a:pathLst>
          </a:custGeom>
          <a:solidFill>
            <a:srgbClr val="EBEBEB">
              <a:alpha val="63137"/>
            </a:srgbClr>
          </a:solidFill>
          <a:ln w="49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398" name="Arc 3397">
            <a:extLst>
              <a:ext uri="{FF2B5EF4-FFF2-40B4-BE49-F238E27FC236}">
                <a16:creationId xmlns:a16="http://schemas.microsoft.com/office/drawing/2014/main" id="{3BD61172-64C3-4F65-FEE6-909F76B9D8AD}"/>
              </a:ext>
            </a:extLst>
          </p:cNvPr>
          <p:cNvSpPr/>
          <p:nvPr/>
        </p:nvSpPr>
        <p:spPr>
          <a:xfrm rot="10800000">
            <a:off x="5257411" y="364145"/>
            <a:ext cx="144486" cy="159168"/>
          </a:xfrm>
          <a:prstGeom prst="arc">
            <a:avLst>
              <a:gd name="adj1" fmla="val 727817"/>
              <a:gd name="adj2" fmla="val 4591247"/>
            </a:avLst>
          </a:prstGeom>
          <a:ln w="19050" cap="rnd">
            <a:solidFill>
              <a:schemeClr val="bg1"/>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cxnSp>
        <p:nvCxnSpPr>
          <p:cNvPr id="3399" name="Straight Connector 3398">
            <a:extLst>
              <a:ext uri="{FF2B5EF4-FFF2-40B4-BE49-F238E27FC236}">
                <a16:creationId xmlns:a16="http://schemas.microsoft.com/office/drawing/2014/main" id="{C010B3ED-D760-4A8F-8E85-6C0AFA2B5034}"/>
              </a:ext>
            </a:extLst>
          </p:cNvPr>
          <p:cNvCxnSpPr>
            <a:cxnSpLocks/>
          </p:cNvCxnSpPr>
          <p:nvPr/>
        </p:nvCxnSpPr>
        <p:spPr>
          <a:xfrm>
            <a:off x="5307887" y="366837"/>
            <a:ext cx="187778" cy="0"/>
          </a:xfrm>
          <a:prstGeom prst="line">
            <a:avLst/>
          </a:prstGeom>
          <a:ln w="19050" cap="rnd">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401" name="Straight Connector 3400">
            <a:extLst>
              <a:ext uri="{FF2B5EF4-FFF2-40B4-BE49-F238E27FC236}">
                <a16:creationId xmlns:a16="http://schemas.microsoft.com/office/drawing/2014/main" id="{E04A731C-D946-5FB6-345E-DCB5FA65E566}"/>
              </a:ext>
            </a:extLst>
          </p:cNvPr>
          <p:cNvCxnSpPr>
            <a:cxnSpLocks/>
          </p:cNvCxnSpPr>
          <p:nvPr/>
        </p:nvCxnSpPr>
        <p:spPr>
          <a:xfrm flipV="1">
            <a:off x="2409383" y="2731272"/>
            <a:ext cx="0" cy="1631518"/>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cxnSp>
        <p:nvCxnSpPr>
          <p:cNvPr id="3402" name="Straight Connector 3401">
            <a:extLst>
              <a:ext uri="{FF2B5EF4-FFF2-40B4-BE49-F238E27FC236}">
                <a16:creationId xmlns:a16="http://schemas.microsoft.com/office/drawing/2014/main" id="{4CE4D8CF-22A1-9816-1FDF-566DF840B798}"/>
              </a:ext>
            </a:extLst>
          </p:cNvPr>
          <p:cNvCxnSpPr>
            <a:cxnSpLocks/>
          </p:cNvCxnSpPr>
          <p:nvPr/>
        </p:nvCxnSpPr>
        <p:spPr>
          <a:xfrm>
            <a:off x="1780789" y="4362790"/>
            <a:ext cx="639041" cy="0"/>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cxnSp>
        <p:nvCxnSpPr>
          <p:cNvPr id="3403" name="Straight Connector 3402">
            <a:extLst>
              <a:ext uri="{FF2B5EF4-FFF2-40B4-BE49-F238E27FC236}">
                <a16:creationId xmlns:a16="http://schemas.microsoft.com/office/drawing/2014/main" id="{19BBCA7A-ACEA-B674-F516-B7F60A5C901A}"/>
              </a:ext>
            </a:extLst>
          </p:cNvPr>
          <p:cNvCxnSpPr>
            <a:cxnSpLocks/>
          </p:cNvCxnSpPr>
          <p:nvPr/>
        </p:nvCxnSpPr>
        <p:spPr>
          <a:xfrm>
            <a:off x="168345" y="5035035"/>
            <a:ext cx="1964283" cy="0"/>
          </a:xfrm>
          <a:prstGeom prst="line">
            <a:avLst/>
          </a:prstGeom>
          <a:ln w="9525">
            <a:solidFill>
              <a:srgbClr val="FFBD1B"/>
            </a:solidFill>
          </a:ln>
        </p:spPr>
        <p:style>
          <a:lnRef idx="1">
            <a:schemeClr val="accent1"/>
          </a:lnRef>
          <a:fillRef idx="0">
            <a:schemeClr val="accent1"/>
          </a:fillRef>
          <a:effectRef idx="0">
            <a:schemeClr val="accent1"/>
          </a:effectRef>
          <a:fontRef idx="minor">
            <a:schemeClr val="tx1"/>
          </a:fontRef>
        </p:style>
      </p:cxnSp>
      <p:sp>
        <p:nvSpPr>
          <p:cNvPr id="3404" name="TextBox 3403">
            <a:extLst>
              <a:ext uri="{FF2B5EF4-FFF2-40B4-BE49-F238E27FC236}">
                <a16:creationId xmlns:a16="http://schemas.microsoft.com/office/drawing/2014/main" id="{D49DF4BD-10C4-1951-CEFF-44454D055257}"/>
              </a:ext>
            </a:extLst>
          </p:cNvPr>
          <p:cNvSpPr txBox="1"/>
          <p:nvPr/>
        </p:nvSpPr>
        <p:spPr>
          <a:xfrm>
            <a:off x="84324" y="4658795"/>
            <a:ext cx="2416978" cy="353943"/>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700" i="0" u="none" strike="noStrike" kern="1200" cap="none" spc="0" normalizeH="0" baseline="0" noProof="0">
                <a:ln>
                  <a:noFill/>
                </a:ln>
                <a:effectLst/>
                <a:uLnTx/>
                <a:uFillTx/>
                <a:latin typeface="Georgia Pro Cond Semibold" panose="02040706050405020303" pitchFamily="18" charset="0"/>
                <a:cs typeface="Times New Roman" panose="02020603050405020304" pitchFamily="18" charset="0"/>
              </a:rPr>
              <a:t>JOURNEY BEGINS</a:t>
            </a:r>
            <a:endParaRPr kumimoji="0" lang="en-IN" sz="1700" i="0" u="none" strike="noStrike" kern="1200" cap="none" spc="0" normalizeH="0" baseline="0" noProof="0">
              <a:ln>
                <a:noFill/>
              </a:ln>
              <a:effectLst/>
              <a:uLnTx/>
              <a:uFillTx/>
              <a:latin typeface="Georgia Pro Cond Semibold" panose="02040706050405020303" pitchFamily="18" charset="0"/>
              <a:cs typeface="Times New Roman" panose="02020603050405020304" pitchFamily="18" charset="0"/>
            </a:endParaRPr>
          </a:p>
        </p:txBody>
      </p:sp>
      <p:cxnSp>
        <p:nvCxnSpPr>
          <p:cNvPr id="3405" name="Straight Connector 3404">
            <a:extLst>
              <a:ext uri="{FF2B5EF4-FFF2-40B4-BE49-F238E27FC236}">
                <a16:creationId xmlns:a16="http://schemas.microsoft.com/office/drawing/2014/main" id="{AC1F7C20-9681-98C5-1DC8-C5AF5D08029E}"/>
              </a:ext>
            </a:extLst>
          </p:cNvPr>
          <p:cNvCxnSpPr>
            <a:cxnSpLocks/>
          </p:cNvCxnSpPr>
          <p:nvPr/>
        </p:nvCxnSpPr>
        <p:spPr>
          <a:xfrm>
            <a:off x="2401171" y="2744718"/>
            <a:ext cx="204235" cy="0"/>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grpSp>
        <p:nvGrpSpPr>
          <p:cNvPr id="3406" name="Graphic 39">
            <a:extLst>
              <a:ext uri="{FF2B5EF4-FFF2-40B4-BE49-F238E27FC236}">
                <a16:creationId xmlns:a16="http://schemas.microsoft.com/office/drawing/2014/main" id="{919EDB87-7F24-EF8A-AC7E-6A136F4B3BF9}"/>
              </a:ext>
            </a:extLst>
          </p:cNvPr>
          <p:cNvGrpSpPr/>
          <p:nvPr/>
        </p:nvGrpSpPr>
        <p:grpSpPr>
          <a:xfrm>
            <a:off x="134452" y="1208427"/>
            <a:ext cx="2312507" cy="1397199"/>
            <a:chOff x="5381574" y="792240"/>
            <a:chExt cx="2071953" cy="1251859"/>
          </a:xfrm>
          <a:solidFill>
            <a:schemeClr val="accent5">
              <a:lumMod val="60000"/>
              <a:lumOff val="40000"/>
            </a:schemeClr>
          </a:solidFill>
        </p:grpSpPr>
        <p:sp>
          <p:nvSpPr>
            <p:cNvPr id="3407" name="Freeform: Shape 3406">
              <a:extLst>
                <a:ext uri="{FF2B5EF4-FFF2-40B4-BE49-F238E27FC236}">
                  <a16:creationId xmlns:a16="http://schemas.microsoft.com/office/drawing/2014/main" id="{FD55FF69-264F-D240-6BCE-516DBD29948E}"/>
                </a:ext>
              </a:extLst>
            </p:cNvPr>
            <p:cNvSpPr/>
            <p:nvPr/>
          </p:nvSpPr>
          <p:spPr>
            <a:xfrm>
              <a:off x="6213153" y="1266119"/>
              <a:ext cx="46634" cy="47830"/>
            </a:xfrm>
            <a:custGeom>
              <a:avLst/>
              <a:gdLst>
                <a:gd name="connsiteX0" fmla="*/ 34872 w 46634"/>
                <a:gd name="connsiteY0" fmla="*/ 47831 h 47830"/>
                <a:gd name="connsiteX1" fmla="*/ 0 w 46634"/>
                <a:gd name="connsiteY1" fmla="*/ 20516 h 47830"/>
                <a:gd name="connsiteX2" fmla="*/ 5888 w 46634"/>
                <a:gd name="connsiteY2" fmla="*/ 0 h 47830"/>
                <a:gd name="connsiteX3" fmla="*/ 46222 w 46634"/>
                <a:gd name="connsiteY3" fmla="*/ 40092 h 47830"/>
              </a:gdLst>
              <a:ahLst/>
              <a:cxnLst>
                <a:cxn ang="0">
                  <a:pos x="connsiteX0" y="connsiteY0"/>
                </a:cxn>
                <a:cxn ang="0">
                  <a:pos x="connsiteX1" y="connsiteY1"/>
                </a:cxn>
                <a:cxn ang="0">
                  <a:pos x="connsiteX2" y="connsiteY2"/>
                </a:cxn>
                <a:cxn ang="0">
                  <a:pos x="connsiteX3" y="connsiteY3"/>
                </a:cxn>
              </a:cxnLst>
              <a:rect l="l" t="t" r="r" b="b"/>
              <a:pathLst>
                <a:path w="46634" h="47830">
                  <a:moveTo>
                    <a:pt x="34872" y="47831"/>
                  </a:moveTo>
                  <a:cubicBezTo>
                    <a:pt x="34872" y="47831"/>
                    <a:pt x="27315" y="15994"/>
                    <a:pt x="0" y="20516"/>
                  </a:cubicBezTo>
                  <a:lnTo>
                    <a:pt x="5888" y="0"/>
                  </a:lnTo>
                  <a:cubicBezTo>
                    <a:pt x="5888" y="0"/>
                    <a:pt x="51412" y="7436"/>
                    <a:pt x="4622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08" name="Freeform: Shape 3407">
              <a:extLst>
                <a:ext uri="{FF2B5EF4-FFF2-40B4-BE49-F238E27FC236}">
                  <a16:creationId xmlns:a16="http://schemas.microsoft.com/office/drawing/2014/main" id="{95853D83-E11B-D401-FB22-5E17A1CEB451}"/>
                </a:ext>
              </a:extLst>
            </p:cNvPr>
            <p:cNvSpPr/>
            <p:nvPr/>
          </p:nvSpPr>
          <p:spPr>
            <a:xfrm>
              <a:off x="6166870" y="192012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09" name="Freeform: Shape 3408">
              <a:extLst>
                <a:ext uri="{FF2B5EF4-FFF2-40B4-BE49-F238E27FC236}">
                  <a16:creationId xmlns:a16="http://schemas.microsoft.com/office/drawing/2014/main" id="{67720FFB-1F3C-727A-4BCF-956FE82241EB}"/>
                </a:ext>
              </a:extLst>
            </p:cNvPr>
            <p:cNvSpPr/>
            <p:nvPr/>
          </p:nvSpPr>
          <p:spPr>
            <a:xfrm>
              <a:off x="6742571" y="1905697"/>
              <a:ext cx="45190" cy="47778"/>
            </a:xfrm>
            <a:custGeom>
              <a:avLst/>
              <a:gdLst>
                <a:gd name="connsiteX0" fmla="*/ 45190 w 45190"/>
                <a:gd name="connsiteY0" fmla="*/ 10661 h 47778"/>
                <a:gd name="connsiteX1" fmla="*/ 20911 w 45190"/>
                <a:gd name="connsiteY1" fmla="*/ 47779 h 47778"/>
                <a:gd name="connsiteX2" fmla="*/ 0 w 45190"/>
                <a:gd name="connsiteY2" fmla="*/ 43651 h 47778"/>
                <a:gd name="connsiteX3" fmla="*/ 36420 w 45190"/>
                <a:gd name="connsiteY3" fmla="*/ 100 h 47778"/>
              </a:gdLst>
              <a:ahLst/>
              <a:cxnLst>
                <a:cxn ang="0">
                  <a:pos x="connsiteX0" y="connsiteY0"/>
                </a:cxn>
                <a:cxn ang="0">
                  <a:pos x="connsiteX1" y="connsiteY1"/>
                </a:cxn>
                <a:cxn ang="0">
                  <a:pos x="connsiteX2" y="connsiteY2"/>
                </a:cxn>
                <a:cxn ang="0">
                  <a:pos x="connsiteX3" y="connsiteY3"/>
                </a:cxn>
              </a:cxnLst>
              <a:rect l="l" t="t" r="r" b="b"/>
              <a:pathLst>
                <a:path w="45190" h="47778">
                  <a:moveTo>
                    <a:pt x="45190" y="10661"/>
                  </a:moveTo>
                  <a:cubicBezTo>
                    <a:pt x="45190" y="10661"/>
                    <a:pt x="14143" y="20828"/>
                    <a:pt x="20911" y="47779"/>
                  </a:cubicBezTo>
                  <a:lnTo>
                    <a:pt x="0" y="43651"/>
                  </a:lnTo>
                  <a:cubicBezTo>
                    <a:pt x="0" y="43651"/>
                    <a:pt x="3581" y="-2419"/>
                    <a:pt x="36420" y="10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0" name="Freeform: Shape 3409">
              <a:extLst>
                <a:ext uri="{FF2B5EF4-FFF2-40B4-BE49-F238E27FC236}">
                  <a16:creationId xmlns:a16="http://schemas.microsoft.com/office/drawing/2014/main" id="{2A175CC7-AAB1-DE1C-EED4-0C77DF53E292}"/>
                </a:ext>
              </a:extLst>
            </p:cNvPr>
            <p:cNvSpPr/>
            <p:nvPr/>
          </p:nvSpPr>
          <p:spPr>
            <a:xfrm>
              <a:off x="7306284" y="175781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61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61"/>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1" name="Freeform: Shape 3410">
              <a:extLst>
                <a:ext uri="{FF2B5EF4-FFF2-40B4-BE49-F238E27FC236}">
                  <a16:creationId xmlns:a16="http://schemas.microsoft.com/office/drawing/2014/main" id="{68BEB5EF-5B03-0826-1C6B-71BAD830BE3B}"/>
                </a:ext>
              </a:extLst>
            </p:cNvPr>
            <p:cNvSpPr/>
            <p:nvPr/>
          </p:nvSpPr>
          <p:spPr>
            <a:xfrm>
              <a:off x="7406923" y="908813"/>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06" y="15994"/>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2" name="Freeform: Shape 3411">
              <a:extLst>
                <a:ext uri="{FF2B5EF4-FFF2-40B4-BE49-F238E27FC236}">
                  <a16:creationId xmlns:a16="http://schemas.microsoft.com/office/drawing/2014/main" id="{2F3AA216-573E-1FCD-2FB2-CFA7945FFB40}"/>
                </a:ext>
              </a:extLst>
            </p:cNvPr>
            <p:cNvSpPr/>
            <p:nvPr/>
          </p:nvSpPr>
          <p:spPr>
            <a:xfrm>
              <a:off x="5759920" y="1015795"/>
              <a:ext cx="32860" cy="53809"/>
            </a:xfrm>
            <a:custGeom>
              <a:avLst/>
              <a:gdLst>
                <a:gd name="connsiteX0" fmla="*/ 32861 w 32860"/>
                <a:gd name="connsiteY0" fmla="*/ 6798 h 53809"/>
                <a:gd name="connsiteX1" fmla="*/ 23756 w 32860"/>
                <a:gd name="connsiteY1" fmla="*/ 50107 h 53809"/>
                <a:gd name="connsiteX2" fmla="*/ 2754 w 32860"/>
                <a:gd name="connsiteY2" fmla="*/ 53810 h 53809"/>
                <a:gd name="connsiteX3" fmla="*/ 21176 w 32860"/>
                <a:gd name="connsiteY3" fmla="*/ 0 h 53809"/>
              </a:gdLst>
              <a:ahLst/>
              <a:cxnLst>
                <a:cxn ang="0">
                  <a:pos x="connsiteX0" y="connsiteY0"/>
                </a:cxn>
                <a:cxn ang="0">
                  <a:pos x="connsiteX1" y="connsiteY1"/>
                </a:cxn>
                <a:cxn ang="0">
                  <a:pos x="connsiteX2" y="connsiteY2"/>
                </a:cxn>
                <a:cxn ang="0">
                  <a:pos x="connsiteX3" y="connsiteY3"/>
                </a:cxn>
              </a:cxnLst>
              <a:rect l="l" t="t" r="r" b="b"/>
              <a:pathLst>
                <a:path w="32860" h="53809">
                  <a:moveTo>
                    <a:pt x="32861" y="6798"/>
                  </a:moveTo>
                  <a:cubicBezTo>
                    <a:pt x="32861" y="6798"/>
                    <a:pt x="7549" y="27436"/>
                    <a:pt x="23756" y="50107"/>
                  </a:cubicBezTo>
                  <a:lnTo>
                    <a:pt x="2754" y="53810"/>
                  </a:lnTo>
                  <a:cubicBezTo>
                    <a:pt x="2754" y="53810"/>
                    <a:pt x="-10509" y="9530"/>
                    <a:pt x="21176" y="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3" name="Freeform: Shape 3412">
              <a:extLst>
                <a:ext uri="{FF2B5EF4-FFF2-40B4-BE49-F238E27FC236}">
                  <a16:creationId xmlns:a16="http://schemas.microsoft.com/office/drawing/2014/main" id="{AE401165-C86C-317D-8E00-026CA6837C37}"/>
                </a:ext>
              </a:extLst>
            </p:cNvPr>
            <p:cNvSpPr/>
            <p:nvPr/>
          </p:nvSpPr>
          <p:spPr>
            <a:xfrm>
              <a:off x="6385842" y="1065589"/>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675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45"/>
                    <a:pt x="19636" y="44746"/>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4" name="Freeform: Shape 3413">
              <a:extLst>
                <a:ext uri="{FF2B5EF4-FFF2-40B4-BE49-F238E27FC236}">
                  <a16:creationId xmlns:a16="http://schemas.microsoft.com/office/drawing/2014/main" id="{075AFCCD-523D-B92A-83E6-0A349DD586E4}"/>
                </a:ext>
              </a:extLst>
            </p:cNvPr>
            <p:cNvSpPr/>
            <p:nvPr/>
          </p:nvSpPr>
          <p:spPr>
            <a:xfrm>
              <a:off x="5515841" y="1863601"/>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796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76"/>
                    <a:pt x="19636" y="44746"/>
                  </a:cubicBezTo>
                  <a:lnTo>
                    <a:pt x="0" y="36430"/>
                  </a:lnTo>
                  <a:cubicBezTo>
                    <a:pt x="0" y="36430"/>
                    <a:pt x="12959" y="-7941"/>
                    <a:pt x="44796"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5" name="Freeform: Shape 3414">
              <a:extLst>
                <a:ext uri="{FF2B5EF4-FFF2-40B4-BE49-F238E27FC236}">
                  <a16:creationId xmlns:a16="http://schemas.microsoft.com/office/drawing/2014/main" id="{E8992332-416C-1DDA-7120-169DC91C6649}"/>
                </a:ext>
              </a:extLst>
            </p:cNvPr>
            <p:cNvSpPr/>
            <p:nvPr/>
          </p:nvSpPr>
          <p:spPr>
            <a:xfrm>
              <a:off x="7249379" y="1328416"/>
              <a:ext cx="50865" cy="44715"/>
            </a:xfrm>
            <a:custGeom>
              <a:avLst/>
              <a:gdLst>
                <a:gd name="connsiteX0" fmla="*/ 50866 w 50865"/>
                <a:gd name="connsiteY0" fmla="*/ 13334 h 44715"/>
                <a:gd name="connsiteX1" fmla="*/ 19636 w 50865"/>
                <a:gd name="connsiteY1" fmla="*/ 44715 h 44715"/>
                <a:gd name="connsiteX2" fmla="*/ 0 w 50865"/>
                <a:gd name="connsiteY2" fmla="*/ 36430 h 44715"/>
                <a:gd name="connsiteX3" fmla="*/ 44675 w 50865"/>
                <a:gd name="connsiteY3" fmla="*/ 1255 h 44715"/>
              </a:gdLst>
              <a:ahLst/>
              <a:cxnLst>
                <a:cxn ang="0">
                  <a:pos x="connsiteX0" y="connsiteY0"/>
                </a:cxn>
                <a:cxn ang="0">
                  <a:pos x="connsiteX1" y="connsiteY1"/>
                </a:cxn>
                <a:cxn ang="0">
                  <a:pos x="connsiteX2" y="connsiteY2"/>
                </a:cxn>
                <a:cxn ang="0">
                  <a:pos x="connsiteX3" y="connsiteY3"/>
                </a:cxn>
              </a:cxnLst>
              <a:rect l="l" t="t" r="r" b="b"/>
              <a:pathLst>
                <a:path w="50865" h="44715">
                  <a:moveTo>
                    <a:pt x="50866" y="13334"/>
                  </a:moveTo>
                  <a:cubicBezTo>
                    <a:pt x="50866" y="13334"/>
                    <a:pt x="18422" y="16945"/>
                    <a:pt x="19636" y="44715"/>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6" name="Freeform: Shape 3415">
              <a:extLst>
                <a:ext uri="{FF2B5EF4-FFF2-40B4-BE49-F238E27FC236}">
                  <a16:creationId xmlns:a16="http://schemas.microsoft.com/office/drawing/2014/main" id="{C0BE9467-36CF-C190-CDF0-7D585D09A366}"/>
                </a:ext>
              </a:extLst>
            </p:cNvPr>
            <p:cNvSpPr/>
            <p:nvPr/>
          </p:nvSpPr>
          <p:spPr>
            <a:xfrm>
              <a:off x="6514160" y="1525164"/>
              <a:ext cx="50865" cy="44754"/>
            </a:xfrm>
            <a:custGeom>
              <a:avLst/>
              <a:gdLst>
                <a:gd name="connsiteX0" fmla="*/ 50866 w 50865"/>
                <a:gd name="connsiteY0" fmla="*/ 13373 h 44754"/>
                <a:gd name="connsiteX1" fmla="*/ 19606 w 50865"/>
                <a:gd name="connsiteY1" fmla="*/ 44754 h 44754"/>
                <a:gd name="connsiteX2" fmla="*/ 0 w 50865"/>
                <a:gd name="connsiteY2" fmla="*/ 36438 h 44754"/>
                <a:gd name="connsiteX3" fmla="*/ 44675 w 50865"/>
                <a:gd name="connsiteY3" fmla="*/ 1233 h 44754"/>
              </a:gdLst>
              <a:ahLst/>
              <a:cxnLst>
                <a:cxn ang="0">
                  <a:pos x="connsiteX0" y="connsiteY0"/>
                </a:cxn>
                <a:cxn ang="0">
                  <a:pos x="connsiteX1" y="connsiteY1"/>
                </a:cxn>
                <a:cxn ang="0">
                  <a:pos x="connsiteX2" y="connsiteY2"/>
                </a:cxn>
                <a:cxn ang="0">
                  <a:pos x="connsiteX3" y="connsiteY3"/>
                </a:cxn>
              </a:cxnLst>
              <a:rect l="l" t="t" r="r" b="b"/>
              <a:pathLst>
                <a:path w="50865" h="44754">
                  <a:moveTo>
                    <a:pt x="50866" y="13373"/>
                  </a:moveTo>
                  <a:cubicBezTo>
                    <a:pt x="50866" y="13373"/>
                    <a:pt x="18422" y="16984"/>
                    <a:pt x="19606" y="44754"/>
                  </a:cubicBezTo>
                  <a:lnTo>
                    <a:pt x="0" y="36438"/>
                  </a:lnTo>
                  <a:cubicBezTo>
                    <a:pt x="0" y="36438"/>
                    <a:pt x="12899" y="-7872"/>
                    <a:pt x="44675" y="1233"/>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7" name="Freeform: Shape 3416">
              <a:extLst>
                <a:ext uri="{FF2B5EF4-FFF2-40B4-BE49-F238E27FC236}">
                  <a16:creationId xmlns:a16="http://schemas.microsoft.com/office/drawing/2014/main" id="{9E1FAA7B-694A-4BF7-47E4-E4CF348D14D9}"/>
                </a:ext>
              </a:extLst>
            </p:cNvPr>
            <p:cNvSpPr/>
            <p:nvPr/>
          </p:nvSpPr>
          <p:spPr>
            <a:xfrm>
              <a:off x="6467452" y="1819592"/>
              <a:ext cx="56844" cy="31089"/>
            </a:xfrm>
            <a:custGeom>
              <a:avLst/>
              <a:gdLst>
                <a:gd name="connsiteX0" fmla="*/ 54508 w 56844"/>
                <a:gd name="connsiteY0" fmla="*/ 25020 h 31089"/>
                <a:gd name="connsiteX1" fmla="*/ 10653 w 56844"/>
                <a:gd name="connsiteY1" fmla="*/ 31090 h 31089"/>
                <a:gd name="connsiteX2" fmla="*/ 0 w 56844"/>
                <a:gd name="connsiteY2" fmla="*/ 12637 h 31089"/>
                <a:gd name="connsiteX3" fmla="*/ 56845 w 56844"/>
                <a:gd name="connsiteY3" fmla="*/ 11484 h 31089"/>
              </a:gdLst>
              <a:ahLst/>
              <a:cxnLst>
                <a:cxn ang="0">
                  <a:pos x="connsiteX0" y="connsiteY0"/>
                </a:cxn>
                <a:cxn ang="0">
                  <a:pos x="connsiteX1" y="connsiteY1"/>
                </a:cxn>
                <a:cxn ang="0">
                  <a:pos x="connsiteX2" y="connsiteY2"/>
                </a:cxn>
                <a:cxn ang="0">
                  <a:pos x="connsiteX3" y="connsiteY3"/>
                </a:cxn>
              </a:cxnLst>
              <a:rect l="l" t="t" r="r" b="b"/>
              <a:pathLst>
                <a:path w="56844" h="31089">
                  <a:moveTo>
                    <a:pt x="54508" y="25020"/>
                  </a:moveTo>
                  <a:cubicBezTo>
                    <a:pt x="54508" y="25020"/>
                    <a:pt x="26434" y="8358"/>
                    <a:pt x="10653" y="31090"/>
                  </a:cubicBezTo>
                  <a:lnTo>
                    <a:pt x="0" y="12637"/>
                  </a:lnTo>
                  <a:cubicBezTo>
                    <a:pt x="0" y="12637"/>
                    <a:pt x="37026" y="-15011"/>
                    <a:pt x="56845" y="1148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8" name="Freeform: Shape 3417">
              <a:extLst>
                <a:ext uri="{FF2B5EF4-FFF2-40B4-BE49-F238E27FC236}">
                  <a16:creationId xmlns:a16="http://schemas.microsoft.com/office/drawing/2014/main" id="{4DF7A4B4-4735-624E-F400-32945481B5A1}"/>
                </a:ext>
              </a:extLst>
            </p:cNvPr>
            <p:cNvSpPr/>
            <p:nvPr/>
          </p:nvSpPr>
          <p:spPr>
            <a:xfrm>
              <a:off x="6875502" y="833166"/>
              <a:ext cx="30895" cy="32034"/>
            </a:xfrm>
            <a:custGeom>
              <a:avLst/>
              <a:gdLst>
                <a:gd name="connsiteX0" fmla="*/ 30896 w 30895"/>
                <a:gd name="connsiteY0" fmla="*/ 7330 h 32034"/>
                <a:gd name="connsiteX1" fmla="*/ 14082 w 30895"/>
                <a:gd name="connsiteY1" fmla="*/ 32035 h 32034"/>
                <a:gd name="connsiteX2" fmla="*/ 0 w 30895"/>
                <a:gd name="connsiteY2" fmla="*/ 29000 h 32034"/>
                <a:gd name="connsiteX3" fmla="*/ 25281 w 30895"/>
                <a:gd name="connsiteY3" fmla="*/ 107 h 32034"/>
              </a:gdLst>
              <a:ahLst/>
              <a:cxnLst>
                <a:cxn ang="0">
                  <a:pos x="connsiteX0" y="connsiteY0"/>
                </a:cxn>
                <a:cxn ang="0">
                  <a:pos x="connsiteX1" y="connsiteY1"/>
                </a:cxn>
                <a:cxn ang="0">
                  <a:pos x="connsiteX2" y="connsiteY2"/>
                </a:cxn>
                <a:cxn ang="0">
                  <a:pos x="connsiteX3" y="connsiteY3"/>
                </a:cxn>
              </a:cxnLst>
              <a:rect l="l" t="t" r="r" b="b"/>
              <a:pathLst>
                <a:path w="30895" h="32034">
                  <a:moveTo>
                    <a:pt x="30896" y="7330"/>
                  </a:moveTo>
                  <a:cubicBezTo>
                    <a:pt x="30896" y="7330"/>
                    <a:pt x="9803" y="13765"/>
                    <a:pt x="14082" y="32035"/>
                  </a:cubicBezTo>
                  <a:lnTo>
                    <a:pt x="0" y="29000"/>
                  </a:lnTo>
                  <a:cubicBezTo>
                    <a:pt x="0" y="29000"/>
                    <a:pt x="3035" y="-2048"/>
                    <a:pt x="25281" y="107"/>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9" name="Freeform: Shape 3418">
              <a:extLst>
                <a:ext uri="{FF2B5EF4-FFF2-40B4-BE49-F238E27FC236}">
                  <a16:creationId xmlns:a16="http://schemas.microsoft.com/office/drawing/2014/main" id="{8E6FB66A-005E-F067-5950-8504594FED5F}"/>
                </a:ext>
              </a:extLst>
            </p:cNvPr>
            <p:cNvSpPr/>
            <p:nvPr/>
          </p:nvSpPr>
          <p:spPr>
            <a:xfrm>
              <a:off x="7252110" y="812622"/>
              <a:ext cx="30895" cy="32062"/>
            </a:xfrm>
            <a:custGeom>
              <a:avLst/>
              <a:gdLst>
                <a:gd name="connsiteX0" fmla="*/ 30896 w 30895"/>
                <a:gd name="connsiteY0" fmla="*/ 7327 h 32062"/>
                <a:gd name="connsiteX1" fmla="*/ 14052 w 30895"/>
                <a:gd name="connsiteY1" fmla="*/ 32062 h 32062"/>
                <a:gd name="connsiteX2" fmla="*/ 0 w 30895"/>
                <a:gd name="connsiteY2" fmla="*/ 29027 h 32062"/>
                <a:gd name="connsiteX3" fmla="*/ 25281 w 3089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95" h="32062">
                  <a:moveTo>
                    <a:pt x="30896" y="7327"/>
                  </a:moveTo>
                  <a:cubicBezTo>
                    <a:pt x="30896" y="7327"/>
                    <a:pt x="9651" y="13762"/>
                    <a:pt x="14052" y="32062"/>
                  </a:cubicBezTo>
                  <a:lnTo>
                    <a:pt x="0" y="29027"/>
                  </a:lnTo>
                  <a:cubicBezTo>
                    <a:pt x="0" y="29027"/>
                    <a:pt x="3035" y="-2020"/>
                    <a:pt x="2528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0" name="Freeform: Shape 3419">
              <a:extLst>
                <a:ext uri="{FF2B5EF4-FFF2-40B4-BE49-F238E27FC236}">
                  <a16:creationId xmlns:a16="http://schemas.microsoft.com/office/drawing/2014/main" id="{221C8C53-D31C-775A-EFD0-FE3AB9A7AF02}"/>
                </a:ext>
              </a:extLst>
            </p:cNvPr>
            <p:cNvSpPr/>
            <p:nvPr/>
          </p:nvSpPr>
          <p:spPr>
            <a:xfrm>
              <a:off x="6408817" y="827112"/>
              <a:ext cx="55812" cy="35228"/>
            </a:xfrm>
            <a:custGeom>
              <a:avLst/>
              <a:gdLst>
                <a:gd name="connsiteX0" fmla="*/ 0 w 55812"/>
                <a:gd name="connsiteY0" fmla="*/ 13688 h 35228"/>
                <a:gd name="connsiteX1" fmla="*/ 42125 w 55812"/>
                <a:gd name="connsiteY1" fmla="*/ 0 h 35228"/>
                <a:gd name="connsiteX2" fmla="*/ 55813 w 55812"/>
                <a:gd name="connsiteY2" fmla="*/ 16419 h 35228"/>
                <a:gd name="connsiteX3" fmla="*/ 0 w 55812"/>
                <a:gd name="connsiteY3" fmla="*/ 27375 h 35228"/>
              </a:gdLst>
              <a:ahLst/>
              <a:cxnLst>
                <a:cxn ang="0">
                  <a:pos x="connsiteX0" y="connsiteY0"/>
                </a:cxn>
                <a:cxn ang="0">
                  <a:pos x="connsiteX1" y="connsiteY1"/>
                </a:cxn>
                <a:cxn ang="0">
                  <a:pos x="connsiteX2" y="connsiteY2"/>
                </a:cxn>
                <a:cxn ang="0">
                  <a:pos x="connsiteX3" y="connsiteY3"/>
                </a:cxn>
              </a:cxnLst>
              <a:rect l="l" t="t" r="r" b="b"/>
              <a:pathLst>
                <a:path w="55812" h="35228">
                  <a:moveTo>
                    <a:pt x="0" y="13688"/>
                  </a:moveTo>
                  <a:cubicBezTo>
                    <a:pt x="0" y="13688"/>
                    <a:pt x="30532" y="25281"/>
                    <a:pt x="42125" y="0"/>
                  </a:cubicBezTo>
                  <a:lnTo>
                    <a:pt x="55813" y="16419"/>
                  </a:lnTo>
                  <a:cubicBezTo>
                    <a:pt x="55813" y="16419"/>
                    <a:pt x="24098" y="50046"/>
                    <a:pt x="0" y="2737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1" name="Freeform: Shape 3420">
              <a:extLst>
                <a:ext uri="{FF2B5EF4-FFF2-40B4-BE49-F238E27FC236}">
                  <a16:creationId xmlns:a16="http://schemas.microsoft.com/office/drawing/2014/main" id="{06164043-62B0-3FF7-C4BD-EAE421BFDA3B}"/>
                </a:ext>
              </a:extLst>
            </p:cNvPr>
            <p:cNvSpPr/>
            <p:nvPr/>
          </p:nvSpPr>
          <p:spPr>
            <a:xfrm>
              <a:off x="5640335" y="1444622"/>
              <a:ext cx="30865" cy="32062"/>
            </a:xfrm>
            <a:custGeom>
              <a:avLst/>
              <a:gdLst>
                <a:gd name="connsiteX0" fmla="*/ 30866 w 30865"/>
                <a:gd name="connsiteY0" fmla="*/ 7327 h 32062"/>
                <a:gd name="connsiteX1" fmla="*/ 14052 w 30865"/>
                <a:gd name="connsiteY1" fmla="*/ 32062 h 32062"/>
                <a:gd name="connsiteX2" fmla="*/ 0 w 30865"/>
                <a:gd name="connsiteY2" fmla="*/ 29027 h 32062"/>
                <a:gd name="connsiteX3" fmla="*/ 25251 w 3086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65" h="32062">
                  <a:moveTo>
                    <a:pt x="30866" y="7327"/>
                  </a:moveTo>
                  <a:cubicBezTo>
                    <a:pt x="30866" y="7327"/>
                    <a:pt x="9621" y="13762"/>
                    <a:pt x="14052" y="32062"/>
                  </a:cubicBezTo>
                  <a:lnTo>
                    <a:pt x="0" y="29027"/>
                  </a:lnTo>
                  <a:cubicBezTo>
                    <a:pt x="0" y="29027"/>
                    <a:pt x="3035" y="-2020"/>
                    <a:pt x="2525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2" name="Freeform: Shape 3421">
              <a:extLst>
                <a:ext uri="{FF2B5EF4-FFF2-40B4-BE49-F238E27FC236}">
                  <a16:creationId xmlns:a16="http://schemas.microsoft.com/office/drawing/2014/main" id="{B2B722B9-D19E-3944-7A28-8B7B487F3C46}"/>
                </a:ext>
              </a:extLst>
            </p:cNvPr>
            <p:cNvSpPr/>
            <p:nvPr/>
          </p:nvSpPr>
          <p:spPr>
            <a:xfrm>
              <a:off x="6086170" y="898343"/>
              <a:ext cx="30071" cy="34416"/>
            </a:xfrm>
            <a:custGeom>
              <a:avLst/>
              <a:gdLst>
                <a:gd name="connsiteX0" fmla="*/ 21063 w 30071"/>
                <a:gd name="connsiteY0" fmla="*/ 34416 h 34416"/>
                <a:gd name="connsiteX1" fmla="*/ 0 w 30071"/>
                <a:gd name="connsiteY1" fmla="*/ 13172 h 34416"/>
                <a:gd name="connsiteX2" fmla="*/ 5584 w 30071"/>
                <a:gd name="connsiteY2" fmla="*/ 0 h 34416"/>
                <a:gd name="connsiteX3" fmla="*/ 29196 w 30071"/>
                <a:gd name="connsiteY3" fmla="*/ 30350 h 34416"/>
              </a:gdLst>
              <a:ahLst/>
              <a:cxnLst>
                <a:cxn ang="0">
                  <a:pos x="connsiteX0" y="connsiteY0"/>
                </a:cxn>
                <a:cxn ang="0">
                  <a:pos x="connsiteX1" y="connsiteY1"/>
                </a:cxn>
                <a:cxn ang="0">
                  <a:pos x="connsiteX2" y="connsiteY2"/>
                </a:cxn>
                <a:cxn ang="0">
                  <a:pos x="connsiteX3" y="connsiteY3"/>
                </a:cxn>
              </a:cxnLst>
              <a:rect l="l" t="t" r="r" b="b"/>
              <a:pathLst>
                <a:path w="30071" h="34416">
                  <a:moveTo>
                    <a:pt x="21063" y="34416"/>
                  </a:moveTo>
                  <a:cubicBezTo>
                    <a:pt x="21063" y="34416"/>
                    <a:pt x="18726" y="12474"/>
                    <a:pt x="0" y="13172"/>
                  </a:cubicBezTo>
                  <a:lnTo>
                    <a:pt x="5584" y="0"/>
                  </a:lnTo>
                  <a:cubicBezTo>
                    <a:pt x="5584" y="0"/>
                    <a:pt x="35509" y="8832"/>
                    <a:pt x="29196"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3" name="Freeform: Shape 3422">
              <a:extLst>
                <a:ext uri="{FF2B5EF4-FFF2-40B4-BE49-F238E27FC236}">
                  <a16:creationId xmlns:a16="http://schemas.microsoft.com/office/drawing/2014/main" id="{27441C26-7E83-0AB4-43F1-4C1B3D61436E}"/>
                </a:ext>
              </a:extLst>
            </p:cNvPr>
            <p:cNvSpPr/>
            <p:nvPr/>
          </p:nvSpPr>
          <p:spPr>
            <a:xfrm>
              <a:off x="5381574" y="876916"/>
              <a:ext cx="30367" cy="34386"/>
            </a:xfrm>
            <a:custGeom>
              <a:avLst/>
              <a:gdLst>
                <a:gd name="connsiteX0" fmla="*/ 21245 w 30367"/>
                <a:gd name="connsiteY0" fmla="*/ 34386 h 34386"/>
                <a:gd name="connsiteX1" fmla="*/ 0 w 30367"/>
                <a:gd name="connsiteY1" fmla="*/ 13141 h 34386"/>
                <a:gd name="connsiteX2" fmla="*/ 5888 w 30367"/>
                <a:gd name="connsiteY2" fmla="*/ 0 h 34386"/>
                <a:gd name="connsiteX3" fmla="*/ 29500 w 30367"/>
                <a:gd name="connsiteY3" fmla="*/ 30350 h 34386"/>
              </a:gdLst>
              <a:ahLst/>
              <a:cxnLst>
                <a:cxn ang="0">
                  <a:pos x="connsiteX0" y="connsiteY0"/>
                </a:cxn>
                <a:cxn ang="0">
                  <a:pos x="connsiteX1" y="connsiteY1"/>
                </a:cxn>
                <a:cxn ang="0">
                  <a:pos x="connsiteX2" y="connsiteY2"/>
                </a:cxn>
                <a:cxn ang="0">
                  <a:pos x="connsiteX3" y="connsiteY3"/>
                </a:cxn>
              </a:cxnLst>
              <a:rect l="l" t="t" r="r" b="b"/>
              <a:pathLst>
                <a:path w="30367" h="34386">
                  <a:moveTo>
                    <a:pt x="21245" y="34386"/>
                  </a:moveTo>
                  <a:cubicBezTo>
                    <a:pt x="21245" y="34386"/>
                    <a:pt x="18908" y="12443"/>
                    <a:pt x="0" y="13141"/>
                  </a:cubicBezTo>
                  <a:lnTo>
                    <a:pt x="5888" y="0"/>
                  </a:lnTo>
                  <a:cubicBezTo>
                    <a:pt x="5888" y="0"/>
                    <a:pt x="35782" y="8832"/>
                    <a:pt x="29500"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4" name="Freeform: Shape 3423">
              <a:extLst>
                <a:ext uri="{FF2B5EF4-FFF2-40B4-BE49-F238E27FC236}">
                  <a16:creationId xmlns:a16="http://schemas.microsoft.com/office/drawing/2014/main" id="{5E25B1C2-0372-021C-5B4F-D64BA2D58D17}"/>
                </a:ext>
              </a:extLst>
            </p:cNvPr>
            <p:cNvSpPr/>
            <p:nvPr/>
          </p:nvSpPr>
          <p:spPr>
            <a:xfrm>
              <a:off x="6237554" y="977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78" y="17239"/>
                    <a:pt x="8619" y="17239"/>
                  </a:cubicBezTo>
                  <a:cubicBezTo>
                    <a:pt x="3860" y="17239"/>
                    <a:pt x="0" y="13378"/>
                    <a:pt x="0" y="8619"/>
                  </a:cubicBezTo>
                  <a:cubicBezTo>
                    <a:pt x="0" y="3859"/>
                    <a:pt x="3860" y="0"/>
                    <a:pt x="8619" y="0"/>
                  </a:cubicBezTo>
                  <a:cubicBezTo>
                    <a:pt x="13378"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0" name="Freeform: Shape 3429">
              <a:extLst>
                <a:ext uri="{FF2B5EF4-FFF2-40B4-BE49-F238E27FC236}">
                  <a16:creationId xmlns:a16="http://schemas.microsoft.com/office/drawing/2014/main" id="{79EFC2D0-292A-3C3A-B7F1-D94748CFD47D}"/>
                </a:ext>
              </a:extLst>
            </p:cNvPr>
            <p:cNvSpPr/>
            <p:nvPr/>
          </p:nvSpPr>
          <p:spPr>
            <a:xfrm>
              <a:off x="6725423" y="1439992"/>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88"/>
                    <a:pt x="3830" y="18"/>
                    <a:pt x="8589" y="0"/>
                  </a:cubicBezTo>
                  <a:cubicBezTo>
                    <a:pt x="8610" y="0"/>
                    <a:pt x="8628" y="0"/>
                    <a:pt x="8650" y="0"/>
                  </a:cubicBezTo>
                  <a:cubicBezTo>
                    <a:pt x="13387" y="15"/>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1" name="Freeform: Shape 3430">
              <a:extLst>
                <a:ext uri="{FF2B5EF4-FFF2-40B4-BE49-F238E27FC236}">
                  <a16:creationId xmlns:a16="http://schemas.microsoft.com/office/drawing/2014/main" id="{1C3A323B-C888-CD5A-DF2A-2BABFF27353B}"/>
                </a:ext>
              </a:extLst>
            </p:cNvPr>
            <p:cNvSpPr/>
            <p:nvPr/>
          </p:nvSpPr>
          <p:spPr>
            <a:xfrm>
              <a:off x="6592947" y="103470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80"/>
                    <a:pt x="13380" y="17239"/>
                    <a:pt x="8619" y="17239"/>
                  </a:cubicBezTo>
                  <a:cubicBezTo>
                    <a:pt x="3859" y="17239"/>
                    <a:pt x="0" y="13380"/>
                    <a:pt x="0" y="8619"/>
                  </a:cubicBezTo>
                  <a:cubicBezTo>
                    <a:pt x="0" y="3859"/>
                    <a:pt x="3859" y="0"/>
                    <a:pt x="8619" y="0"/>
                  </a:cubicBezTo>
                  <a:cubicBezTo>
                    <a:pt x="13380"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2" name="Freeform: Shape 3431">
              <a:extLst>
                <a:ext uri="{FF2B5EF4-FFF2-40B4-BE49-F238E27FC236}">
                  <a16:creationId xmlns:a16="http://schemas.microsoft.com/office/drawing/2014/main" id="{D879FBBB-C38E-E995-D692-A43A069D86CD}"/>
                </a:ext>
              </a:extLst>
            </p:cNvPr>
            <p:cNvSpPr/>
            <p:nvPr/>
          </p:nvSpPr>
          <p:spPr>
            <a:xfrm>
              <a:off x="6160193" y="1606277"/>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3" name="Freeform: Shape 3432">
              <a:extLst>
                <a:ext uri="{FF2B5EF4-FFF2-40B4-BE49-F238E27FC236}">
                  <a16:creationId xmlns:a16="http://schemas.microsoft.com/office/drawing/2014/main" id="{C04C8440-5571-421E-432F-130D60DCBEAC}"/>
                </a:ext>
              </a:extLst>
            </p:cNvPr>
            <p:cNvSpPr/>
            <p:nvPr/>
          </p:nvSpPr>
          <p:spPr>
            <a:xfrm>
              <a:off x="6862816" y="176828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1" y="17239"/>
                    <a:pt x="8619" y="17239"/>
                  </a:cubicBezTo>
                  <a:cubicBezTo>
                    <a:pt x="3857" y="17239"/>
                    <a:pt x="0" y="13378"/>
                    <a:pt x="0" y="8619"/>
                  </a:cubicBezTo>
                  <a:cubicBezTo>
                    <a:pt x="0" y="3860"/>
                    <a:pt x="3857" y="0"/>
                    <a:pt x="8619" y="0"/>
                  </a:cubicBezTo>
                  <a:cubicBezTo>
                    <a:pt x="13378"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4" name="Freeform: Shape 3433">
              <a:extLst>
                <a:ext uri="{FF2B5EF4-FFF2-40B4-BE49-F238E27FC236}">
                  <a16:creationId xmlns:a16="http://schemas.microsoft.com/office/drawing/2014/main" id="{91E59743-BD4F-CE90-2E77-0CDC298A3593}"/>
                </a:ext>
              </a:extLst>
            </p:cNvPr>
            <p:cNvSpPr/>
            <p:nvPr/>
          </p:nvSpPr>
          <p:spPr>
            <a:xfrm>
              <a:off x="7158269" y="1987134"/>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8650 w 17238"/>
                <a:gd name="connsiteY4" fmla="*/ 0 h 17238"/>
                <a:gd name="connsiteX5" fmla="*/ 17239 w 17238"/>
                <a:gd name="connsiteY5" fmla="*/ 861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19"/>
                  </a:moveTo>
                  <a:cubicBezTo>
                    <a:pt x="17239" y="13378"/>
                    <a:pt x="13378" y="17239"/>
                    <a:pt x="8619" y="17239"/>
                  </a:cubicBezTo>
                  <a:cubicBezTo>
                    <a:pt x="3861" y="17239"/>
                    <a:pt x="0" y="13378"/>
                    <a:pt x="0" y="8619"/>
                  </a:cubicBezTo>
                  <a:cubicBezTo>
                    <a:pt x="0" y="3857"/>
                    <a:pt x="3861" y="0"/>
                    <a:pt x="8619" y="0"/>
                  </a:cubicBezTo>
                  <a:cubicBezTo>
                    <a:pt x="8628" y="0"/>
                    <a:pt x="8641" y="0"/>
                    <a:pt x="8650" y="0"/>
                  </a:cubicBezTo>
                  <a:cubicBezTo>
                    <a:pt x="13399" y="18"/>
                    <a:pt x="17239" y="387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5" name="Freeform: Shape 3434">
              <a:extLst>
                <a:ext uri="{FF2B5EF4-FFF2-40B4-BE49-F238E27FC236}">
                  <a16:creationId xmlns:a16="http://schemas.microsoft.com/office/drawing/2014/main" id="{A3CB250F-6438-F16A-4917-14577CE5F9FC}"/>
                </a:ext>
              </a:extLst>
            </p:cNvPr>
            <p:cNvSpPr/>
            <p:nvPr/>
          </p:nvSpPr>
          <p:spPr>
            <a:xfrm>
              <a:off x="5686041" y="202686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7"/>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6" name="Freeform: Shape 3435">
              <a:extLst>
                <a:ext uri="{FF2B5EF4-FFF2-40B4-BE49-F238E27FC236}">
                  <a16:creationId xmlns:a16="http://schemas.microsoft.com/office/drawing/2014/main" id="{24227A67-E811-3A77-93B8-230EE738E123}"/>
                </a:ext>
              </a:extLst>
            </p:cNvPr>
            <p:cNvSpPr/>
            <p:nvPr/>
          </p:nvSpPr>
          <p:spPr>
            <a:xfrm>
              <a:off x="5426067" y="1728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0" y="17239"/>
                    <a:pt x="8619" y="17239"/>
                  </a:cubicBezTo>
                  <a:cubicBezTo>
                    <a:pt x="3859" y="17239"/>
                    <a:pt x="0" y="13378"/>
                    <a:pt x="0" y="8619"/>
                  </a:cubicBezTo>
                  <a:cubicBezTo>
                    <a:pt x="0" y="3860"/>
                    <a:pt x="3859" y="0"/>
                    <a:pt x="8619" y="0"/>
                  </a:cubicBezTo>
                  <a:cubicBezTo>
                    <a:pt x="13380"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7" name="Freeform: Shape 3436">
              <a:extLst>
                <a:ext uri="{FF2B5EF4-FFF2-40B4-BE49-F238E27FC236}">
                  <a16:creationId xmlns:a16="http://schemas.microsoft.com/office/drawing/2014/main" id="{C96B53AF-247E-B009-7856-E5A9798C8A0C}"/>
                </a:ext>
              </a:extLst>
            </p:cNvPr>
            <p:cNvSpPr/>
            <p:nvPr/>
          </p:nvSpPr>
          <p:spPr>
            <a:xfrm>
              <a:off x="5426067" y="1312159"/>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5" y="13348"/>
                    <a:pt x="13410" y="17220"/>
                    <a:pt x="8650" y="17239"/>
                  </a:cubicBezTo>
                  <a:cubicBezTo>
                    <a:pt x="3889" y="17257"/>
                    <a:pt x="17" y="13408"/>
                    <a:pt x="0" y="8650"/>
                  </a:cubicBezTo>
                  <a:cubicBezTo>
                    <a:pt x="-17" y="3891"/>
                    <a:pt x="3829" y="18"/>
                    <a:pt x="8589" y="0"/>
                  </a:cubicBezTo>
                  <a:cubicBezTo>
                    <a:pt x="8599" y="0"/>
                    <a:pt x="8609" y="0"/>
                    <a:pt x="8619" y="0"/>
                  </a:cubicBezTo>
                  <a:cubicBezTo>
                    <a:pt x="13368" y="0"/>
                    <a:pt x="17222" y="3839"/>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8" name="Freeform: Shape 3437">
              <a:extLst>
                <a:ext uri="{FF2B5EF4-FFF2-40B4-BE49-F238E27FC236}">
                  <a16:creationId xmlns:a16="http://schemas.microsoft.com/office/drawing/2014/main" id="{017CDB92-BE2E-9D72-C44B-3F2E21BD38E5}"/>
                </a:ext>
              </a:extLst>
            </p:cNvPr>
            <p:cNvSpPr/>
            <p:nvPr/>
          </p:nvSpPr>
          <p:spPr>
            <a:xfrm>
              <a:off x="5667224" y="828568"/>
              <a:ext cx="17238" cy="17238"/>
            </a:xfrm>
            <a:custGeom>
              <a:avLst/>
              <a:gdLst>
                <a:gd name="connsiteX0" fmla="*/ 17239 w 17238"/>
                <a:gd name="connsiteY0" fmla="*/ 8620 h 17238"/>
                <a:gd name="connsiteX1" fmla="*/ 8619 w 17238"/>
                <a:gd name="connsiteY1" fmla="*/ 17239 h 17238"/>
                <a:gd name="connsiteX2" fmla="*/ 0 w 17238"/>
                <a:gd name="connsiteY2" fmla="*/ 8618 h 17238"/>
                <a:gd name="connsiteX3" fmla="*/ 8619 w 17238"/>
                <a:gd name="connsiteY3" fmla="*/ 0 h 17238"/>
                <a:gd name="connsiteX4" fmla="*/ 8741 w 17238"/>
                <a:gd name="connsiteY4" fmla="*/ 1 h 17238"/>
                <a:gd name="connsiteX5" fmla="*/ 17239 w 17238"/>
                <a:gd name="connsiteY5" fmla="*/ 8620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20"/>
                  </a:moveTo>
                  <a:cubicBezTo>
                    <a:pt x="17239" y="13381"/>
                    <a:pt x="13378" y="17239"/>
                    <a:pt x="8619" y="17239"/>
                  </a:cubicBezTo>
                  <a:cubicBezTo>
                    <a:pt x="3857" y="17238"/>
                    <a:pt x="0" y="13379"/>
                    <a:pt x="0" y="8618"/>
                  </a:cubicBezTo>
                  <a:cubicBezTo>
                    <a:pt x="0" y="3858"/>
                    <a:pt x="3860" y="0"/>
                    <a:pt x="8619" y="0"/>
                  </a:cubicBezTo>
                  <a:cubicBezTo>
                    <a:pt x="8662" y="0"/>
                    <a:pt x="8701" y="0"/>
                    <a:pt x="8741" y="1"/>
                  </a:cubicBezTo>
                  <a:cubicBezTo>
                    <a:pt x="13460" y="51"/>
                    <a:pt x="17257" y="3900"/>
                    <a:pt x="17239" y="862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9" name="Freeform: Shape 3438">
              <a:extLst>
                <a:ext uri="{FF2B5EF4-FFF2-40B4-BE49-F238E27FC236}">
                  <a16:creationId xmlns:a16="http://schemas.microsoft.com/office/drawing/2014/main" id="{544D397B-1D6C-0A4A-BECF-56AA4BBA1A0F}"/>
                </a:ext>
              </a:extLst>
            </p:cNvPr>
            <p:cNvSpPr/>
            <p:nvPr/>
          </p:nvSpPr>
          <p:spPr>
            <a:xfrm>
              <a:off x="7398274" y="117340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4"/>
                    <a:pt x="18" y="13408"/>
                    <a:pt x="0" y="8650"/>
                  </a:cubicBezTo>
                  <a:cubicBezTo>
                    <a:pt x="-18" y="3888"/>
                    <a:pt x="3830" y="18"/>
                    <a:pt x="8589" y="0"/>
                  </a:cubicBezTo>
                  <a:cubicBezTo>
                    <a:pt x="8610" y="0"/>
                    <a:pt x="8629" y="0"/>
                    <a:pt x="8650" y="0"/>
                  </a:cubicBezTo>
                  <a:cubicBezTo>
                    <a:pt x="13387" y="15"/>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0" name="Freeform: Shape 3439">
              <a:extLst>
                <a:ext uri="{FF2B5EF4-FFF2-40B4-BE49-F238E27FC236}">
                  <a16:creationId xmlns:a16="http://schemas.microsoft.com/office/drawing/2014/main" id="{DE173F07-7140-FC42-FD58-44BE63D59251}"/>
                </a:ext>
              </a:extLst>
            </p:cNvPr>
            <p:cNvSpPr/>
            <p:nvPr/>
          </p:nvSpPr>
          <p:spPr>
            <a:xfrm>
              <a:off x="7398274" y="1507884"/>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7"/>
                    <a:pt x="18" y="13408"/>
                    <a:pt x="0" y="8650"/>
                  </a:cubicBezTo>
                  <a:cubicBezTo>
                    <a:pt x="-18" y="3891"/>
                    <a:pt x="3830" y="18"/>
                    <a:pt x="8589" y="0"/>
                  </a:cubicBezTo>
                  <a:cubicBezTo>
                    <a:pt x="8610" y="0"/>
                    <a:pt x="8629" y="0"/>
                    <a:pt x="8650" y="0"/>
                  </a:cubicBezTo>
                  <a:cubicBezTo>
                    <a:pt x="13387" y="18"/>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1" name="Freeform: Shape 3440">
              <a:extLst>
                <a:ext uri="{FF2B5EF4-FFF2-40B4-BE49-F238E27FC236}">
                  <a16:creationId xmlns:a16="http://schemas.microsoft.com/office/drawing/2014/main" id="{24C36553-0865-E9EF-CEA5-5C74B0C6A0F0}"/>
                </a:ext>
              </a:extLst>
            </p:cNvPr>
            <p:cNvSpPr/>
            <p:nvPr/>
          </p:nvSpPr>
          <p:spPr>
            <a:xfrm>
              <a:off x="7149680" y="957706"/>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12" y="17222"/>
                    <a:pt x="8650" y="17239"/>
                  </a:cubicBezTo>
                  <a:cubicBezTo>
                    <a:pt x="3891" y="17255"/>
                    <a:pt x="18" y="13410"/>
                    <a:pt x="0" y="8650"/>
                  </a:cubicBezTo>
                  <a:cubicBezTo>
                    <a:pt x="-15" y="3889"/>
                    <a:pt x="3830" y="17"/>
                    <a:pt x="8589" y="0"/>
                  </a:cubicBezTo>
                  <a:cubicBezTo>
                    <a:pt x="8598" y="0"/>
                    <a:pt x="8610" y="0"/>
                    <a:pt x="8619" y="0"/>
                  </a:cubicBezTo>
                  <a:cubicBezTo>
                    <a:pt x="13369" y="0"/>
                    <a:pt x="17223" y="3840"/>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2" name="Freeform: Shape 3441">
              <a:extLst>
                <a:ext uri="{FF2B5EF4-FFF2-40B4-BE49-F238E27FC236}">
                  <a16:creationId xmlns:a16="http://schemas.microsoft.com/office/drawing/2014/main" id="{065A861B-EE71-DBED-C3B5-4570E5A3D554}"/>
                </a:ext>
              </a:extLst>
            </p:cNvPr>
            <p:cNvSpPr/>
            <p:nvPr/>
          </p:nvSpPr>
          <p:spPr>
            <a:xfrm>
              <a:off x="6048537" y="792240"/>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09" y="17222"/>
                    <a:pt x="8650" y="17239"/>
                  </a:cubicBezTo>
                  <a:cubicBezTo>
                    <a:pt x="3891" y="17255"/>
                    <a:pt x="18" y="13410"/>
                    <a:pt x="0" y="8650"/>
                  </a:cubicBezTo>
                  <a:cubicBezTo>
                    <a:pt x="-15" y="3889"/>
                    <a:pt x="3830" y="17"/>
                    <a:pt x="8589" y="0"/>
                  </a:cubicBezTo>
                  <a:cubicBezTo>
                    <a:pt x="8610" y="0"/>
                    <a:pt x="8628" y="0"/>
                    <a:pt x="8650" y="0"/>
                  </a:cubicBezTo>
                  <a:cubicBezTo>
                    <a:pt x="13387" y="17"/>
                    <a:pt x="17223" y="3852"/>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grpSp>
        <p:nvGrpSpPr>
          <p:cNvPr id="3443" name="Graphic 39">
            <a:extLst>
              <a:ext uri="{FF2B5EF4-FFF2-40B4-BE49-F238E27FC236}">
                <a16:creationId xmlns:a16="http://schemas.microsoft.com/office/drawing/2014/main" id="{56695D2A-7C60-5A0C-CE2C-788A64DE63E7}"/>
              </a:ext>
            </a:extLst>
          </p:cNvPr>
          <p:cNvGrpSpPr/>
          <p:nvPr/>
        </p:nvGrpSpPr>
        <p:grpSpPr>
          <a:xfrm rot="10800000">
            <a:off x="607286" y="1184983"/>
            <a:ext cx="1860159" cy="1236285"/>
            <a:chOff x="5381574" y="792240"/>
            <a:chExt cx="2071953" cy="1251859"/>
          </a:xfrm>
          <a:solidFill>
            <a:srgbClr val="F3BE26"/>
          </a:solidFill>
        </p:grpSpPr>
        <p:sp>
          <p:nvSpPr>
            <p:cNvPr id="3444" name="Freeform: Shape 3443">
              <a:extLst>
                <a:ext uri="{FF2B5EF4-FFF2-40B4-BE49-F238E27FC236}">
                  <a16:creationId xmlns:a16="http://schemas.microsoft.com/office/drawing/2014/main" id="{A4DEBA5C-C2BD-053D-B871-1BEA91DB9267}"/>
                </a:ext>
              </a:extLst>
            </p:cNvPr>
            <p:cNvSpPr/>
            <p:nvPr/>
          </p:nvSpPr>
          <p:spPr>
            <a:xfrm>
              <a:off x="6213153" y="1266119"/>
              <a:ext cx="46634" cy="47830"/>
            </a:xfrm>
            <a:custGeom>
              <a:avLst/>
              <a:gdLst>
                <a:gd name="connsiteX0" fmla="*/ 34872 w 46634"/>
                <a:gd name="connsiteY0" fmla="*/ 47831 h 47830"/>
                <a:gd name="connsiteX1" fmla="*/ 0 w 46634"/>
                <a:gd name="connsiteY1" fmla="*/ 20516 h 47830"/>
                <a:gd name="connsiteX2" fmla="*/ 5888 w 46634"/>
                <a:gd name="connsiteY2" fmla="*/ 0 h 47830"/>
                <a:gd name="connsiteX3" fmla="*/ 46222 w 46634"/>
                <a:gd name="connsiteY3" fmla="*/ 40092 h 47830"/>
              </a:gdLst>
              <a:ahLst/>
              <a:cxnLst>
                <a:cxn ang="0">
                  <a:pos x="connsiteX0" y="connsiteY0"/>
                </a:cxn>
                <a:cxn ang="0">
                  <a:pos x="connsiteX1" y="connsiteY1"/>
                </a:cxn>
                <a:cxn ang="0">
                  <a:pos x="connsiteX2" y="connsiteY2"/>
                </a:cxn>
                <a:cxn ang="0">
                  <a:pos x="connsiteX3" y="connsiteY3"/>
                </a:cxn>
              </a:cxnLst>
              <a:rect l="l" t="t" r="r" b="b"/>
              <a:pathLst>
                <a:path w="46634" h="47830">
                  <a:moveTo>
                    <a:pt x="34872" y="47831"/>
                  </a:moveTo>
                  <a:cubicBezTo>
                    <a:pt x="34872" y="47831"/>
                    <a:pt x="27315" y="15994"/>
                    <a:pt x="0" y="20516"/>
                  </a:cubicBezTo>
                  <a:lnTo>
                    <a:pt x="5888" y="0"/>
                  </a:lnTo>
                  <a:cubicBezTo>
                    <a:pt x="5888" y="0"/>
                    <a:pt x="51412" y="7436"/>
                    <a:pt x="4622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5" name="Freeform: Shape 3444">
              <a:extLst>
                <a:ext uri="{FF2B5EF4-FFF2-40B4-BE49-F238E27FC236}">
                  <a16:creationId xmlns:a16="http://schemas.microsoft.com/office/drawing/2014/main" id="{D65EC777-0410-C341-9A29-3944171A967E}"/>
                </a:ext>
              </a:extLst>
            </p:cNvPr>
            <p:cNvSpPr/>
            <p:nvPr/>
          </p:nvSpPr>
          <p:spPr>
            <a:xfrm>
              <a:off x="6166870" y="192012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6" name="Freeform: Shape 3445">
              <a:extLst>
                <a:ext uri="{FF2B5EF4-FFF2-40B4-BE49-F238E27FC236}">
                  <a16:creationId xmlns:a16="http://schemas.microsoft.com/office/drawing/2014/main" id="{502E8950-B664-0DBD-9575-97B5BC28D16F}"/>
                </a:ext>
              </a:extLst>
            </p:cNvPr>
            <p:cNvSpPr/>
            <p:nvPr/>
          </p:nvSpPr>
          <p:spPr>
            <a:xfrm>
              <a:off x="6742571" y="1905697"/>
              <a:ext cx="45190" cy="47778"/>
            </a:xfrm>
            <a:custGeom>
              <a:avLst/>
              <a:gdLst>
                <a:gd name="connsiteX0" fmla="*/ 45190 w 45190"/>
                <a:gd name="connsiteY0" fmla="*/ 10661 h 47778"/>
                <a:gd name="connsiteX1" fmla="*/ 20911 w 45190"/>
                <a:gd name="connsiteY1" fmla="*/ 47779 h 47778"/>
                <a:gd name="connsiteX2" fmla="*/ 0 w 45190"/>
                <a:gd name="connsiteY2" fmla="*/ 43651 h 47778"/>
                <a:gd name="connsiteX3" fmla="*/ 36420 w 45190"/>
                <a:gd name="connsiteY3" fmla="*/ 100 h 47778"/>
              </a:gdLst>
              <a:ahLst/>
              <a:cxnLst>
                <a:cxn ang="0">
                  <a:pos x="connsiteX0" y="connsiteY0"/>
                </a:cxn>
                <a:cxn ang="0">
                  <a:pos x="connsiteX1" y="connsiteY1"/>
                </a:cxn>
                <a:cxn ang="0">
                  <a:pos x="connsiteX2" y="connsiteY2"/>
                </a:cxn>
                <a:cxn ang="0">
                  <a:pos x="connsiteX3" y="connsiteY3"/>
                </a:cxn>
              </a:cxnLst>
              <a:rect l="l" t="t" r="r" b="b"/>
              <a:pathLst>
                <a:path w="45190" h="47778">
                  <a:moveTo>
                    <a:pt x="45190" y="10661"/>
                  </a:moveTo>
                  <a:cubicBezTo>
                    <a:pt x="45190" y="10661"/>
                    <a:pt x="14143" y="20828"/>
                    <a:pt x="20911" y="47779"/>
                  </a:cubicBezTo>
                  <a:lnTo>
                    <a:pt x="0" y="43651"/>
                  </a:lnTo>
                  <a:cubicBezTo>
                    <a:pt x="0" y="43651"/>
                    <a:pt x="3581" y="-2419"/>
                    <a:pt x="36420" y="10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7" name="Freeform: Shape 3446">
              <a:extLst>
                <a:ext uri="{FF2B5EF4-FFF2-40B4-BE49-F238E27FC236}">
                  <a16:creationId xmlns:a16="http://schemas.microsoft.com/office/drawing/2014/main" id="{E8429FBB-9597-A7B7-1776-838067320951}"/>
                </a:ext>
              </a:extLst>
            </p:cNvPr>
            <p:cNvSpPr/>
            <p:nvPr/>
          </p:nvSpPr>
          <p:spPr>
            <a:xfrm>
              <a:off x="7306284" y="175781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61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61"/>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9" name="Freeform: Shape 3448">
              <a:extLst>
                <a:ext uri="{FF2B5EF4-FFF2-40B4-BE49-F238E27FC236}">
                  <a16:creationId xmlns:a16="http://schemas.microsoft.com/office/drawing/2014/main" id="{26F8BF7E-1EF5-EC19-0F67-52584EC015F6}"/>
                </a:ext>
              </a:extLst>
            </p:cNvPr>
            <p:cNvSpPr/>
            <p:nvPr/>
          </p:nvSpPr>
          <p:spPr>
            <a:xfrm>
              <a:off x="7406923" y="908813"/>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06" y="15994"/>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0" name="Freeform: Shape 3449">
              <a:extLst>
                <a:ext uri="{FF2B5EF4-FFF2-40B4-BE49-F238E27FC236}">
                  <a16:creationId xmlns:a16="http://schemas.microsoft.com/office/drawing/2014/main" id="{AAB0F1EA-5DEC-44D5-F59D-B9732E15DB82}"/>
                </a:ext>
              </a:extLst>
            </p:cNvPr>
            <p:cNvSpPr/>
            <p:nvPr/>
          </p:nvSpPr>
          <p:spPr>
            <a:xfrm>
              <a:off x="5759920" y="1015795"/>
              <a:ext cx="32860" cy="53809"/>
            </a:xfrm>
            <a:custGeom>
              <a:avLst/>
              <a:gdLst>
                <a:gd name="connsiteX0" fmla="*/ 32861 w 32860"/>
                <a:gd name="connsiteY0" fmla="*/ 6798 h 53809"/>
                <a:gd name="connsiteX1" fmla="*/ 23756 w 32860"/>
                <a:gd name="connsiteY1" fmla="*/ 50107 h 53809"/>
                <a:gd name="connsiteX2" fmla="*/ 2754 w 32860"/>
                <a:gd name="connsiteY2" fmla="*/ 53810 h 53809"/>
                <a:gd name="connsiteX3" fmla="*/ 21176 w 32860"/>
                <a:gd name="connsiteY3" fmla="*/ 0 h 53809"/>
              </a:gdLst>
              <a:ahLst/>
              <a:cxnLst>
                <a:cxn ang="0">
                  <a:pos x="connsiteX0" y="connsiteY0"/>
                </a:cxn>
                <a:cxn ang="0">
                  <a:pos x="connsiteX1" y="connsiteY1"/>
                </a:cxn>
                <a:cxn ang="0">
                  <a:pos x="connsiteX2" y="connsiteY2"/>
                </a:cxn>
                <a:cxn ang="0">
                  <a:pos x="connsiteX3" y="connsiteY3"/>
                </a:cxn>
              </a:cxnLst>
              <a:rect l="l" t="t" r="r" b="b"/>
              <a:pathLst>
                <a:path w="32860" h="53809">
                  <a:moveTo>
                    <a:pt x="32861" y="6798"/>
                  </a:moveTo>
                  <a:cubicBezTo>
                    <a:pt x="32861" y="6798"/>
                    <a:pt x="7549" y="27436"/>
                    <a:pt x="23756" y="50107"/>
                  </a:cubicBezTo>
                  <a:lnTo>
                    <a:pt x="2754" y="53810"/>
                  </a:lnTo>
                  <a:cubicBezTo>
                    <a:pt x="2754" y="53810"/>
                    <a:pt x="-10509" y="9530"/>
                    <a:pt x="21176" y="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1" name="Freeform: Shape 3450">
              <a:extLst>
                <a:ext uri="{FF2B5EF4-FFF2-40B4-BE49-F238E27FC236}">
                  <a16:creationId xmlns:a16="http://schemas.microsoft.com/office/drawing/2014/main" id="{A6C30D90-B9ED-FE62-0EA7-CE9D9A55746D}"/>
                </a:ext>
              </a:extLst>
            </p:cNvPr>
            <p:cNvSpPr/>
            <p:nvPr/>
          </p:nvSpPr>
          <p:spPr>
            <a:xfrm>
              <a:off x="6385842" y="1065589"/>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675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45"/>
                    <a:pt x="19636" y="44746"/>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2" name="Freeform: Shape 3451">
              <a:extLst>
                <a:ext uri="{FF2B5EF4-FFF2-40B4-BE49-F238E27FC236}">
                  <a16:creationId xmlns:a16="http://schemas.microsoft.com/office/drawing/2014/main" id="{A6F8C25E-17A8-FAD1-ABCC-92306E149FD1}"/>
                </a:ext>
              </a:extLst>
            </p:cNvPr>
            <p:cNvSpPr/>
            <p:nvPr/>
          </p:nvSpPr>
          <p:spPr>
            <a:xfrm>
              <a:off x="5515841" y="1863601"/>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796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76"/>
                    <a:pt x="19636" y="44746"/>
                  </a:cubicBezTo>
                  <a:lnTo>
                    <a:pt x="0" y="36430"/>
                  </a:lnTo>
                  <a:cubicBezTo>
                    <a:pt x="0" y="36430"/>
                    <a:pt x="12959" y="-7941"/>
                    <a:pt x="44796"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3" name="Freeform: Shape 3452">
              <a:extLst>
                <a:ext uri="{FF2B5EF4-FFF2-40B4-BE49-F238E27FC236}">
                  <a16:creationId xmlns:a16="http://schemas.microsoft.com/office/drawing/2014/main" id="{3DE66E89-BC6A-ECE9-82B6-62BEB23DD129}"/>
                </a:ext>
              </a:extLst>
            </p:cNvPr>
            <p:cNvSpPr/>
            <p:nvPr/>
          </p:nvSpPr>
          <p:spPr>
            <a:xfrm>
              <a:off x="7249379" y="1328416"/>
              <a:ext cx="50865" cy="44715"/>
            </a:xfrm>
            <a:custGeom>
              <a:avLst/>
              <a:gdLst>
                <a:gd name="connsiteX0" fmla="*/ 50866 w 50865"/>
                <a:gd name="connsiteY0" fmla="*/ 13334 h 44715"/>
                <a:gd name="connsiteX1" fmla="*/ 19636 w 50865"/>
                <a:gd name="connsiteY1" fmla="*/ 44715 h 44715"/>
                <a:gd name="connsiteX2" fmla="*/ 0 w 50865"/>
                <a:gd name="connsiteY2" fmla="*/ 36430 h 44715"/>
                <a:gd name="connsiteX3" fmla="*/ 44675 w 50865"/>
                <a:gd name="connsiteY3" fmla="*/ 1255 h 44715"/>
              </a:gdLst>
              <a:ahLst/>
              <a:cxnLst>
                <a:cxn ang="0">
                  <a:pos x="connsiteX0" y="connsiteY0"/>
                </a:cxn>
                <a:cxn ang="0">
                  <a:pos x="connsiteX1" y="connsiteY1"/>
                </a:cxn>
                <a:cxn ang="0">
                  <a:pos x="connsiteX2" y="connsiteY2"/>
                </a:cxn>
                <a:cxn ang="0">
                  <a:pos x="connsiteX3" y="connsiteY3"/>
                </a:cxn>
              </a:cxnLst>
              <a:rect l="l" t="t" r="r" b="b"/>
              <a:pathLst>
                <a:path w="50865" h="44715">
                  <a:moveTo>
                    <a:pt x="50866" y="13334"/>
                  </a:moveTo>
                  <a:cubicBezTo>
                    <a:pt x="50866" y="13334"/>
                    <a:pt x="18422" y="16945"/>
                    <a:pt x="19636" y="44715"/>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4" name="Freeform: Shape 3453">
              <a:extLst>
                <a:ext uri="{FF2B5EF4-FFF2-40B4-BE49-F238E27FC236}">
                  <a16:creationId xmlns:a16="http://schemas.microsoft.com/office/drawing/2014/main" id="{2B857250-08C8-2068-5CD1-C1EB22E44995}"/>
                </a:ext>
              </a:extLst>
            </p:cNvPr>
            <p:cNvSpPr/>
            <p:nvPr/>
          </p:nvSpPr>
          <p:spPr>
            <a:xfrm>
              <a:off x="6514160" y="1525164"/>
              <a:ext cx="50865" cy="44754"/>
            </a:xfrm>
            <a:custGeom>
              <a:avLst/>
              <a:gdLst>
                <a:gd name="connsiteX0" fmla="*/ 50866 w 50865"/>
                <a:gd name="connsiteY0" fmla="*/ 13373 h 44754"/>
                <a:gd name="connsiteX1" fmla="*/ 19606 w 50865"/>
                <a:gd name="connsiteY1" fmla="*/ 44754 h 44754"/>
                <a:gd name="connsiteX2" fmla="*/ 0 w 50865"/>
                <a:gd name="connsiteY2" fmla="*/ 36438 h 44754"/>
                <a:gd name="connsiteX3" fmla="*/ 44675 w 50865"/>
                <a:gd name="connsiteY3" fmla="*/ 1233 h 44754"/>
              </a:gdLst>
              <a:ahLst/>
              <a:cxnLst>
                <a:cxn ang="0">
                  <a:pos x="connsiteX0" y="connsiteY0"/>
                </a:cxn>
                <a:cxn ang="0">
                  <a:pos x="connsiteX1" y="connsiteY1"/>
                </a:cxn>
                <a:cxn ang="0">
                  <a:pos x="connsiteX2" y="connsiteY2"/>
                </a:cxn>
                <a:cxn ang="0">
                  <a:pos x="connsiteX3" y="connsiteY3"/>
                </a:cxn>
              </a:cxnLst>
              <a:rect l="l" t="t" r="r" b="b"/>
              <a:pathLst>
                <a:path w="50865" h="44754">
                  <a:moveTo>
                    <a:pt x="50866" y="13373"/>
                  </a:moveTo>
                  <a:cubicBezTo>
                    <a:pt x="50866" y="13373"/>
                    <a:pt x="18422" y="16984"/>
                    <a:pt x="19606" y="44754"/>
                  </a:cubicBezTo>
                  <a:lnTo>
                    <a:pt x="0" y="36438"/>
                  </a:lnTo>
                  <a:cubicBezTo>
                    <a:pt x="0" y="36438"/>
                    <a:pt x="12899" y="-7872"/>
                    <a:pt x="44675" y="1233"/>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5" name="Freeform: Shape 3454">
              <a:extLst>
                <a:ext uri="{FF2B5EF4-FFF2-40B4-BE49-F238E27FC236}">
                  <a16:creationId xmlns:a16="http://schemas.microsoft.com/office/drawing/2014/main" id="{F3FB17A6-1895-0238-8E26-68BE8FF700BF}"/>
                </a:ext>
              </a:extLst>
            </p:cNvPr>
            <p:cNvSpPr/>
            <p:nvPr/>
          </p:nvSpPr>
          <p:spPr>
            <a:xfrm>
              <a:off x="6467452" y="1819592"/>
              <a:ext cx="56844" cy="31089"/>
            </a:xfrm>
            <a:custGeom>
              <a:avLst/>
              <a:gdLst>
                <a:gd name="connsiteX0" fmla="*/ 54508 w 56844"/>
                <a:gd name="connsiteY0" fmla="*/ 25020 h 31089"/>
                <a:gd name="connsiteX1" fmla="*/ 10653 w 56844"/>
                <a:gd name="connsiteY1" fmla="*/ 31090 h 31089"/>
                <a:gd name="connsiteX2" fmla="*/ 0 w 56844"/>
                <a:gd name="connsiteY2" fmla="*/ 12637 h 31089"/>
                <a:gd name="connsiteX3" fmla="*/ 56845 w 56844"/>
                <a:gd name="connsiteY3" fmla="*/ 11484 h 31089"/>
              </a:gdLst>
              <a:ahLst/>
              <a:cxnLst>
                <a:cxn ang="0">
                  <a:pos x="connsiteX0" y="connsiteY0"/>
                </a:cxn>
                <a:cxn ang="0">
                  <a:pos x="connsiteX1" y="connsiteY1"/>
                </a:cxn>
                <a:cxn ang="0">
                  <a:pos x="connsiteX2" y="connsiteY2"/>
                </a:cxn>
                <a:cxn ang="0">
                  <a:pos x="connsiteX3" y="connsiteY3"/>
                </a:cxn>
              </a:cxnLst>
              <a:rect l="l" t="t" r="r" b="b"/>
              <a:pathLst>
                <a:path w="56844" h="31089">
                  <a:moveTo>
                    <a:pt x="54508" y="25020"/>
                  </a:moveTo>
                  <a:cubicBezTo>
                    <a:pt x="54508" y="25020"/>
                    <a:pt x="26434" y="8358"/>
                    <a:pt x="10653" y="31090"/>
                  </a:cubicBezTo>
                  <a:lnTo>
                    <a:pt x="0" y="12637"/>
                  </a:lnTo>
                  <a:cubicBezTo>
                    <a:pt x="0" y="12637"/>
                    <a:pt x="37026" y="-15011"/>
                    <a:pt x="56845" y="1148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20" name="Freeform: Shape 3519">
              <a:extLst>
                <a:ext uri="{FF2B5EF4-FFF2-40B4-BE49-F238E27FC236}">
                  <a16:creationId xmlns:a16="http://schemas.microsoft.com/office/drawing/2014/main" id="{1B6A3109-4D1D-6C91-6204-4BC0641E755A}"/>
                </a:ext>
              </a:extLst>
            </p:cNvPr>
            <p:cNvSpPr/>
            <p:nvPr/>
          </p:nvSpPr>
          <p:spPr>
            <a:xfrm>
              <a:off x="6875502" y="833166"/>
              <a:ext cx="30895" cy="32034"/>
            </a:xfrm>
            <a:custGeom>
              <a:avLst/>
              <a:gdLst>
                <a:gd name="connsiteX0" fmla="*/ 30896 w 30895"/>
                <a:gd name="connsiteY0" fmla="*/ 7330 h 32034"/>
                <a:gd name="connsiteX1" fmla="*/ 14082 w 30895"/>
                <a:gd name="connsiteY1" fmla="*/ 32035 h 32034"/>
                <a:gd name="connsiteX2" fmla="*/ 0 w 30895"/>
                <a:gd name="connsiteY2" fmla="*/ 29000 h 32034"/>
                <a:gd name="connsiteX3" fmla="*/ 25281 w 30895"/>
                <a:gd name="connsiteY3" fmla="*/ 107 h 32034"/>
              </a:gdLst>
              <a:ahLst/>
              <a:cxnLst>
                <a:cxn ang="0">
                  <a:pos x="connsiteX0" y="connsiteY0"/>
                </a:cxn>
                <a:cxn ang="0">
                  <a:pos x="connsiteX1" y="connsiteY1"/>
                </a:cxn>
                <a:cxn ang="0">
                  <a:pos x="connsiteX2" y="connsiteY2"/>
                </a:cxn>
                <a:cxn ang="0">
                  <a:pos x="connsiteX3" y="connsiteY3"/>
                </a:cxn>
              </a:cxnLst>
              <a:rect l="l" t="t" r="r" b="b"/>
              <a:pathLst>
                <a:path w="30895" h="32034">
                  <a:moveTo>
                    <a:pt x="30896" y="7330"/>
                  </a:moveTo>
                  <a:cubicBezTo>
                    <a:pt x="30896" y="7330"/>
                    <a:pt x="9803" y="13765"/>
                    <a:pt x="14082" y="32035"/>
                  </a:cubicBezTo>
                  <a:lnTo>
                    <a:pt x="0" y="29000"/>
                  </a:lnTo>
                  <a:cubicBezTo>
                    <a:pt x="0" y="29000"/>
                    <a:pt x="3035" y="-2048"/>
                    <a:pt x="25281" y="107"/>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21" name="Freeform: Shape 3520">
              <a:extLst>
                <a:ext uri="{FF2B5EF4-FFF2-40B4-BE49-F238E27FC236}">
                  <a16:creationId xmlns:a16="http://schemas.microsoft.com/office/drawing/2014/main" id="{BAEECA42-032E-9390-BAEF-0784F1294F19}"/>
                </a:ext>
              </a:extLst>
            </p:cNvPr>
            <p:cNvSpPr/>
            <p:nvPr/>
          </p:nvSpPr>
          <p:spPr>
            <a:xfrm>
              <a:off x="7252110" y="812622"/>
              <a:ext cx="30895" cy="32062"/>
            </a:xfrm>
            <a:custGeom>
              <a:avLst/>
              <a:gdLst>
                <a:gd name="connsiteX0" fmla="*/ 30896 w 30895"/>
                <a:gd name="connsiteY0" fmla="*/ 7327 h 32062"/>
                <a:gd name="connsiteX1" fmla="*/ 14052 w 30895"/>
                <a:gd name="connsiteY1" fmla="*/ 32062 h 32062"/>
                <a:gd name="connsiteX2" fmla="*/ 0 w 30895"/>
                <a:gd name="connsiteY2" fmla="*/ 29027 h 32062"/>
                <a:gd name="connsiteX3" fmla="*/ 25281 w 3089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95" h="32062">
                  <a:moveTo>
                    <a:pt x="30896" y="7327"/>
                  </a:moveTo>
                  <a:cubicBezTo>
                    <a:pt x="30896" y="7327"/>
                    <a:pt x="9651" y="13762"/>
                    <a:pt x="14052" y="32062"/>
                  </a:cubicBezTo>
                  <a:lnTo>
                    <a:pt x="0" y="29027"/>
                  </a:lnTo>
                  <a:cubicBezTo>
                    <a:pt x="0" y="29027"/>
                    <a:pt x="3035" y="-2020"/>
                    <a:pt x="2528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22" name="Freeform: Shape 3521">
              <a:extLst>
                <a:ext uri="{FF2B5EF4-FFF2-40B4-BE49-F238E27FC236}">
                  <a16:creationId xmlns:a16="http://schemas.microsoft.com/office/drawing/2014/main" id="{CFB21D20-A52D-57F1-5CDC-48672498BF65}"/>
                </a:ext>
              </a:extLst>
            </p:cNvPr>
            <p:cNvSpPr/>
            <p:nvPr/>
          </p:nvSpPr>
          <p:spPr>
            <a:xfrm>
              <a:off x="6408817" y="827112"/>
              <a:ext cx="55812" cy="35228"/>
            </a:xfrm>
            <a:custGeom>
              <a:avLst/>
              <a:gdLst>
                <a:gd name="connsiteX0" fmla="*/ 0 w 55812"/>
                <a:gd name="connsiteY0" fmla="*/ 13688 h 35228"/>
                <a:gd name="connsiteX1" fmla="*/ 42125 w 55812"/>
                <a:gd name="connsiteY1" fmla="*/ 0 h 35228"/>
                <a:gd name="connsiteX2" fmla="*/ 55813 w 55812"/>
                <a:gd name="connsiteY2" fmla="*/ 16419 h 35228"/>
                <a:gd name="connsiteX3" fmla="*/ 0 w 55812"/>
                <a:gd name="connsiteY3" fmla="*/ 27375 h 35228"/>
              </a:gdLst>
              <a:ahLst/>
              <a:cxnLst>
                <a:cxn ang="0">
                  <a:pos x="connsiteX0" y="connsiteY0"/>
                </a:cxn>
                <a:cxn ang="0">
                  <a:pos x="connsiteX1" y="connsiteY1"/>
                </a:cxn>
                <a:cxn ang="0">
                  <a:pos x="connsiteX2" y="connsiteY2"/>
                </a:cxn>
                <a:cxn ang="0">
                  <a:pos x="connsiteX3" y="connsiteY3"/>
                </a:cxn>
              </a:cxnLst>
              <a:rect l="l" t="t" r="r" b="b"/>
              <a:pathLst>
                <a:path w="55812" h="35228">
                  <a:moveTo>
                    <a:pt x="0" y="13688"/>
                  </a:moveTo>
                  <a:cubicBezTo>
                    <a:pt x="0" y="13688"/>
                    <a:pt x="30532" y="25281"/>
                    <a:pt x="42125" y="0"/>
                  </a:cubicBezTo>
                  <a:lnTo>
                    <a:pt x="55813" y="16419"/>
                  </a:lnTo>
                  <a:cubicBezTo>
                    <a:pt x="55813" y="16419"/>
                    <a:pt x="24098" y="50046"/>
                    <a:pt x="0" y="2737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23" name="Freeform: Shape 3522">
              <a:extLst>
                <a:ext uri="{FF2B5EF4-FFF2-40B4-BE49-F238E27FC236}">
                  <a16:creationId xmlns:a16="http://schemas.microsoft.com/office/drawing/2014/main" id="{93C2995E-EE66-4578-BAC4-2C69391955A6}"/>
                </a:ext>
              </a:extLst>
            </p:cNvPr>
            <p:cNvSpPr/>
            <p:nvPr/>
          </p:nvSpPr>
          <p:spPr>
            <a:xfrm>
              <a:off x="5640335" y="1444622"/>
              <a:ext cx="30865" cy="32062"/>
            </a:xfrm>
            <a:custGeom>
              <a:avLst/>
              <a:gdLst>
                <a:gd name="connsiteX0" fmla="*/ 30866 w 30865"/>
                <a:gd name="connsiteY0" fmla="*/ 7327 h 32062"/>
                <a:gd name="connsiteX1" fmla="*/ 14052 w 30865"/>
                <a:gd name="connsiteY1" fmla="*/ 32062 h 32062"/>
                <a:gd name="connsiteX2" fmla="*/ 0 w 30865"/>
                <a:gd name="connsiteY2" fmla="*/ 29027 h 32062"/>
                <a:gd name="connsiteX3" fmla="*/ 25251 w 3086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65" h="32062">
                  <a:moveTo>
                    <a:pt x="30866" y="7327"/>
                  </a:moveTo>
                  <a:cubicBezTo>
                    <a:pt x="30866" y="7327"/>
                    <a:pt x="9621" y="13762"/>
                    <a:pt x="14052" y="32062"/>
                  </a:cubicBezTo>
                  <a:lnTo>
                    <a:pt x="0" y="29027"/>
                  </a:lnTo>
                  <a:cubicBezTo>
                    <a:pt x="0" y="29027"/>
                    <a:pt x="3035" y="-2020"/>
                    <a:pt x="2525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25" name="Freeform: Shape 3524">
              <a:extLst>
                <a:ext uri="{FF2B5EF4-FFF2-40B4-BE49-F238E27FC236}">
                  <a16:creationId xmlns:a16="http://schemas.microsoft.com/office/drawing/2014/main" id="{EC6264B5-DCEB-6E55-B441-211E13B17A63}"/>
                </a:ext>
              </a:extLst>
            </p:cNvPr>
            <p:cNvSpPr/>
            <p:nvPr/>
          </p:nvSpPr>
          <p:spPr>
            <a:xfrm>
              <a:off x="6086170" y="898343"/>
              <a:ext cx="30071" cy="34416"/>
            </a:xfrm>
            <a:custGeom>
              <a:avLst/>
              <a:gdLst>
                <a:gd name="connsiteX0" fmla="*/ 21063 w 30071"/>
                <a:gd name="connsiteY0" fmla="*/ 34416 h 34416"/>
                <a:gd name="connsiteX1" fmla="*/ 0 w 30071"/>
                <a:gd name="connsiteY1" fmla="*/ 13172 h 34416"/>
                <a:gd name="connsiteX2" fmla="*/ 5584 w 30071"/>
                <a:gd name="connsiteY2" fmla="*/ 0 h 34416"/>
                <a:gd name="connsiteX3" fmla="*/ 29196 w 30071"/>
                <a:gd name="connsiteY3" fmla="*/ 30350 h 34416"/>
              </a:gdLst>
              <a:ahLst/>
              <a:cxnLst>
                <a:cxn ang="0">
                  <a:pos x="connsiteX0" y="connsiteY0"/>
                </a:cxn>
                <a:cxn ang="0">
                  <a:pos x="connsiteX1" y="connsiteY1"/>
                </a:cxn>
                <a:cxn ang="0">
                  <a:pos x="connsiteX2" y="connsiteY2"/>
                </a:cxn>
                <a:cxn ang="0">
                  <a:pos x="connsiteX3" y="connsiteY3"/>
                </a:cxn>
              </a:cxnLst>
              <a:rect l="l" t="t" r="r" b="b"/>
              <a:pathLst>
                <a:path w="30071" h="34416">
                  <a:moveTo>
                    <a:pt x="21063" y="34416"/>
                  </a:moveTo>
                  <a:cubicBezTo>
                    <a:pt x="21063" y="34416"/>
                    <a:pt x="18726" y="12474"/>
                    <a:pt x="0" y="13172"/>
                  </a:cubicBezTo>
                  <a:lnTo>
                    <a:pt x="5584" y="0"/>
                  </a:lnTo>
                  <a:cubicBezTo>
                    <a:pt x="5584" y="0"/>
                    <a:pt x="35509" y="8832"/>
                    <a:pt x="29196"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27" name="Freeform: Shape 3526">
              <a:extLst>
                <a:ext uri="{FF2B5EF4-FFF2-40B4-BE49-F238E27FC236}">
                  <a16:creationId xmlns:a16="http://schemas.microsoft.com/office/drawing/2014/main" id="{8B5D411E-33C5-94E2-DA25-C10ECAC1FE79}"/>
                </a:ext>
              </a:extLst>
            </p:cNvPr>
            <p:cNvSpPr/>
            <p:nvPr/>
          </p:nvSpPr>
          <p:spPr>
            <a:xfrm>
              <a:off x="5381574" y="876916"/>
              <a:ext cx="30367" cy="34386"/>
            </a:xfrm>
            <a:custGeom>
              <a:avLst/>
              <a:gdLst>
                <a:gd name="connsiteX0" fmla="*/ 21245 w 30367"/>
                <a:gd name="connsiteY0" fmla="*/ 34386 h 34386"/>
                <a:gd name="connsiteX1" fmla="*/ 0 w 30367"/>
                <a:gd name="connsiteY1" fmla="*/ 13141 h 34386"/>
                <a:gd name="connsiteX2" fmla="*/ 5888 w 30367"/>
                <a:gd name="connsiteY2" fmla="*/ 0 h 34386"/>
                <a:gd name="connsiteX3" fmla="*/ 29500 w 30367"/>
                <a:gd name="connsiteY3" fmla="*/ 30350 h 34386"/>
              </a:gdLst>
              <a:ahLst/>
              <a:cxnLst>
                <a:cxn ang="0">
                  <a:pos x="connsiteX0" y="connsiteY0"/>
                </a:cxn>
                <a:cxn ang="0">
                  <a:pos x="connsiteX1" y="connsiteY1"/>
                </a:cxn>
                <a:cxn ang="0">
                  <a:pos x="connsiteX2" y="connsiteY2"/>
                </a:cxn>
                <a:cxn ang="0">
                  <a:pos x="connsiteX3" y="connsiteY3"/>
                </a:cxn>
              </a:cxnLst>
              <a:rect l="l" t="t" r="r" b="b"/>
              <a:pathLst>
                <a:path w="30367" h="34386">
                  <a:moveTo>
                    <a:pt x="21245" y="34386"/>
                  </a:moveTo>
                  <a:cubicBezTo>
                    <a:pt x="21245" y="34386"/>
                    <a:pt x="18908" y="12443"/>
                    <a:pt x="0" y="13141"/>
                  </a:cubicBezTo>
                  <a:lnTo>
                    <a:pt x="5888" y="0"/>
                  </a:lnTo>
                  <a:cubicBezTo>
                    <a:pt x="5888" y="0"/>
                    <a:pt x="35782" y="8832"/>
                    <a:pt x="29500"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28" name="Freeform: Shape 3527">
              <a:extLst>
                <a:ext uri="{FF2B5EF4-FFF2-40B4-BE49-F238E27FC236}">
                  <a16:creationId xmlns:a16="http://schemas.microsoft.com/office/drawing/2014/main" id="{009947D9-40F2-FECB-4094-E2FEB2D25709}"/>
                </a:ext>
              </a:extLst>
            </p:cNvPr>
            <p:cNvSpPr/>
            <p:nvPr/>
          </p:nvSpPr>
          <p:spPr>
            <a:xfrm>
              <a:off x="6237554" y="977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78" y="17239"/>
                    <a:pt x="8619" y="17239"/>
                  </a:cubicBezTo>
                  <a:cubicBezTo>
                    <a:pt x="3860" y="17239"/>
                    <a:pt x="0" y="13378"/>
                    <a:pt x="0" y="8619"/>
                  </a:cubicBezTo>
                  <a:cubicBezTo>
                    <a:pt x="0" y="3859"/>
                    <a:pt x="3860" y="0"/>
                    <a:pt x="8619" y="0"/>
                  </a:cubicBezTo>
                  <a:cubicBezTo>
                    <a:pt x="13378"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29" name="Freeform: Shape 3528">
              <a:extLst>
                <a:ext uri="{FF2B5EF4-FFF2-40B4-BE49-F238E27FC236}">
                  <a16:creationId xmlns:a16="http://schemas.microsoft.com/office/drawing/2014/main" id="{C4CE00ED-ACB3-F89C-779F-FBBBFAD7A6E7}"/>
                </a:ext>
              </a:extLst>
            </p:cNvPr>
            <p:cNvSpPr/>
            <p:nvPr/>
          </p:nvSpPr>
          <p:spPr>
            <a:xfrm>
              <a:off x="6725423" y="1439992"/>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88"/>
                    <a:pt x="3830" y="18"/>
                    <a:pt x="8589" y="0"/>
                  </a:cubicBezTo>
                  <a:cubicBezTo>
                    <a:pt x="8610" y="0"/>
                    <a:pt x="8628" y="0"/>
                    <a:pt x="8650" y="0"/>
                  </a:cubicBezTo>
                  <a:cubicBezTo>
                    <a:pt x="13387" y="15"/>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31" name="Freeform: Shape 3530">
              <a:extLst>
                <a:ext uri="{FF2B5EF4-FFF2-40B4-BE49-F238E27FC236}">
                  <a16:creationId xmlns:a16="http://schemas.microsoft.com/office/drawing/2014/main" id="{A904885A-CDB8-E9E5-5FAA-0AEBD72D1E1B}"/>
                </a:ext>
              </a:extLst>
            </p:cNvPr>
            <p:cNvSpPr/>
            <p:nvPr/>
          </p:nvSpPr>
          <p:spPr>
            <a:xfrm>
              <a:off x="6592947" y="103470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80"/>
                    <a:pt x="13380" y="17239"/>
                    <a:pt x="8619" y="17239"/>
                  </a:cubicBezTo>
                  <a:cubicBezTo>
                    <a:pt x="3859" y="17239"/>
                    <a:pt x="0" y="13380"/>
                    <a:pt x="0" y="8619"/>
                  </a:cubicBezTo>
                  <a:cubicBezTo>
                    <a:pt x="0" y="3859"/>
                    <a:pt x="3859" y="0"/>
                    <a:pt x="8619" y="0"/>
                  </a:cubicBezTo>
                  <a:cubicBezTo>
                    <a:pt x="13380"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32" name="Freeform: Shape 3531">
              <a:extLst>
                <a:ext uri="{FF2B5EF4-FFF2-40B4-BE49-F238E27FC236}">
                  <a16:creationId xmlns:a16="http://schemas.microsoft.com/office/drawing/2014/main" id="{881D49BE-E508-45FF-5625-4D8D4A14EC0D}"/>
                </a:ext>
              </a:extLst>
            </p:cNvPr>
            <p:cNvSpPr/>
            <p:nvPr/>
          </p:nvSpPr>
          <p:spPr>
            <a:xfrm>
              <a:off x="6160193" y="1606277"/>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33" name="Freeform: Shape 3532">
              <a:extLst>
                <a:ext uri="{FF2B5EF4-FFF2-40B4-BE49-F238E27FC236}">
                  <a16:creationId xmlns:a16="http://schemas.microsoft.com/office/drawing/2014/main" id="{98F9872B-B2DA-DD3A-C7DF-4DD767C4ACE6}"/>
                </a:ext>
              </a:extLst>
            </p:cNvPr>
            <p:cNvSpPr/>
            <p:nvPr/>
          </p:nvSpPr>
          <p:spPr>
            <a:xfrm>
              <a:off x="6862816" y="176828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1" y="17239"/>
                    <a:pt x="8619" y="17239"/>
                  </a:cubicBezTo>
                  <a:cubicBezTo>
                    <a:pt x="3857" y="17239"/>
                    <a:pt x="0" y="13378"/>
                    <a:pt x="0" y="8619"/>
                  </a:cubicBezTo>
                  <a:cubicBezTo>
                    <a:pt x="0" y="3860"/>
                    <a:pt x="3857" y="0"/>
                    <a:pt x="8619" y="0"/>
                  </a:cubicBezTo>
                  <a:cubicBezTo>
                    <a:pt x="13378"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34" name="Freeform: Shape 3533">
              <a:extLst>
                <a:ext uri="{FF2B5EF4-FFF2-40B4-BE49-F238E27FC236}">
                  <a16:creationId xmlns:a16="http://schemas.microsoft.com/office/drawing/2014/main" id="{CC52E96C-71B1-4906-2C5D-743B4A41DACB}"/>
                </a:ext>
              </a:extLst>
            </p:cNvPr>
            <p:cNvSpPr/>
            <p:nvPr/>
          </p:nvSpPr>
          <p:spPr>
            <a:xfrm>
              <a:off x="7158269" y="1987134"/>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8650 w 17238"/>
                <a:gd name="connsiteY4" fmla="*/ 0 h 17238"/>
                <a:gd name="connsiteX5" fmla="*/ 17239 w 17238"/>
                <a:gd name="connsiteY5" fmla="*/ 861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19"/>
                  </a:moveTo>
                  <a:cubicBezTo>
                    <a:pt x="17239" y="13378"/>
                    <a:pt x="13378" y="17239"/>
                    <a:pt x="8619" y="17239"/>
                  </a:cubicBezTo>
                  <a:cubicBezTo>
                    <a:pt x="3861" y="17239"/>
                    <a:pt x="0" y="13378"/>
                    <a:pt x="0" y="8619"/>
                  </a:cubicBezTo>
                  <a:cubicBezTo>
                    <a:pt x="0" y="3857"/>
                    <a:pt x="3861" y="0"/>
                    <a:pt x="8619" y="0"/>
                  </a:cubicBezTo>
                  <a:cubicBezTo>
                    <a:pt x="8628" y="0"/>
                    <a:pt x="8641" y="0"/>
                    <a:pt x="8650" y="0"/>
                  </a:cubicBezTo>
                  <a:cubicBezTo>
                    <a:pt x="13399" y="18"/>
                    <a:pt x="17239" y="387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35" name="Freeform: Shape 3534">
              <a:extLst>
                <a:ext uri="{FF2B5EF4-FFF2-40B4-BE49-F238E27FC236}">
                  <a16:creationId xmlns:a16="http://schemas.microsoft.com/office/drawing/2014/main" id="{261E7029-4217-2E48-BC6D-3393089E3118}"/>
                </a:ext>
              </a:extLst>
            </p:cNvPr>
            <p:cNvSpPr/>
            <p:nvPr/>
          </p:nvSpPr>
          <p:spPr>
            <a:xfrm>
              <a:off x="5686041" y="202686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7"/>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36" name="Freeform: Shape 3535">
              <a:extLst>
                <a:ext uri="{FF2B5EF4-FFF2-40B4-BE49-F238E27FC236}">
                  <a16:creationId xmlns:a16="http://schemas.microsoft.com/office/drawing/2014/main" id="{2A8D09B8-DEA0-45D2-50BD-8DBA5F7FF282}"/>
                </a:ext>
              </a:extLst>
            </p:cNvPr>
            <p:cNvSpPr/>
            <p:nvPr/>
          </p:nvSpPr>
          <p:spPr>
            <a:xfrm>
              <a:off x="5426067" y="1728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0" y="17239"/>
                    <a:pt x="8619" y="17239"/>
                  </a:cubicBezTo>
                  <a:cubicBezTo>
                    <a:pt x="3859" y="17239"/>
                    <a:pt x="0" y="13378"/>
                    <a:pt x="0" y="8619"/>
                  </a:cubicBezTo>
                  <a:cubicBezTo>
                    <a:pt x="0" y="3860"/>
                    <a:pt x="3859" y="0"/>
                    <a:pt x="8619" y="0"/>
                  </a:cubicBezTo>
                  <a:cubicBezTo>
                    <a:pt x="13380"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38" name="Freeform: Shape 3537">
              <a:extLst>
                <a:ext uri="{FF2B5EF4-FFF2-40B4-BE49-F238E27FC236}">
                  <a16:creationId xmlns:a16="http://schemas.microsoft.com/office/drawing/2014/main" id="{C3788F5B-6C27-0F5B-FE95-2F7569EED688}"/>
                </a:ext>
              </a:extLst>
            </p:cNvPr>
            <p:cNvSpPr/>
            <p:nvPr/>
          </p:nvSpPr>
          <p:spPr>
            <a:xfrm>
              <a:off x="5426067" y="1312159"/>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5" y="13348"/>
                    <a:pt x="13410" y="17220"/>
                    <a:pt x="8650" y="17239"/>
                  </a:cubicBezTo>
                  <a:cubicBezTo>
                    <a:pt x="3889" y="17257"/>
                    <a:pt x="17" y="13408"/>
                    <a:pt x="0" y="8650"/>
                  </a:cubicBezTo>
                  <a:cubicBezTo>
                    <a:pt x="-17" y="3891"/>
                    <a:pt x="3829" y="18"/>
                    <a:pt x="8589" y="0"/>
                  </a:cubicBezTo>
                  <a:cubicBezTo>
                    <a:pt x="8599" y="0"/>
                    <a:pt x="8609" y="0"/>
                    <a:pt x="8619" y="0"/>
                  </a:cubicBezTo>
                  <a:cubicBezTo>
                    <a:pt x="13368" y="0"/>
                    <a:pt x="17222" y="3839"/>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39" name="Freeform: Shape 3538">
              <a:extLst>
                <a:ext uri="{FF2B5EF4-FFF2-40B4-BE49-F238E27FC236}">
                  <a16:creationId xmlns:a16="http://schemas.microsoft.com/office/drawing/2014/main" id="{EEBDF26B-DEB5-46C8-9921-E5C307A0EAA7}"/>
                </a:ext>
              </a:extLst>
            </p:cNvPr>
            <p:cNvSpPr/>
            <p:nvPr/>
          </p:nvSpPr>
          <p:spPr>
            <a:xfrm>
              <a:off x="5667224" y="828568"/>
              <a:ext cx="17238" cy="17238"/>
            </a:xfrm>
            <a:custGeom>
              <a:avLst/>
              <a:gdLst>
                <a:gd name="connsiteX0" fmla="*/ 17239 w 17238"/>
                <a:gd name="connsiteY0" fmla="*/ 8620 h 17238"/>
                <a:gd name="connsiteX1" fmla="*/ 8619 w 17238"/>
                <a:gd name="connsiteY1" fmla="*/ 17239 h 17238"/>
                <a:gd name="connsiteX2" fmla="*/ 0 w 17238"/>
                <a:gd name="connsiteY2" fmla="*/ 8618 h 17238"/>
                <a:gd name="connsiteX3" fmla="*/ 8619 w 17238"/>
                <a:gd name="connsiteY3" fmla="*/ 0 h 17238"/>
                <a:gd name="connsiteX4" fmla="*/ 8741 w 17238"/>
                <a:gd name="connsiteY4" fmla="*/ 1 h 17238"/>
                <a:gd name="connsiteX5" fmla="*/ 17239 w 17238"/>
                <a:gd name="connsiteY5" fmla="*/ 8620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20"/>
                  </a:moveTo>
                  <a:cubicBezTo>
                    <a:pt x="17239" y="13381"/>
                    <a:pt x="13378" y="17239"/>
                    <a:pt x="8619" y="17239"/>
                  </a:cubicBezTo>
                  <a:cubicBezTo>
                    <a:pt x="3857" y="17238"/>
                    <a:pt x="0" y="13379"/>
                    <a:pt x="0" y="8618"/>
                  </a:cubicBezTo>
                  <a:cubicBezTo>
                    <a:pt x="0" y="3858"/>
                    <a:pt x="3860" y="0"/>
                    <a:pt x="8619" y="0"/>
                  </a:cubicBezTo>
                  <a:cubicBezTo>
                    <a:pt x="8662" y="0"/>
                    <a:pt x="8701" y="0"/>
                    <a:pt x="8741" y="1"/>
                  </a:cubicBezTo>
                  <a:cubicBezTo>
                    <a:pt x="13460" y="51"/>
                    <a:pt x="17257" y="3900"/>
                    <a:pt x="17239" y="862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40" name="Freeform: Shape 3539">
              <a:extLst>
                <a:ext uri="{FF2B5EF4-FFF2-40B4-BE49-F238E27FC236}">
                  <a16:creationId xmlns:a16="http://schemas.microsoft.com/office/drawing/2014/main" id="{B59CDF5F-2CB3-D39D-3B8F-E1704D1874A5}"/>
                </a:ext>
              </a:extLst>
            </p:cNvPr>
            <p:cNvSpPr/>
            <p:nvPr/>
          </p:nvSpPr>
          <p:spPr>
            <a:xfrm>
              <a:off x="7398274" y="117340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4"/>
                    <a:pt x="18" y="13408"/>
                    <a:pt x="0" y="8650"/>
                  </a:cubicBezTo>
                  <a:cubicBezTo>
                    <a:pt x="-18" y="3888"/>
                    <a:pt x="3830" y="18"/>
                    <a:pt x="8589" y="0"/>
                  </a:cubicBezTo>
                  <a:cubicBezTo>
                    <a:pt x="8610" y="0"/>
                    <a:pt x="8629" y="0"/>
                    <a:pt x="8650" y="0"/>
                  </a:cubicBezTo>
                  <a:cubicBezTo>
                    <a:pt x="13387" y="15"/>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41" name="Freeform: Shape 3540">
              <a:extLst>
                <a:ext uri="{FF2B5EF4-FFF2-40B4-BE49-F238E27FC236}">
                  <a16:creationId xmlns:a16="http://schemas.microsoft.com/office/drawing/2014/main" id="{B6C0BFA1-2363-CA96-C003-AAE829F45063}"/>
                </a:ext>
              </a:extLst>
            </p:cNvPr>
            <p:cNvSpPr/>
            <p:nvPr/>
          </p:nvSpPr>
          <p:spPr>
            <a:xfrm>
              <a:off x="7398274" y="1507884"/>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7"/>
                    <a:pt x="18" y="13408"/>
                    <a:pt x="0" y="8650"/>
                  </a:cubicBezTo>
                  <a:cubicBezTo>
                    <a:pt x="-18" y="3891"/>
                    <a:pt x="3830" y="18"/>
                    <a:pt x="8589" y="0"/>
                  </a:cubicBezTo>
                  <a:cubicBezTo>
                    <a:pt x="8610" y="0"/>
                    <a:pt x="8629" y="0"/>
                    <a:pt x="8650" y="0"/>
                  </a:cubicBezTo>
                  <a:cubicBezTo>
                    <a:pt x="13387" y="18"/>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46" name="Freeform: Shape 3545">
              <a:extLst>
                <a:ext uri="{FF2B5EF4-FFF2-40B4-BE49-F238E27FC236}">
                  <a16:creationId xmlns:a16="http://schemas.microsoft.com/office/drawing/2014/main" id="{4C38D66C-9113-459B-1B67-CC39B07201FF}"/>
                </a:ext>
              </a:extLst>
            </p:cNvPr>
            <p:cNvSpPr/>
            <p:nvPr/>
          </p:nvSpPr>
          <p:spPr>
            <a:xfrm>
              <a:off x="7149680" y="957706"/>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12" y="17222"/>
                    <a:pt x="8650" y="17239"/>
                  </a:cubicBezTo>
                  <a:cubicBezTo>
                    <a:pt x="3891" y="17255"/>
                    <a:pt x="18" y="13410"/>
                    <a:pt x="0" y="8650"/>
                  </a:cubicBezTo>
                  <a:cubicBezTo>
                    <a:pt x="-15" y="3889"/>
                    <a:pt x="3830" y="17"/>
                    <a:pt x="8589" y="0"/>
                  </a:cubicBezTo>
                  <a:cubicBezTo>
                    <a:pt x="8598" y="0"/>
                    <a:pt x="8610" y="0"/>
                    <a:pt x="8619" y="0"/>
                  </a:cubicBezTo>
                  <a:cubicBezTo>
                    <a:pt x="13369" y="0"/>
                    <a:pt x="17223" y="3840"/>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47" name="Freeform: Shape 3546">
              <a:extLst>
                <a:ext uri="{FF2B5EF4-FFF2-40B4-BE49-F238E27FC236}">
                  <a16:creationId xmlns:a16="http://schemas.microsoft.com/office/drawing/2014/main" id="{BC40A12A-179B-724D-9C0E-F800281832CE}"/>
                </a:ext>
              </a:extLst>
            </p:cNvPr>
            <p:cNvSpPr/>
            <p:nvPr/>
          </p:nvSpPr>
          <p:spPr>
            <a:xfrm>
              <a:off x="6048537" y="792240"/>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09" y="17222"/>
                    <a:pt x="8650" y="17239"/>
                  </a:cubicBezTo>
                  <a:cubicBezTo>
                    <a:pt x="3891" y="17255"/>
                    <a:pt x="18" y="13410"/>
                    <a:pt x="0" y="8650"/>
                  </a:cubicBezTo>
                  <a:cubicBezTo>
                    <a:pt x="-15" y="3889"/>
                    <a:pt x="3830" y="17"/>
                    <a:pt x="8589" y="0"/>
                  </a:cubicBezTo>
                  <a:cubicBezTo>
                    <a:pt x="8610" y="0"/>
                    <a:pt x="8628" y="0"/>
                    <a:pt x="8650" y="0"/>
                  </a:cubicBezTo>
                  <a:cubicBezTo>
                    <a:pt x="13387" y="17"/>
                    <a:pt x="17223" y="3852"/>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sp>
        <p:nvSpPr>
          <p:cNvPr id="3548" name="TextBox 3547">
            <a:extLst>
              <a:ext uri="{FF2B5EF4-FFF2-40B4-BE49-F238E27FC236}">
                <a16:creationId xmlns:a16="http://schemas.microsoft.com/office/drawing/2014/main" id="{F8364366-39CF-C002-BD79-DC137AABB184}"/>
              </a:ext>
            </a:extLst>
          </p:cNvPr>
          <p:cNvSpPr txBox="1"/>
          <p:nvPr/>
        </p:nvSpPr>
        <p:spPr>
          <a:xfrm>
            <a:off x="-32021" y="1199426"/>
            <a:ext cx="867324" cy="923330"/>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5400" b="1"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7</a:t>
            </a:r>
          </a:p>
        </p:txBody>
      </p:sp>
      <p:sp>
        <p:nvSpPr>
          <p:cNvPr id="3549" name="TextBox 3548">
            <a:extLst>
              <a:ext uri="{FF2B5EF4-FFF2-40B4-BE49-F238E27FC236}">
                <a16:creationId xmlns:a16="http://schemas.microsoft.com/office/drawing/2014/main" id="{64953CE3-256C-E828-36B4-55643027389A}"/>
              </a:ext>
            </a:extLst>
          </p:cNvPr>
          <p:cNvSpPr txBox="1"/>
          <p:nvPr/>
        </p:nvSpPr>
        <p:spPr>
          <a:xfrm>
            <a:off x="527888" y="1180256"/>
            <a:ext cx="592531"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50"/>
              </a:spcBef>
              <a:spcAft>
                <a:spcPts val="0"/>
              </a:spcAft>
              <a:buClrTx/>
              <a:buSzTx/>
              <a:buFontTx/>
              <a:buNone/>
              <a:tabLst/>
              <a:defRPr/>
            </a:pPr>
            <a:r>
              <a:rPr kumimoji="0" lang="en-US" sz="2400" b="1"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a:t>
            </a:r>
          </a:p>
        </p:txBody>
      </p:sp>
      <p:sp>
        <p:nvSpPr>
          <p:cNvPr id="3550" name="TextBox 3549">
            <a:extLst>
              <a:ext uri="{FF2B5EF4-FFF2-40B4-BE49-F238E27FC236}">
                <a16:creationId xmlns:a16="http://schemas.microsoft.com/office/drawing/2014/main" id="{589CF7DF-CEF3-B503-1842-BFFE4B537432}"/>
              </a:ext>
            </a:extLst>
          </p:cNvPr>
          <p:cNvSpPr txBox="1"/>
          <p:nvPr/>
        </p:nvSpPr>
        <p:spPr>
          <a:xfrm>
            <a:off x="4501056" y="3204284"/>
            <a:ext cx="1850677" cy="2359393"/>
          </a:xfrm>
          <a:prstGeom prst="rect">
            <a:avLst/>
          </a:prstGeom>
          <a:noFill/>
        </p:spPr>
        <p:txBody>
          <a:bodyPr wrap="square" numCol="1" spcCol="252000" rtlCol="0">
            <a:noAutofit/>
          </a:bodyPr>
          <a:lstStyle/>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ptara starts to liaise with </a:t>
            </a:r>
            <a:r>
              <a:rPr kumimoji="0" lang="en-US" sz="1100" b="1"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18</a:t>
            </a: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 </a:t>
            </a:r>
            <a:r>
              <a:rPr kumimoji="0" lang="en-US" sz="1100" b="1"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t>
            </a: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 divisions at client end</a:t>
            </a:r>
            <a:endParaRPr kumimoji="0" lang="en-US" sz="1100" b="1"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endParaRP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WBTs continue, Explainer Videos are well received. </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1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ptara's localized content services ensures accessibility in multiple languages</a:t>
            </a:r>
          </a:p>
        </p:txBody>
      </p:sp>
      <p:pic>
        <p:nvPicPr>
          <p:cNvPr id="3551" name="Picture 3550" descr="Diagram&#10;&#10;Description automatically generated">
            <a:extLst>
              <a:ext uri="{FF2B5EF4-FFF2-40B4-BE49-F238E27FC236}">
                <a16:creationId xmlns:a16="http://schemas.microsoft.com/office/drawing/2014/main" id="{8FF331C7-86D1-94A9-F741-307CB35DD3DF}"/>
              </a:ext>
            </a:extLst>
          </p:cNvPr>
          <p:cNvPicPr>
            <a:picLocks noChangeAspect="1"/>
          </p:cNvPicPr>
          <p:nvPr/>
        </p:nvPicPr>
        <p:blipFill rotWithShape="1">
          <a:blip r:embed="rId11" cstate="screen">
            <a:extLst>
              <a:ext uri="{28A0092B-C50C-407E-A947-70E740481C1C}">
                <a14:useLocalDpi xmlns:a14="http://schemas.microsoft.com/office/drawing/2010/main" val="0"/>
              </a:ext>
            </a:extLst>
          </a:blip>
          <a:srcRect r="-1349" b="-7019"/>
          <a:stretch/>
        </p:blipFill>
        <p:spPr>
          <a:xfrm>
            <a:off x="5297525" y="328608"/>
            <a:ext cx="1076981" cy="965868"/>
          </a:xfrm>
          <a:prstGeom prst="rect">
            <a:avLst/>
          </a:prstGeom>
        </p:spPr>
      </p:pic>
      <p:sp>
        <p:nvSpPr>
          <p:cNvPr id="3556" name="Star: 10 Points 3555">
            <a:extLst>
              <a:ext uri="{FF2B5EF4-FFF2-40B4-BE49-F238E27FC236}">
                <a16:creationId xmlns:a16="http://schemas.microsoft.com/office/drawing/2014/main" id="{5066A396-CAF7-3DC2-DEA0-906CA18BC25E}"/>
              </a:ext>
            </a:extLst>
          </p:cNvPr>
          <p:cNvSpPr/>
          <p:nvPr/>
        </p:nvSpPr>
        <p:spPr>
          <a:xfrm>
            <a:off x="1529316" y="1275424"/>
            <a:ext cx="403270" cy="443597"/>
          </a:xfrm>
          <a:prstGeom prst="star10">
            <a:avLst/>
          </a:prstGeom>
          <a:solidFill>
            <a:srgbClr val="F3BF2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557" name="TextBox 3556">
            <a:extLst>
              <a:ext uri="{FF2B5EF4-FFF2-40B4-BE49-F238E27FC236}">
                <a16:creationId xmlns:a16="http://schemas.microsoft.com/office/drawing/2014/main" id="{CE889EC0-E6F8-A993-E7E5-AC1DD024BE03}"/>
              </a:ext>
            </a:extLst>
          </p:cNvPr>
          <p:cNvSpPr txBox="1"/>
          <p:nvPr/>
        </p:nvSpPr>
        <p:spPr>
          <a:xfrm>
            <a:off x="850897" y="1315705"/>
            <a:ext cx="2327955" cy="615553"/>
          </a:xfrm>
          <a:prstGeom prst="rect">
            <a:avLst/>
          </a:prstGeom>
          <a:noFill/>
        </p:spPr>
        <p:txBody>
          <a:bodyPr wrap="square">
            <a:spAutoFit/>
          </a:bodyPr>
          <a:lstStyle/>
          <a:p>
            <a:pPr marL="0" marR="0" lvl="0" indent="0" algn="l" defTabSz="914400" rtl="0" eaLnBrk="1" fontAlgn="auto" latinLnBrk="0" hangingPunct="1">
              <a:lnSpc>
                <a:spcPct val="100000"/>
              </a:lnSpc>
              <a:spcBef>
                <a:spcPts val="50"/>
              </a:spcBef>
              <a:spcAft>
                <a:spcPts val="0"/>
              </a:spcAft>
              <a:buClrTx/>
              <a:buSzTx/>
              <a:buFontTx/>
              <a:buNone/>
              <a:tabLst/>
              <a:defRPr/>
            </a:pPr>
            <a:r>
              <a:rPr kumimoji="0" lang="en-US" sz="1600" b="1"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Years, </a:t>
            </a:r>
            <a:r>
              <a:rPr kumimoji="0" lang="en-US" sz="1800" b="1" i="0" u="none" strike="noStrike" kern="1200" cap="none" spc="0" normalizeH="0" baseline="0" noProof="0">
                <a:ln>
                  <a:noFill/>
                </a:ln>
                <a:solidFill>
                  <a:prstClr val="black"/>
                </a:solidFill>
                <a:effectLst/>
                <a:uLnTx/>
                <a:uFillTx/>
                <a:latin typeface="Georgia Pro Cond" panose="02040506050405020303" pitchFamily="18" charset="0"/>
                <a:ea typeface="+mn-ea"/>
                <a:cs typeface="Times New Roman" panose="02020603050405020304" pitchFamily="18" charset="0"/>
              </a:rPr>
              <a:t>18</a:t>
            </a:r>
            <a:r>
              <a:rPr kumimoji="0" lang="en-US" sz="1600" b="1"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 divisions and going strong</a:t>
            </a:r>
          </a:p>
        </p:txBody>
      </p:sp>
      <p:pic>
        <p:nvPicPr>
          <p:cNvPr id="3559" name="Picture 3558" descr="Text&#10;&#10;Description automatically generated">
            <a:extLst>
              <a:ext uri="{FF2B5EF4-FFF2-40B4-BE49-F238E27FC236}">
                <a16:creationId xmlns:a16="http://schemas.microsoft.com/office/drawing/2014/main" id="{7B2EB535-132C-0D63-D134-1C10FE95AF5B}"/>
              </a:ext>
            </a:extLst>
          </p:cNvPr>
          <p:cNvPicPr>
            <a:picLocks noChangeAspect="1"/>
          </p:cNvPicPr>
          <p:nvPr/>
        </p:nvPicPr>
        <p:blipFill>
          <a:blip r:embed="rId12" cstate="screen">
            <a:duotone>
              <a:schemeClr val="accent6">
                <a:shade val="45000"/>
                <a:satMod val="135000"/>
              </a:schemeClr>
              <a:prstClr val="white"/>
            </a:duotone>
            <a:extLst>
              <a:ext uri="{28A0092B-C50C-407E-A947-70E740481C1C}">
                <a14:useLocalDpi xmlns:a14="http://schemas.microsoft.com/office/drawing/2010/main" val="0"/>
              </a:ext>
            </a:extLst>
          </a:blip>
          <a:stretch>
            <a:fillRect/>
          </a:stretch>
        </p:blipFill>
        <p:spPr>
          <a:xfrm>
            <a:off x="208053" y="5633772"/>
            <a:ext cx="1629310" cy="1077894"/>
          </a:xfrm>
          <a:prstGeom prst="rect">
            <a:avLst/>
          </a:prstGeom>
        </p:spPr>
      </p:pic>
      <p:sp>
        <p:nvSpPr>
          <p:cNvPr id="6" name="Rectangle 5">
            <a:extLst>
              <a:ext uri="{FF2B5EF4-FFF2-40B4-BE49-F238E27FC236}">
                <a16:creationId xmlns:a16="http://schemas.microsoft.com/office/drawing/2014/main" id="{B303AACC-CF3A-3151-DF6E-5714BAFA9B18}"/>
              </a:ext>
            </a:extLst>
          </p:cNvPr>
          <p:cNvSpPr/>
          <p:nvPr/>
        </p:nvSpPr>
        <p:spPr>
          <a:xfrm>
            <a:off x="10014641" y="1710023"/>
            <a:ext cx="99547" cy="3638580"/>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cxnSp>
        <p:nvCxnSpPr>
          <p:cNvPr id="7" name="Straight Connector 6">
            <a:extLst>
              <a:ext uri="{FF2B5EF4-FFF2-40B4-BE49-F238E27FC236}">
                <a16:creationId xmlns:a16="http://schemas.microsoft.com/office/drawing/2014/main" id="{2D75F49A-51CB-1E5D-9C68-01B308B103D6}"/>
              </a:ext>
            </a:extLst>
          </p:cNvPr>
          <p:cNvCxnSpPr>
            <a:cxnSpLocks/>
          </p:cNvCxnSpPr>
          <p:nvPr/>
        </p:nvCxnSpPr>
        <p:spPr>
          <a:xfrm>
            <a:off x="4695311" y="1824780"/>
            <a:ext cx="5479294" cy="0"/>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3793" name="Rectangle 3792">
            <a:extLst>
              <a:ext uri="{FF2B5EF4-FFF2-40B4-BE49-F238E27FC236}">
                <a16:creationId xmlns:a16="http://schemas.microsoft.com/office/drawing/2014/main" id="{E759A80B-DDD2-E54C-E590-7B496BC7435D}"/>
              </a:ext>
            </a:extLst>
          </p:cNvPr>
          <p:cNvSpPr/>
          <p:nvPr/>
        </p:nvSpPr>
        <p:spPr>
          <a:xfrm>
            <a:off x="4324996" y="2015609"/>
            <a:ext cx="99547" cy="3738915"/>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cxnSp>
        <p:nvCxnSpPr>
          <p:cNvPr id="4013" name="Straight Connector 4012">
            <a:extLst>
              <a:ext uri="{FF2B5EF4-FFF2-40B4-BE49-F238E27FC236}">
                <a16:creationId xmlns:a16="http://schemas.microsoft.com/office/drawing/2014/main" id="{204F645D-7733-4DAD-5AA4-359A905EED04}"/>
              </a:ext>
            </a:extLst>
          </p:cNvPr>
          <p:cNvCxnSpPr>
            <a:cxnSpLocks/>
          </p:cNvCxnSpPr>
          <p:nvPr/>
        </p:nvCxnSpPr>
        <p:spPr>
          <a:xfrm flipV="1">
            <a:off x="3761079" y="1826181"/>
            <a:ext cx="893032" cy="905091"/>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4085" name="Right Triangle 4084">
            <a:extLst>
              <a:ext uri="{FF2B5EF4-FFF2-40B4-BE49-F238E27FC236}">
                <a16:creationId xmlns:a16="http://schemas.microsoft.com/office/drawing/2014/main" id="{2A17C69C-609E-6AE3-DBFC-FD4EA4CA2C77}"/>
              </a:ext>
            </a:extLst>
          </p:cNvPr>
          <p:cNvSpPr/>
          <p:nvPr/>
        </p:nvSpPr>
        <p:spPr>
          <a:xfrm rot="5400000">
            <a:off x="4318859" y="2007955"/>
            <a:ext cx="140826" cy="144852"/>
          </a:xfrm>
          <a:prstGeom prst="rtTriangle">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49" name="Picture 48" descr="Graphical user interface&#10;&#10;Description automatically generated with medium confidence">
            <a:extLst>
              <a:ext uri="{FF2B5EF4-FFF2-40B4-BE49-F238E27FC236}">
                <a16:creationId xmlns:a16="http://schemas.microsoft.com/office/drawing/2014/main" id="{912B006F-449E-2D34-4FE8-C781A64752FE}"/>
              </a:ext>
            </a:extLst>
          </p:cNvPr>
          <p:cNvPicPr>
            <a:picLocks noChangeAspect="1"/>
          </p:cNvPicPr>
          <p:nvPr/>
        </p:nvPicPr>
        <p:blipFill>
          <a:blip r:embed="rId13" cstate="screen">
            <a:extLst>
              <a:ext uri="{28A0092B-C50C-407E-A947-70E740481C1C}">
                <a14:useLocalDpi xmlns:a14="http://schemas.microsoft.com/office/drawing/2010/main" val="0"/>
              </a:ext>
            </a:extLst>
          </a:blip>
          <a:stretch>
            <a:fillRect/>
          </a:stretch>
        </p:blipFill>
        <p:spPr>
          <a:xfrm>
            <a:off x="2293488" y="5170212"/>
            <a:ext cx="2006053" cy="1664596"/>
          </a:xfrm>
          <a:prstGeom prst="rect">
            <a:avLst/>
          </a:prstGeom>
        </p:spPr>
      </p:pic>
      <p:pic>
        <p:nvPicPr>
          <p:cNvPr id="4079" name="Picture 4078" descr="A person and person dancing&#10;&#10;Description automatically generated with low confidence">
            <a:extLst>
              <a:ext uri="{FF2B5EF4-FFF2-40B4-BE49-F238E27FC236}">
                <a16:creationId xmlns:a16="http://schemas.microsoft.com/office/drawing/2014/main" id="{2D522C24-32F9-CE6A-0717-5679BDBCBB01}"/>
              </a:ext>
            </a:extLst>
          </p:cNvPr>
          <p:cNvPicPr>
            <a:picLocks noChangeAspect="1"/>
          </p:cNvPicPr>
          <p:nvPr/>
        </p:nvPicPr>
        <p:blipFill>
          <a:blip r:embed="rId14" cstate="screen">
            <a:extLst>
              <a:ext uri="{28A0092B-C50C-407E-A947-70E740481C1C}">
                <a14:useLocalDpi xmlns:a14="http://schemas.microsoft.com/office/drawing/2010/main" val="0"/>
              </a:ext>
            </a:extLst>
          </a:blip>
          <a:stretch>
            <a:fillRect/>
          </a:stretch>
        </p:blipFill>
        <p:spPr>
          <a:xfrm>
            <a:off x="9138440" y="4575702"/>
            <a:ext cx="2632389" cy="2299877"/>
          </a:xfrm>
          <a:prstGeom prst="rect">
            <a:avLst/>
          </a:prstGeom>
        </p:spPr>
      </p:pic>
      <p:pic>
        <p:nvPicPr>
          <p:cNvPr id="4089" name="Picture 4088" descr="A picture containing handcart&#10;&#10;Description automatically generated">
            <a:extLst>
              <a:ext uri="{FF2B5EF4-FFF2-40B4-BE49-F238E27FC236}">
                <a16:creationId xmlns:a16="http://schemas.microsoft.com/office/drawing/2014/main" id="{685260CF-CB19-E472-8A4F-F4243043058E}"/>
              </a:ext>
            </a:extLst>
          </p:cNvPr>
          <p:cNvPicPr>
            <a:picLocks noChangeAspect="1"/>
          </p:cNvPicPr>
          <p:nvPr/>
        </p:nvPicPr>
        <p:blipFill>
          <a:blip r:embed="rId15" cstate="screen">
            <a:extLst>
              <a:ext uri="{28A0092B-C50C-407E-A947-70E740481C1C}">
                <a14:useLocalDpi xmlns:a14="http://schemas.microsoft.com/office/drawing/2010/main" val="0"/>
              </a:ext>
            </a:extLst>
          </a:blip>
          <a:stretch>
            <a:fillRect/>
          </a:stretch>
        </p:blipFill>
        <p:spPr>
          <a:xfrm>
            <a:off x="10455178" y="880474"/>
            <a:ext cx="587438" cy="543103"/>
          </a:xfrm>
          <a:prstGeom prst="rect">
            <a:avLst/>
          </a:prstGeom>
        </p:spPr>
      </p:pic>
      <p:pic>
        <p:nvPicPr>
          <p:cNvPr id="4091" name="Picture 4090" descr="Graphical user interface&#10;&#10;Description automatically generated with medium confidence">
            <a:extLst>
              <a:ext uri="{FF2B5EF4-FFF2-40B4-BE49-F238E27FC236}">
                <a16:creationId xmlns:a16="http://schemas.microsoft.com/office/drawing/2014/main" id="{DCA0497E-25CD-C6F8-047A-BFAAFF4A2FF8}"/>
              </a:ext>
            </a:extLst>
          </p:cNvPr>
          <p:cNvPicPr>
            <a:picLocks noChangeAspect="1"/>
          </p:cNvPicPr>
          <p:nvPr/>
        </p:nvPicPr>
        <p:blipFill>
          <a:blip r:embed="rId16" cstate="screen">
            <a:extLst>
              <a:ext uri="{28A0092B-C50C-407E-A947-70E740481C1C}">
                <a14:useLocalDpi xmlns:a14="http://schemas.microsoft.com/office/drawing/2010/main" val="0"/>
              </a:ext>
            </a:extLst>
          </a:blip>
          <a:stretch>
            <a:fillRect/>
          </a:stretch>
        </p:blipFill>
        <p:spPr>
          <a:xfrm>
            <a:off x="11212823" y="457732"/>
            <a:ext cx="914409" cy="983682"/>
          </a:xfrm>
          <a:prstGeom prst="rect">
            <a:avLst/>
          </a:prstGeom>
        </p:spPr>
      </p:pic>
      <p:pic>
        <p:nvPicPr>
          <p:cNvPr id="2" name="Picture 1">
            <a:extLst>
              <a:ext uri="{FF2B5EF4-FFF2-40B4-BE49-F238E27FC236}">
                <a16:creationId xmlns:a16="http://schemas.microsoft.com/office/drawing/2014/main" id="{192F5B40-60CC-7BEB-4322-CBF4EDE7E178}"/>
              </a:ext>
            </a:extLst>
          </p:cNvPr>
          <p:cNvPicPr>
            <a:picLocks noChangeAspect="1"/>
          </p:cNvPicPr>
          <p:nvPr/>
        </p:nvPicPr>
        <p:blipFill>
          <a:blip r:embed="rId17" cstate="screen">
            <a:extLst>
              <a:ext uri="{28A0092B-C50C-407E-A947-70E740481C1C}">
                <a14:useLocalDpi xmlns:a14="http://schemas.microsoft.com/office/drawing/2010/main" val="0"/>
              </a:ext>
            </a:extLst>
          </a:blip>
          <a:stretch>
            <a:fillRect/>
          </a:stretch>
        </p:blipFill>
        <p:spPr>
          <a:xfrm>
            <a:off x="5295971" y="5234853"/>
            <a:ext cx="1072184" cy="1034561"/>
          </a:xfrm>
          <a:prstGeom prst="rect">
            <a:avLst/>
          </a:prstGeom>
        </p:spPr>
      </p:pic>
      <p:sp>
        <p:nvSpPr>
          <p:cNvPr id="25" name="Rectangle: Top Corners Rounded 24">
            <a:extLst>
              <a:ext uri="{FF2B5EF4-FFF2-40B4-BE49-F238E27FC236}">
                <a16:creationId xmlns:a16="http://schemas.microsoft.com/office/drawing/2014/main" id="{007C652D-0688-7AD8-32C4-5EC2DB6956ED}"/>
              </a:ext>
            </a:extLst>
          </p:cNvPr>
          <p:cNvSpPr/>
          <p:nvPr/>
        </p:nvSpPr>
        <p:spPr>
          <a:xfrm rot="5400000">
            <a:off x="1161597" y="-948669"/>
            <a:ext cx="988027" cy="3311217"/>
          </a:xfrm>
          <a:prstGeom prst="round2SameRect">
            <a:avLst>
              <a:gd name="adj1" fmla="val 33119"/>
              <a:gd name="adj2" fmla="val 0"/>
            </a:avLst>
          </a:prstGeom>
          <a:solidFill>
            <a:srgbClr val="000000">
              <a:alpha val="25098"/>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6" name="Rectangle: Top Corners Rounded 25">
            <a:extLst>
              <a:ext uri="{FF2B5EF4-FFF2-40B4-BE49-F238E27FC236}">
                <a16:creationId xmlns:a16="http://schemas.microsoft.com/office/drawing/2014/main" id="{F5A3EB86-7DDE-59A4-CBFD-A643EFF67EFA}"/>
              </a:ext>
            </a:extLst>
          </p:cNvPr>
          <p:cNvSpPr/>
          <p:nvPr/>
        </p:nvSpPr>
        <p:spPr>
          <a:xfrm rot="5400000">
            <a:off x="1190883" y="-995524"/>
            <a:ext cx="922406" cy="3318265"/>
          </a:xfrm>
          <a:prstGeom prst="round2SameRect">
            <a:avLst>
              <a:gd name="adj1" fmla="val 33119"/>
              <a:gd name="adj2" fmla="val 0"/>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7" name="Picture 26" descr="A picture containing text&#10;&#10;Description automatically generated">
            <a:extLst>
              <a:ext uri="{FF2B5EF4-FFF2-40B4-BE49-F238E27FC236}">
                <a16:creationId xmlns:a16="http://schemas.microsoft.com/office/drawing/2014/main" id="{80596CC4-613C-21D8-C1BC-7A6F96D60B71}"/>
              </a:ext>
            </a:extLst>
          </p:cNvPr>
          <p:cNvPicPr>
            <a:picLocks noChangeAspect="1"/>
          </p:cNvPicPr>
          <p:nvPr/>
        </p:nvPicPr>
        <p:blipFill>
          <a:blip r:embed="rId18" cstate="screen">
            <a:extLst>
              <a:ext uri="{28A0092B-C50C-407E-A947-70E740481C1C}">
                <a14:useLocalDpi xmlns:a14="http://schemas.microsoft.com/office/drawing/2010/main" val="0"/>
              </a:ext>
            </a:extLst>
          </a:blip>
          <a:stretch>
            <a:fillRect/>
          </a:stretch>
        </p:blipFill>
        <p:spPr>
          <a:xfrm>
            <a:off x="1943786" y="460558"/>
            <a:ext cx="1239304" cy="371790"/>
          </a:xfrm>
          <a:prstGeom prst="rect">
            <a:avLst/>
          </a:prstGeom>
        </p:spPr>
      </p:pic>
      <p:sp>
        <p:nvSpPr>
          <p:cNvPr id="28" name="TextBox 27">
            <a:extLst>
              <a:ext uri="{FF2B5EF4-FFF2-40B4-BE49-F238E27FC236}">
                <a16:creationId xmlns:a16="http://schemas.microsoft.com/office/drawing/2014/main" id="{1D7DBD2D-0B96-290B-6A25-77E6A012223E}"/>
              </a:ext>
            </a:extLst>
          </p:cNvPr>
          <p:cNvSpPr txBox="1"/>
          <p:nvPr/>
        </p:nvSpPr>
        <p:spPr>
          <a:xfrm>
            <a:off x="1690086" y="384843"/>
            <a:ext cx="227393" cy="523220"/>
          </a:xfrm>
          <a:prstGeom prst="rect">
            <a:avLst/>
          </a:prstGeom>
          <a:noFill/>
        </p:spPr>
        <p:txBody>
          <a:bodyPr wrap="square" rtlCol="0">
            <a:spAutoFit/>
          </a:bodyPr>
          <a:lstStyle/>
          <a:p>
            <a:pPr algn="ctr"/>
            <a:r>
              <a:rPr lang="en-IN" sz="2800">
                <a:latin typeface="Arial Rounded MT Bold" panose="020F0704030504030204" pitchFamily="34" charset="0"/>
              </a:rPr>
              <a:t>+</a:t>
            </a:r>
          </a:p>
        </p:txBody>
      </p:sp>
      <p:sp>
        <p:nvSpPr>
          <p:cNvPr id="32" name="TextBox 31">
            <a:extLst>
              <a:ext uri="{FF2B5EF4-FFF2-40B4-BE49-F238E27FC236}">
                <a16:creationId xmlns:a16="http://schemas.microsoft.com/office/drawing/2014/main" id="{9E2AAA23-E8EF-D8E1-D54C-83DAE3A3E25E}"/>
              </a:ext>
            </a:extLst>
          </p:cNvPr>
          <p:cNvSpPr txBox="1"/>
          <p:nvPr/>
        </p:nvSpPr>
        <p:spPr>
          <a:xfrm>
            <a:off x="183503" y="428033"/>
            <a:ext cx="1446230" cy="430887"/>
          </a:xfrm>
          <a:prstGeom prst="rect">
            <a:avLst/>
          </a:prstGeom>
          <a:noFill/>
        </p:spPr>
        <p:txBody>
          <a:bodyPr wrap="non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200" b="1" i="0" u="none" strike="noStrike" kern="1200" cap="none" spc="0" normalizeH="0" baseline="0" noProof="0">
                <a:ln>
                  <a:noFill/>
                </a:ln>
                <a:solidFill>
                  <a:srgbClr val="0074D4"/>
                </a:solidFill>
                <a:effectLst/>
                <a:uLnTx/>
                <a:uFillTx/>
                <a:latin typeface="Roboto Condensed" panose="02000000000000000000" pitchFamily="2" charset="0"/>
                <a:ea typeface="Roboto Condensed" panose="02000000000000000000" pitchFamily="2" charset="0"/>
                <a:cs typeface="Roboto Condensed" panose="02000000000000000000" pitchFamily="2" charset="0"/>
              </a:rPr>
              <a:t>Retail Giant</a:t>
            </a:r>
            <a:endParaRPr kumimoji="0" lang="en-IN" sz="2200" b="0" i="0" u="none" strike="noStrike" kern="1200" cap="none" spc="0" normalizeH="0" baseline="0" noProof="0">
              <a:ln>
                <a:noFill/>
              </a:ln>
              <a:solidFill>
                <a:srgbClr val="0074D4"/>
              </a:solidFill>
              <a:effectLst/>
              <a:uLnTx/>
              <a:uFillTx/>
              <a:latin typeface="Roboto Condensed" panose="02000000000000000000" pitchFamily="2" charset="0"/>
              <a:ea typeface="Roboto Condensed" panose="02000000000000000000" pitchFamily="2" charset="0"/>
              <a:cs typeface="Roboto Condensed" panose="02000000000000000000" pitchFamily="2" charset="0"/>
            </a:endParaRPr>
          </a:p>
        </p:txBody>
      </p:sp>
      <p:cxnSp>
        <p:nvCxnSpPr>
          <p:cNvPr id="4" name="Straight Connector 3">
            <a:extLst>
              <a:ext uri="{FF2B5EF4-FFF2-40B4-BE49-F238E27FC236}">
                <a16:creationId xmlns:a16="http://schemas.microsoft.com/office/drawing/2014/main" id="{2EE360B0-3544-6336-9D22-6292FE165CAF}"/>
              </a:ext>
            </a:extLst>
          </p:cNvPr>
          <p:cNvCxnSpPr>
            <a:cxnSpLocks/>
          </p:cNvCxnSpPr>
          <p:nvPr/>
        </p:nvCxnSpPr>
        <p:spPr>
          <a:xfrm rot="16200000">
            <a:off x="11591865" y="6661765"/>
            <a:ext cx="153787" cy="0"/>
          </a:xfrm>
          <a:prstGeom prst="line">
            <a:avLst/>
          </a:prstGeom>
          <a:ln>
            <a:solidFill>
              <a:schemeClr val="bg1"/>
            </a:solidFill>
          </a:ln>
        </p:spPr>
        <p:style>
          <a:lnRef idx="2">
            <a:schemeClr val="accent1"/>
          </a:lnRef>
          <a:fillRef idx="0">
            <a:schemeClr val="accent1"/>
          </a:fillRef>
          <a:effectRef idx="1">
            <a:schemeClr val="accent1"/>
          </a:effectRef>
          <a:fontRef idx="minor">
            <a:schemeClr val="tx1"/>
          </a:fontRef>
        </p:style>
      </p:cxnSp>
      <p:pic>
        <p:nvPicPr>
          <p:cNvPr id="8" name="Picture 7" descr="A black and blue logo&#10;&#10;Description automatically generated">
            <a:extLst>
              <a:ext uri="{FF2B5EF4-FFF2-40B4-BE49-F238E27FC236}">
                <a16:creationId xmlns:a16="http://schemas.microsoft.com/office/drawing/2014/main" id="{C8745558-C384-6797-B690-A723F5F8068E}"/>
              </a:ext>
            </a:extLst>
          </p:cNvPr>
          <p:cNvPicPr>
            <a:picLocks noChangeAspect="1"/>
          </p:cNvPicPr>
          <p:nvPr/>
        </p:nvPicPr>
        <p:blipFill rotWithShape="1">
          <a:blip r:embed="rId19" cstate="hqprint">
            <a:biLevel thresh="25000"/>
            <a:extLst>
              <a:ext uri="{28A0092B-C50C-407E-A947-70E740481C1C}">
                <a14:useLocalDpi xmlns:a14="http://schemas.microsoft.com/office/drawing/2010/main" val="0"/>
              </a:ext>
            </a:extLst>
          </a:blip>
          <a:srcRect l="6855" t="1709"/>
          <a:stretch/>
        </p:blipFill>
        <p:spPr>
          <a:xfrm>
            <a:off x="10928689" y="6550920"/>
            <a:ext cx="656862" cy="207945"/>
          </a:xfrm>
          <a:prstGeom prst="rect">
            <a:avLst/>
          </a:prstGeom>
        </p:spPr>
      </p:pic>
      <p:sp>
        <p:nvSpPr>
          <p:cNvPr id="9" name="Slide Number Placeholder 5">
            <a:extLst>
              <a:ext uri="{FF2B5EF4-FFF2-40B4-BE49-F238E27FC236}">
                <a16:creationId xmlns:a16="http://schemas.microsoft.com/office/drawing/2014/main" id="{E5F06613-D854-70C3-9D1B-5A581F2B1502}"/>
              </a:ext>
            </a:extLst>
          </p:cNvPr>
          <p:cNvSpPr txBox="1">
            <a:spLocks/>
          </p:cNvSpPr>
          <p:nvPr/>
        </p:nvSpPr>
        <p:spPr>
          <a:xfrm>
            <a:off x="11704318" y="6469966"/>
            <a:ext cx="462279" cy="365125"/>
          </a:xfrm>
          <a:prstGeom prst="rect">
            <a:avLst/>
          </a:prstGeom>
        </p:spPr>
        <p:txBody>
          <a:bodyPr vert="horz" lIns="91440" tIns="45720" rIns="91440" bIns="45720" rtlCol="0" anchor="ctr"/>
          <a:lstStyle>
            <a:defPPr>
              <a:defRPr lang="en-US"/>
            </a:defPPr>
            <a:lvl1pPr marL="0" algn="l" defTabSz="914400" rtl="0" eaLnBrk="1" latinLnBrk="0" hangingPunct="1">
              <a:defRPr sz="1050" kern="1200">
                <a:solidFill>
                  <a:schemeClr val="tx1">
                    <a:tint val="82000"/>
                  </a:schemeClr>
                </a:solidFill>
                <a:latin typeface="Roboto" panose="02000000000000000000" pitchFamily="2" charset="0"/>
                <a:ea typeface="Roboto" panose="02000000000000000000" pitchFamily="2" charset="0"/>
                <a:cs typeface="Roboto" panose="02000000000000000000" pitchFamily="2"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C150780B-7B8E-48D2-81A7-58E396A0D346}" type="slidenum">
              <a:rPr lang="en-IN" sz="1000" smtClean="0">
                <a:solidFill>
                  <a:schemeClr val="bg1"/>
                </a:solidFill>
              </a:rPr>
              <a:pPr/>
              <a:t>18</a:t>
            </a:fld>
            <a:endParaRPr lang="en-IN" sz="1000">
              <a:solidFill>
                <a:schemeClr val="bg1"/>
              </a:solidFill>
            </a:endParaRPr>
          </a:p>
        </p:txBody>
      </p:sp>
      <p:grpSp>
        <p:nvGrpSpPr>
          <p:cNvPr id="38" name="Group 37">
            <a:extLst>
              <a:ext uri="{FF2B5EF4-FFF2-40B4-BE49-F238E27FC236}">
                <a16:creationId xmlns:a16="http://schemas.microsoft.com/office/drawing/2014/main" id="{B14D42E8-91DE-F794-8AD6-2FF7238002BA}"/>
              </a:ext>
            </a:extLst>
          </p:cNvPr>
          <p:cNvGrpSpPr/>
          <p:nvPr/>
        </p:nvGrpSpPr>
        <p:grpSpPr>
          <a:xfrm>
            <a:off x="10981564" y="233285"/>
            <a:ext cx="896870" cy="167744"/>
            <a:chOff x="5498460" y="7094800"/>
            <a:chExt cx="1273175" cy="238125"/>
          </a:xfrm>
        </p:grpSpPr>
        <p:sp>
          <p:nvSpPr>
            <p:cNvPr id="39" name="AutoShape 3">
              <a:extLst>
                <a:ext uri="{FF2B5EF4-FFF2-40B4-BE49-F238E27FC236}">
                  <a16:creationId xmlns:a16="http://schemas.microsoft.com/office/drawing/2014/main" id="{11EF8431-1209-900E-D15C-DEA22499A14D}"/>
                </a:ext>
              </a:extLst>
            </p:cNvPr>
            <p:cNvSpPr>
              <a:spLocks noChangeAspect="1" noChangeArrowheads="1" noTextEdit="1"/>
            </p:cNvSpPr>
            <p:nvPr/>
          </p:nvSpPr>
          <p:spPr bwMode="auto">
            <a:xfrm>
              <a:off x="5498461" y="7094800"/>
              <a:ext cx="1273174" cy="23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0" name="Freeform 5">
              <a:extLst>
                <a:ext uri="{FF2B5EF4-FFF2-40B4-BE49-F238E27FC236}">
                  <a16:creationId xmlns:a16="http://schemas.microsoft.com/office/drawing/2014/main" id="{2672169A-57CF-2CD4-FBE7-AB267F8DE2F0}"/>
                </a:ext>
              </a:extLst>
            </p:cNvPr>
            <p:cNvSpPr>
              <a:spLocks noEditPoints="1"/>
            </p:cNvSpPr>
            <p:nvPr/>
          </p:nvSpPr>
          <p:spPr bwMode="auto">
            <a:xfrm>
              <a:off x="5498461"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1" name="Freeform 6">
              <a:extLst>
                <a:ext uri="{FF2B5EF4-FFF2-40B4-BE49-F238E27FC236}">
                  <a16:creationId xmlns:a16="http://schemas.microsoft.com/office/drawing/2014/main" id="{2002686A-C4C1-D3FE-24F7-16C96015E167}"/>
                </a:ext>
              </a:extLst>
            </p:cNvPr>
            <p:cNvSpPr>
              <a:spLocks noEditPoints="1"/>
            </p:cNvSpPr>
            <p:nvPr/>
          </p:nvSpPr>
          <p:spPr bwMode="auto">
            <a:xfrm>
              <a:off x="5752461" y="7097976"/>
              <a:ext cx="163512" cy="234949"/>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2" name="Freeform 7">
              <a:extLst>
                <a:ext uri="{FF2B5EF4-FFF2-40B4-BE49-F238E27FC236}">
                  <a16:creationId xmlns:a16="http://schemas.microsoft.com/office/drawing/2014/main" id="{5C2D1A22-3349-2C2F-2686-1B2B91A57D84}"/>
                </a:ext>
              </a:extLst>
            </p:cNvPr>
            <p:cNvSpPr>
              <a:spLocks/>
            </p:cNvSpPr>
            <p:nvPr/>
          </p:nvSpPr>
          <p:spPr bwMode="auto">
            <a:xfrm>
              <a:off x="5933437" y="7097976"/>
              <a:ext cx="201612" cy="234949"/>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3" name="Freeform 8">
              <a:extLst>
                <a:ext uri="{FF2B5EF4-FFF2-40B4-BE49-F238E27FC236}">
                  <a16:creationId xmlns:a16="http://schemas.microsoft.com/office/drawing/2014/main" id="{08D13310-26DE-471D-0858-935DBF57F9F8}"/>
                </a:ext>
              </a:extLst>
            </p:cNvPr>
            <p:cNvSpPr>
              <a:spLocks noEditPoints="1"/>
            </p:cNvSpPr>
            <p:nvPr/>
          </p:nvSpPr>
          <p:spPr bwMode="auto">
            <a:xfrm>
              <a:off x="6358885" y="7097976"/>
              <a:ext cx="174625" cy="234949"/>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4" name="Freeform 9">
              <a:extLst>
                <a:ext uri="{FF2B5EF4-FFF2-40B4-BE49-F238E27FC236}">
                  <a16:creationId xmlns:a16="http://schemas.microsoft.com/office/drawing/2014/main" id="{E9DCE78D-1C8B-868A-C8D6-F9AA22416B41}"/>
                </a:ext>
              </a:extLst>
            </p:cNvPr>
            <p:cNvSpPr>
              <a:spLocks noEditPoints="1"/>
            </p:cNvSpPr>
            <p:nvPr/>
          </p:nvSpPr>
          <p:spPr bwMode="auto">
            <a:xfrm>
              <a:off x="6552559"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5" name="Freeform 10">
              <a:extLst>
                <a:ext uri="{FF2B5EF4-FFF2-40B4-BE49-F238E27FC236}">
                  <a16:creationId xmlns:a16="http://schemas.microsoft.com/office/drawing/2014/main" id="{9093D92C-0F64-5AF5-4155-44978AF64F1E}"/>
                </a:ext>
              </a:extLst>
            </p:cNvPr>
            <p:cNvSpPr>
              <a:spLocks/>
            </p:cNvSpPr>
            <p:nvPr/>
          </p:nvSpPr>
          <p:spPr bwMode="auto">
            <a:xfrm>
              <a:off x="6104884"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6" name="Freeform 11">
              <a:extLst>
                <a:ext uri="{FF2B5EF4-FFF2-40B4-BE49-F238E27FC236}">
                  <a16:creationId xmlns:a16="http://schemas.microsoft.com/office/drawing/2014/main" id="{4EBE4EF1-C968-0C86-AD93-122AAF6550B2}"/>
                </a:ext>
              </a:extLst>
            </p:cNvPr>
            <p:cNvSpPr>
              <a:spLocks noEditPoints="1"/>
            </p:cNvSpPr>
            <p:nvPr/>
          </p:nvSpPr>
          <p:spPr bwMode="auto">
            <a:xfrm>
              <a:off x="5498460"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7" name="Freeform 12">
              <a:extLst>
                <a:ext uri="{FF2B5EF4-FFF2-40B4-BE49-F238E27FC236}">
                  <a16:creationId xmlns:a16="http://schemas.microsoft.com/office/drawing/2014/main" id="{5C61ABB5-A793-CEF5-ACAD-AFC666B72CD6}"/>
                </a:ext>
              </a:extLst>
            </p:cNvPr>
            <p:cNvSpPr>
              <a:spLocks noEditPoints="1"/>
            </p:cNvSpPr>
            <p:nvPr/>
          </p:nvSpPr>
          <p:spPr bwMode="auto">
            <a:xfrm>
              <a:off x="5752459" y="7097976"/>
              <a:ext cx="163512" cy="234949"/>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50" name="Freeform 13">
              <a:extLst>
                <a:ext uri="{FF2B5EF4-FFF2-40B4-BE49-F238E27FC236}">
                  <a16:creationId xmlns:a16="http://schemas.microsoft.com/office/drawing/2014/main" id="{A072F288-A20E-5205-DF49-0CBD83610241}"/>
                </a:ext>
              </a:extLst>
            </p:cNvPr>
            <p:cNvSpPr>
              <a:spLocks/>
            </p:cNvSpPr>
            <p:nvPr/>
          </p:nvSpPr>
          <p:spPr bwMode="auto">
            <a:xfrm>
              <a:off x="5933435" y="7097976"/>
              <a:ext cx="201612" cy="234949"/>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52" name="Freeform 14">
              <a:extLst>
                <a:ext uri="{FF2B5EF4-FFF2-40B4-BE49-F238E27FC236}">
                  <a16:creationId xmlns:a16="http://schemas.microsoft.com/office/drawing/2014/main" id="{36C241DC-5BAB-96CB-FB4E-DB8A083E0E9E}"/>
                </a:ext>
              </a:extLst>
            </p:cNvPr>
            <p:cNvSpPr>
              <a:spLocks noEditPoints="1"/>
            </p:cNvSpPr>
            <p:nvPr/>
          </p:nvSpPr>
          <p:spPr bwMode="auto">
            <a:xfrm>
              <a:off x="6358883" y="7097976"/>
              <a:ext cx="174625" cy="234949"/>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53" name="Freeform 15">
              <a:extLst>
                <a:ext uri="{FF2B5EF4-FFF2-40B4-BE49-F238E27FC236}">
                  <a16:creationId xmlns:a16="http://schemas.microsoft.com/office/drawing/2014/main" id="{EEC076D0-CE92-8DEB-EF1A-6052152AE39B}"/>
                </a:ext>
              </a:extLst>
            </p:cNvPr>
            <p:cNvSpPr>
              <a:spLocks noEditPoints="1"/>
            </p:cNvSpPr>
            <p:nvPr/>
          </p:nvSpPr>
          <p:spPr bwMode="auto">
            <a:xfrm>
              <a:off x="6552554" y="7094800"/>
              <a:ext cx="219074"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54" name="Freeform 16">
              <a:extLst>
                <a:ext uri="{FF2B5EF4-FFF2-40B4-BE49-F238E27FC236}">
                  <a16:creationId xmlns:a16="http://schemas.microsoft.com/office/drawing/2014/main" id="{48B3523D-3CAD-9FE4-05D2-1DB9BB499CA8}"/>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005A84"/>
            </a:solidFill>
            <a:ln>
              <a:noFill/>
            </a:ln>
          </p:spPr>
          <p:txBody>
            <a:bodyPr vert="horz" wrap="square" lIns="91440" tIns="45720" rIns="91440" bIns="45720" numCol="1" anchor="t" anchorCtr="0" compatLnSpc="1">
              <a:prstTxWarp prst="textNoShape">
                <a:avLst/>
              </a:prstTxWarp>
            </a:bodyPr>
            <a:lstStyle/>
            <a:p>
              <a:endParaRPr lang="en-US"/>
            </a:p>
          </p:txBody>
        </p:sp>
      </p:grpSp>
    </p:spTree>
    <p:custDataLst>
      <p:tags r:id="rId1"/>
    </p:custDataLst>
    <p:extLst>
      <p:ext uri="{BB962C8B-B14F-4D97-AF65-F5344CB8AC3E}">
        <p14:creationId xmlns:p14="http://schemas.microsoft.com/office/powerpoint/2010/main" val="2259529760"/>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 name="Rectangle 22">
            <a:extLst>
              <a:ext uri="{FF2B5EF4-FFF2-40B4-BE49-F238E27FC236}">
                <a16:creationId xmlns:a16="http://schemas.microsoft.com/office/drawing/2014/main" id="{1F7D5F0B-0DED-2180-26A6-9BA96C4C8FF0}"/>
              </a:ext>
            </a:extLst>
          </p:cNvPr>
          <p:cNvSpPr/>
          <p:nvPr/>
        </p:nvSpPr>
        <p:spPr>
          <a:xfrm>
            <a:off x="0" y="0"/>
            <a:ext cx="12192000" cy="6858000"/>
          </a:xfrm>
          <a:prstGeom prst="rect">
            <a:avLst/>
          </a:prstGeom>
          <a:gradFill>
            <a:gsLst>
              <a:gs pos="0">
                <a:srgbClr val="00266D"/>
              </a:gs>
              <a:gs pos="70000">
                <a:srgbClr val="013888"/>
              </a:gs>
            </a:gsLst>
            <a:lin ang="126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740" name="Rectangle: Rounded Corners 2739">
            <a:extLst>
              <a:ext uri="{FF2B5EF4-FFF2-40B4-BE49-F238E27FC236}">
                <a16:creationId xmlns:a16="http://schemas.microsoft.com/office/drawing/2014/main" id="{D524DD77-C292-8B87-E4E8-9AF8F3E22A61}"/>
              </a:ext>
            </a:extLst>
          </p:cNvPr>
          <p:cNvSpPr/>
          <p:nvPr/>
        </p:nvSpPr>
        <p:spPr>
          <a:xfrm>
            <a:off x="7762001" y="40348"/>
            <a:ext cx="1086786" cy="355499"/>
          </a:xfrm>
          <a:prstGeom prst="roundRect">
            <a:avLst>
              <a:gd name="adj" fmla="val 0"/>
            </a:avLst>
          </a:prstGeom>
          <a:solidFill>
            <a:srgbClr val="01307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2" name="Picture 11" descr="Graphical user interface&#10;&#10;Description automatically generated with medium confidence">
            <a:extLst>
              <a:ext uri="{FF2B5EF4-FFF2-40B4-BE49-F238E27FC236}">
                <a16:creationId xmlns:a16="http://schemas.microsoft.com/office/drawing/2014/main" id="{6289EB1B-E062-6527-74C1-3F0FB8805326}"/>
              </a:ext>
            </a:extLst>
          </p:cNvPr>
          <p:cNvPicPr>
            <a:picLocks noChangeAspect="1"/>
          </p:cNvPicPr>
          <p:nvPr/>
        </p:nvPicPr>
        <p:blipFill rotWithShape="1">
          <a:blip r:embed="rId4" cstate="screen">
            <a:extLst>
              <a:ext uri="{28A0092B-C50C-407E-A947-70E740481C1C}">
                <a14:useLocalDpi xmlns:a14="http://schemas.microsoft.com/office/drawing/2010/main" val="0"/>
              </a:ext>
            </a:extLst>
          </a:blip>
          <a:srcRect/>
          <a:stretch/>
        </p:blipFill>
        <p:spPr>
          <a:xfrm>
            <a:off x="10081887" y="242918"/>
            <a:ext cx="296765" cy="703559"/>
          </a:xfrm>
          <a:prstGeom prst="rect">
            <a:avLst/>
          </a:prstGeom>
        </p:spPr>
      </p:pic>
      <p:pic>
        <p:nvPicPr>
          <p:cNvPr id="16" name="Graphic 15" descr="Hot air balloon with solid fill">
            <a:extLst>
              <a:ext uri="{FF2B5EF4-FFF2-40B4-BE49-F238E27FC236}">
                <a16:creationId xmlns:a16="http://schemas.microsoft.com/office/drawing/2014/main" id="{A720EB05-A25F-1C1C-7010-5347856FA708}"/>
              </a:ext>
            </a:extLst>
          </p:cNvPr>
          <p:cNvPicPr>
            <a:picLocks noChangeAspect="1"/>
          </p:cNvPicPr>
          <p:nvPr/>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3131812" y="2949955"/>
            <a:ext cx="320492" cy="320492"/>
          </a:xfrm>
          <a:prstGeom prst="rect">
            <a:avLst/>
          </a:prstGeom>
        </p:spPr>
      </p:pic>
      <p:pic>
        <p:nvPicPr>
          <p:cNvPr id="58" name="Graphic 57" descr="Forest scene with solid fill">
            <a:extLst>
              <a:ext uri="{FF2B5EF4-FFF2-40B4-BE49-F238E27FC236}">
                <a16:creationId xmlns:a16="http://schemas.microsoft.com/office/drawing/2014/main" id="{DB421BBE-F25A-2BAE-4441-E22521E88C50}"/>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665056" y="3258799"/>
            <a:ext cx="806364" cy="806364"/>
          </a:xfrm>
          <a:prstGeom prst="rect">
            <a:avLst/>
          </a:prstGeom>
        </p:spPr>
      </p:pic>
      <p:sp>
        <p:nvSpPr>
          <p:cNvPr id="32" name="Rectangle: Rounded Corners 31">
            <a:extLst>
              <a:ext uri="{FF2B5EF4-FFF2-40B4-BE49-F238E27FC236}">
                <a16:creationId xmlns:a16="http://schemas.microsoft.com/office/drawing/2014/main" id="{F93DAC94-58EB-3B92-642C-AA1E8C760C26}"/>
              </a:ext>
            </a:extLst>
          </p:cNvPr>
          <p:cNvSpPr/>
          <p:nvPr/>
        </p:nvSpPr>
        <p:spPr>
          <a:xfrm>
            <a:off x="2320551" y="2948294"/>
            <a:ext cx="2162692" cy="467111"/>
          </a:xfrm>
          <a:prstGeom prst="roundRect">
            <a:avLst>
              <a:gd name="adj" fmla="val 39854"/>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nvGrpSpPr>
          <p:cNvPr id="8" name="Group 7">
            <a:extLst>
              <a:ext uri="{FF2B5EF4-FFF2-40B4-BE49-F238E27FC236}">
                <a16:creationId xmlns:a16="http://schemas.microsoft.com/office/drawing/2014/main" id="{E048185C-D213-9DBA-9B2D-96E5E06C6FAF}"/>
              </a:ext>
            </a:extLst>
          </p:cNvPr>
          <p:cNvGrpSpPr/>
          <p:nvPr/>
        </p:nvGrpSpPr>
        <p:grpSpPr>
          <a:xfrm>
            <a:off x="1" y="247052"/>
            <a:ext cx="12191997" cy="6610948"/>
            <a:chOff x="1" y="247052"/>
            <a:chExt cx="12191997" cy="6610948"/>
          </a:xfrm>
        </p:grpSpPr>
        <p:sp>
          <p:nvSpPr>
            <p:cNvPr id="18" name="Moon 17">
              <a:extLst>
                <a:ext uri="{FF2B5EF4-FFF2-40B4-BE49-F238E27FC236}">
                  <a16:creationId xmlns:a16="http://schemas.microsoft.com/office/drawing/2014/main" id="{EBB9F60B-6564-AE1B-8EC4-E44B11CF54E3}"/>
                </a:ext>
              </a:extLst>
            </p:cNvPr>
            <p:cNvSpPr/>
            <p:nvPr/>
          </p:nvSpPr>
          <p:spPr>
            <a:xfrm rot="3026178">
              <a:off x="11375107" y="3399590"/>
              <a:ext cx="516903" cy="587509"/>
            </a:xfrm>
            <a:prstGeom prst="moon">
              <a:avLst>
                <a:gd name="adj" fmla="val 75102"/>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9" name="Rectangle: Rounded Corners 18">
              <a:extLst>
                <a:ext uri="{FF2B5EF4-FFF2-40B4-BE49-F238E27FC236}">
                  <a16:creationId xmlns:a16="http://schemas.microsoft.com/office/drawing/2014/main" id="{B7CA5C34-61CB-C174-4906-D551A1C0E1A1}"/>
                </a:ext>
              </a:extLst>
            </p:cNvPr>
            <p:cNvSpPr/>
            <p:nvPr/>
          </p:nvSpPr>
          <p:spPr>
            <a:xfrm>
              <a:off x="9706790" y="1088443"/>
              <a:ext cx="2483951" cy="2620924"/>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8" name="Rectangle: Rounded Corners 37">
              <a:extLst>
                <a:ext uri="{FF2B5EF4-FFF2-40B4-BE49-F238E27FC236}">
                  <a16:creationId xmlns:a16="http://schemas.microsoft.com/office/drawing/2014/main" id="{9304675A-2B45-33ED-794D-6F9D0661F9B9}"/>
                </a:ext>
              </a:extLst>
            </p:cNvPr>
            <p:cNvSpPr/>
            <p:nvPr/>
          </p:nvSpPr>
          <p:spPr>
            <a:xfrm>
              <a:off x="3519496" y="247052"/>
              <a:ext cx="6591246" cy="5224549"/>
            </a:xfrm>
            <a:prstGeom prst="roundRect">
              <a:avLst>
                <a:gd name="adj" fmla="val 14421"/>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6" name="Rectangle: Rounded Corners 45">
              <a:extLst>
                <a:ext uri="{FF2B5EF4-FFF2-40B4-BE49-F238E27FC236}">
                  <a16:creationId xmlns:a16="http://schemas.microsoft.com/office/drawing/2014/main" id="{ABCC5ED1-3A95-A16C-2CB4-3FC1A6AFAA3F}"/>
                </a:ext>
              </a:extLst>
            </p:cNvPr>
            <p:cNvSpPr/>
            <p:nvPr/>
          </p:nvSpPr>
          <p:spPr>
            <a:xfrm>
              <a:off x="3653880" y="395030"/>
              <a:ext cx="6273867" cy="3262337"/>
            </a:xfrm>
            <a:prstGeom prst="roundRect">
              <a:avLst>
                <a:gd name="adj" fmla="val 18855"/>
              </a:avLst>
            </a:prstGeom>
            <a:solidFill>
              <a:srgbClr val="A3E7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4" name="Rectangle: Rounded Corners 53">
              <a:extLst>
                <a:ext uri="{FF2B5EF4-FFF2-40B4-BE49-F238E27FC236}">
                  <a16:creationId xmlns:a16="http://schemas.microsoft.com/office/drawing/2014/main" id="{D41D6620-6D55-A883-0FBF-AC98B4C9D1C8}"/>
                </a:ext>
              </a:extLst>
            </p:cNvPr>
            <p:cNvSpPr/>
            <p:nvPr/>
          </p:nvSpPr>
          <p:spPr>
            <a:xfrm>
              <a:off x="2326624" y="3170950"/>
              <a:ext cx="9240849" cy="3486276"/>
            </a:xfrm>
            <a:prstGeom prst="roundRect">
              <a:avLst>
                <a:gd name="adj" fmla="val 21542"/>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2" name="Rectangle: Rounded Corners 61">
              <a:extLst>
                <a:ext uri="{FF2B5EF4-FFF2-40B4-BE49-F238E27FC236}">
                  <a16:creationId xmlns:a16="http://schemas.microsoft.com/office/drawing/2014/main" id="{87F0CA95-17E1-8440-F4ED-909805A5098F}"/>
                </a:ext>
              </a:extLst>
            </p:cNvPr>
            <p:cNvSpPr/>
            <p:nvPr/>
          </p:nvSpPr>
          <p:spPr>
            <a:xfrm>
              <a:off x="1" y="3922326"/>
              <a:ext cx="2359228" cy="2935674"/>
            </a:xfrm>
            <a:prstGeom prst="roundRect">
              <a:avLst>
                <a:gd name="adj" fmla="val 0"/>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691" name="Rectangle: Rounded Corners 2690">
              <a:extLst>
                <a:ext uri="{FF2B5EF4-FFF2-40B4-BE49-F238E27FC236}">
                  <a16:creationId xmlns:a16="http://schemas.microsoft.com/office/drawing/2014/main" id="{5632D4B5-22B1-B36D-86F4-4FE93E20D1A1}"/>
                </a:ext>
              </a:extLst>
            </p:cNvPr>
            <p:cNvSpPr/>
            <p:nvPr/>
          </p:nvSpPr>
          <p:spPr>
            <a:xfrm>
              <a:off x="9938443" y="997058"/>
              <a:ext cx="2253555" cy="173009"/>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05" name="Moon 2704">
              <a:extLst>
                <a:ext uri="{FF2B5EF4-FFF2-40B4-BE49-F238E27FC236}">
                  <a16:creationId xmlns:a16="http://schemas.microsoft.com/office/drawing/2014/main" id="{409429A9-EC42-72FA-269F-FC2904FBDC21}"/>
                </a:ext>
              </a:extLst>
            </p:cNvPr>
            <p:cNvSpPr/>
            <p:nvPr/>
          </p:nvSpPr>
          <p:spPr>
            <a:xfrm rot="18641061">
              <a:off x="10020383" y="815963"/>
              <a:ext cx="220852" cy="324222"/>
            </a:xfrm>
            <a:prstGeom prst="moon">
              <a:avLst>
                <a:gd name="adj" fmla="val 70038"/>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43" name="Moon 2742">
              <a:extLst>
                <a:ext uri="{FF2B5EF4-FFF2-40B4-BE49-F238E27FC236}">
                  <a16:creationId xmlns:a16="http://schemas.microsoft.com/office/drawing/2014/main" id="{EF4813AA-EE94-55BF-84FA-2D26E3AD28AA}"/>
                </a:ext>
              </a:extLst>
            </p:cNvPr>
            <p:cNvSpPr/>
            <p:nvPr/>
          </p:nvSpPr>
          <p:spPr>
            <a:xfrm rot="2916101">
              <a:off x="2341306" y="6553501"/>
              <a:ext cx="148865" cy="288145"/>
            </a:xfrm>
            <a:prstGeom prst="moon">
              <a:avLst>
                <a:gd name="adj" fmla="val 47318"/>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100" name="Rectangle: Rounded Corners 4099">
              <a:extLst>
                <a:ext uri="{FF2B5EF4-FFF2-40B4-BE49-F238E27FC236}">
                  <a16:creationId xmlns:a16="http://schemas.microsoft.com/office/drawing/2014/main" id="{AFB2FA96-DC34-29AB-B052-C51C3EE27772}"/>
                </a:ext>
              </a:extLst>
            </p:cNvPr>
            <p:cNvSpPr/>
            <p:nvPr/>
          </p:nvSpPr>
          <p:spPr>
            <a:xfrm>
              <a:off x="2349204" y="5620384"/>
              <a:ext cx="2373441" cy="1036842"/>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111" name="Rectangle 4110">
              <a:extLst>
                <a:ext uri="{FF2B5EF4-FFF2-40B4-BE49-F238E27FC236}">
                  <a16:creationId xmlns:a16="http://schemas.microsoft.com/office/drawing/2014/main" id="{743EAD4E-6312-7F36-B5A9-243A56AD6566}"/>
                </a:ext>
              </a:extLst>
            </p:cNvPr>
            <p:cNvSpPr/>
            <p:nvPr/>
          </p:nvSpPr>
          <p:spPr>
            <a:xfrm>
              <a:off x="2145289" y="3922714"/>
              <a:ext cx="176437" cy="2851694"/>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308" name="Rectangle 4307">
              <a:extLst>
                <a:ext uri="{FF2B5EF4-FFF2-40B4-BE49-F238E27FC236}">
                  <a16:creationId xmlns:a16="http://schemas.microsoft.com/office/drawing/2014/main" id="{AAE44350-FCC1-3A01-27DA-EB02C283C0AC}"/>
                </a:ext>
              </a:extLst>
            </p:cNvPr>
            <p:cNvSpPr/>
            <p:nvPr/>
          </p:nvSpPr>
          <p:spPr>
            <a:xfrm>
              <a:off x="4555571" y="3179634"/>
              <a:ext cx="82949" cy="3217903"/>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309" name="Rectangle 4308">
              <a:extLst>
                <a:ext uri="{FF2B5EF4-FFF2-40B4-BE49-F238E27FC236}">
                  <a16:creationId xmlns:a16="http://schemas.microsoft.com/office/drawing/2014/main" id="{8BA39378-3DEC-261A-0A2B-200506672F9D}"/>
                </a:ext>
              </a:extLst>
            </p:cNvPr>
            <p:cNvSpPr/>
            <p:nvPr/>
          </p:nvSpPr>
          <p:spPr>
            <a:xfrm>
              <a:off x="7134181" y="3173784"/>
              <a:ext cx="82949" cy="3217903"/>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310" name="Rectangle 4309">
              <a:extLst>
                <a:ext uri="{FF2B5EF4-FFF2-40B4-BE49-F238E27FC236}">
                  <a16:creationId xmlns:a16="http://schemas.microsoft.com/office/drawing/2014/main" id="{7DDEB58F-4C5F-6DDB-412F-6ECF2ABCC0BA}"/>
                </a:ext>
              </a:extLst>
            </p:cNvPr>
            <p:cNvSpPr/>
            <p:nvPr/>
          </p:nvSpPr>
          <p:spPr>
            <a:xfrm>
              <a:off x="9483315" y="3173612"/>
              <a:ext cx="82949" cy="3217903"/>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pic>
        <p:nvPicPr>
          <p:cNvPr id="5" name="Graphic 4" descr="Cloud outline">
            <a:extLst>
              <a:ext uri="{FF2B5EF4-FFF2-40B4-BE49-F238E27FC236}">
                <a16:creationId xmlns:a16="http://schemas.microsoft.com/office/drawing/2014/main" id="{DD55482D-CCBD-89EE-07B9-CF87DE66F455}"/>
              </a:ext>
            </a:extLst>
          </p:cNvPr>
          <p:cNvPicPr>
            <a:picLocks noChangeAspect="1"/>
          </p:cNvPicPr>
          <p:nvPr/>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84022" y="2778332"/>
            <a:ext cx="305981" cy="305981"/>
          </a:xfrm>
          <a:prstGeom prst="rect">
            <a:avLst/>
          </a:prstGeom>
        </p:spPr>
      </p:pic>
      <p:pic>
        <p:nvPicPr>
          <p:cNvPr id="6" name="Graphic 5" descr="Cloud outline">
            <a:extLst>
              <a:ext uri="{FF2B5EF4-FFF2-40B4-BE49-F238E27FC236}">
                <a16:creationId xmlns:a16="http://schemas.microsoft.com/office/drawing/2014/main" id="{CFA05349-16FF-3DBF-3B5A-AED84AB8F02B}"/>
              </a:ext>
            </a:extLst>
          </p:cNvPr>
          <p:cNvPicPr>
            <a:picLocks noChangeAspect="1"/>
          </p:cNvPicPr>
          <p:nvPr/>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7382807" y="12023"/>
            <a:ext cx="229888" cy="229888"/>
          </a:xfrm>
          <a:prstGeom prst="rect">
            <a:avLst/>
          </a:prstGeom>
        </p:spPr>
      </p:pic>
      <p:pic>
        <p:nvPicPr>
          <p:cNvPr id="7" name="Graphic 6" descr="Cloud outline">
            <a:extLst>
              <a:ext uri="{FF2B5EF4-FFF2-40B4-BE49-F238E27FC236}">
                <a16:creationId xmlns:a16="http://schemas.microsoft.com/office/drawing/2014/main" id="{515B261D-19A3-AB61-7CBD-F5529F21F15F}"/>
              </a:ext>
            </a:extLst>
          </p:cNvPr>
          <p:cNvPicPr>
            <a:picLocks noChangeAspect="1"/>
          </p:cNvPicPr>
          <p:nvPr/>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550102" y="50241"/>
            <a:ext cx="370237" cy="370237"/>
          </a:xfrm>
          <a:prstGeom prst="rect">
            <a:avLst/>
          </a:prstGeom>
        </p:spPr>
      </p:pic>
      <p:sp>
        <p:nvSpPr>
          <p:cNvPr id="13" name="TextBox 12">
            <a:extLst>
              <a:ext uri="{FF2B5EF4-FFF2-40B4-BE49-F238E27FC236}">
                <a16:creationId xmlns:a16="http://schemas.microsoft.com/office/drawing/2014/main" id="{E9D4776B-B43C-89CD-20E8-B466E38571CA}"/>
              </a:ext>
            </a:extLst>
          </p:cNvPr>
          <p:cNvSpPr txBox="1"/>
          <p:nvPr/>
        </p:nvSpPr>
        <p:spPr>
          <a:xfrm>
            <a:off x="63684" y="1297707"/>
            <a:ext cx="3329666" cy="26161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5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THE MAKING OF AN INNOVATIVE PARTNERSHIP</a:t>
            </a:r>
          </a:p>
        </p:txBody>
      </p:sp>
      <p:sp>
        <p:nvSpPr>
          <p:cNvPr id="15" name="TextBox 14">
            <a:extLst>
              <a:ext uri="{FF2B5EF4-FFF2-40B4-BE49-F238E27FC236}">
                <a16:creationId xmlns:a16="http://schemas.microsoft.com/office/drawing/2014/main" id="{343B6F10-A704-E6BF-FA74-E8639472DCE0}"/>
              </a:ext>
            </a:extLst>
          </p:cNvPr>
          <p:cNvSpPr txBox="1"/>
          <p:nvPr/>
        </p:nvSpPr>
        <p:spPr>
          <a:xfrm>
            <a:off x="63684" y="1547781"/>
            <a:ext cx="3280345" cy="1000274"/>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200" b="0" i="1" u="none" strike="noStrike" kern="1200" cap="none" spc="0" normalizeH="0" baseline="0" noProof="0">
                <a:ln>
                  <a:noFill/>
                </a:ln>
                <a:solidFill>
                  <a:srgbClr val="5B9BD5">
                    <a:lumMod val="20000"/>
                    <a:lumOff val="80000"/>
                  </a:srgbClr>
                </a:solidFill>
                <a:effectLst/>
                <a:uLnTx/>
                <a:uFillTx/>
                <a:latin typeface="Times New Roman" panose="02020603050405020304" pitchFamily="18" charset="0"/>
                <a:ea typeface="+mn-ea"/>
                <a:cs typeface="Times New Roman" panose="02020603050405020304" pitchFamily="18" charset="0"/>
              </a:rPr>
              <a:t>Aptara has produced an estimated annual savings of </a:t>
            </a:r>
            <a:r>
              <a:rPr kumimoji="0" lang="en-IN" sz="1200" b="1" i="1" u="none" strike="noStrike" kern="1200" cap="none" spc="0" normalizeH="0" baseline="0" noProof="0">
                <a:ln>
                  <a:noFill/>
                </a:ln>
                <a:solidFill>
                  <a:srgbClr val="FFC000">
                    <a:lumMod val="40000"/>
                    <a:lumOff val="60000"/>
                  </a:srgbClr>
                </a:solidFill>
                <a:effectLst/>
                <a:uLnTx/>
                <a:uFillTx/>
                <a:latin typeface="Times New Roman" panose="02020603050405020304" pitchFamily="18" charset="0"/>
                <a:ea typeface="+mn-ea"/>
                <a:cs typeface="Times New Roman" panose="02020603050405020304" pitchFamily="18" charset="0"/>
              </a:rPr>
              <a:t>$844,880 </a:t>
            </a:r>
            <a:r>
              <a:rPr kumimoji="0" lang="en-IN" sz="1200" b="0" i="1" u="none" strike="noStrike" kern="1200" cap="none" spc="0" normalizeH="0" baseline="0" noProof="0">
                <a:ln>
                  <a:noFill/>
                </a:ln>
                <a:solidFill>
                  <a:srgbClr val="5B9BD5">
                    <a:lumMod val="20000"/>
                    <a:lumOff val="80000"/>
                  </a:srgbClr>
                </a:solidFill>
                <a:effectLst/>
                <a:uLnTx/>
                <a:uFillTx/>
                <a:latin typeface="Times New Roman" panose="02020603050405020304" pitchFamily="18" charset="0"/>
                <a:ea typeface="+mn-ea"/>
                <a:cs typeface="Times New Roman" panose="02020603050405020304" pitchFamily="18" charset="0"/>
              </a:rPr>
              <a:t>for Blue Cross NC, and the cost savings is expected to grow moving forward.</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200" b="1" i="0" u="none" strike="noStrike" kern="1200" cap="none" spc="0" normalizeH="0" baseline="0" noProof="0">
                <a:ln>
                  <a:noFill/>
                </a:ln>
                <a:solidFill>
                  <a:srgbClr val="5B9BD5">
                    <a:lumMod val="20000"/>
                    <a:lumOff val="80000"/>
                  </a:srgbClr>
                </a:solidFill>
                <a:effectLst/>
                <a:uLnTx/>
                <a:uFillTx/>
                <a:latin typeface="Times New Roman" panose="02020603050405020304" pitchFamily="18" charset="0"/>
                <a:ea typeface="Roboto" panose="02000000000000000000" pitchFamily="2" charset="0"/>
                <a:cs typeface="Times New Roman" panose="02020603050405020304" pitchFamily="18" charset="0"/>
              </a:rPr>
              <a:t>Adri Maisonel - Morales, </a:t>
            </a:r>
            <a:r>
              <a:rPr kumimoji="0" lang="en-IN" sz="1100" b="1" i="0" u="none" strike="noStrike" kern="1200" cap="none" spc="0" normalizeH="0" baseline="0" noProof="0">
                <a:ln>
                  <a:noFill/>
                </a:ln>
                <a:solidFill>
                  <a:srgbClr val="5B9BD5">
                    <a:lumMod val="20000"/>
                    <a:lumOff val="80000"/>
                  </a:srgbClr>
                </a:solidFill>
                <a:effectLst/>
                <a:uLnTx/>
                <a:uFillTx/>
                <a:latin typeface="Times New Roman" panose="02020603050405020304" pitchFamily="18" charset="0"/>
                <a:ea typeface="Roboto" panose="02000000000000000000" pitchFamily="2" charset="0"/>
                <a:cs typeface="Times New Roman" panose="02020603050405020304" pitchFamily="18" charset="0"/>
              </a:rPr>
              <a:t>VP-L&amp;D, </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100" b="1" i="0" u="none" strike="noStrike" kern="1200" cap="none" spc="0" normalizeH="0" baseline="0" noProof="0">
                <a:ln>
                  <a:noFill/>
                </a:ln>
                <a:solidFill>
                  <a:srgbClr val="5B9BD5">
                    <a:lumMod val="20000"/>
                    <a:lumOff val="80000"/>
                  </a:srgbClr>
                </a:solidFill>
                <a:effectLst/>
                <a:uLnTx/>
                <a:uFillTx/>
                <a:latin typeface="Times New Roman" panose="02020603050405020304" pitchFamily="18" charset="0"/>
                <a:ea typeface="Roboto" panose="02000000000000000000" pitchFamily="2" charset="0"/>
                <a:cs typeface="Times New Roman" panose="02020603050405020304" pitchFamily="18" charset="0"/>
              </a:rPr>
              <a:t>BLUE CROSS NC </a:t>
            </a:r>
          </a:p>
        </p:txBody>
      </p:sp>
      <p:pic>
        <p:nvPicPr>
          <p:cNvPr id="17" name="Picture 16" descr="Graphical user interface&#10;&#10;Description automatically generated with medium confidence">
            <a:extLst>
              <a:ext uri="{FF2B5EF4-FFF2-40B4-BE49-F238E27FC236}">
                <a16:creationId xmlns:a16="http://schemas.microsoft.com/office/drawing/2014/main" id="{D34C7964-4C71-07A9-5074-EBCEB4A05331}"/>
              </a:ext>
            </a:extLst>
          </p:cNvPr>
          <p:cNvPicPr>
            <a:picLocks noChangeAspect="1"/>
          </p:cNvPicPr>
          <p:nvPr/>
        </p:nvPicPr>
        <p:blipFill rotWithShape="1">
          <a:blip r:embed="rId13" cstate="screen">
            <a:extLst>
              <a:ext uri="{28A0092B-C50C-407E-A947-70E740481C1C}">
                <a14:useLocalDpi xmlns:a14="http://schemas.microsoft.com/office/drawing/2010/main" val="0"/>
              </a:ext>
            </a:extLst>
          </a:blip>
          <a:srcRect/>
          <a:stretch/>
        </p:blipFill>
        <p:spPr>
          <a:xfrm>
            <a:off x="11350446" y="223546"/>
            <a:ext cx="833511" cy="918806"/>
          </a:xfrm>
          <a:prstGeom prst="rect">
            <a:avLst/>
          </a:prstGeom>
        </p:spPr>
      </p:pic>
      <p:sp>
        <p:nvSpPr>
          <p:cNvPr id="2690" name="Rectangle: Rounded Corners 2689">
            <a:extLst>
              <a:ext uri="{FF2B5EF4-FFF2-40B4-BE49-F238E27FC236}">
                <a16:creationId xmlns:a16="http://schemas.microsoft.com/office/drawing/2014/main" id="{FCEC2289-2FC7-792E-019B-48CDB18B59C8}"/>
              </a:ext>
            </a:extLst>
          </p:cNvPr>
          <p:cNvSpPr/>
          <p:nvPr/>
        </p:nvSpPr>
        <p:spPr>
          <a:xfrm>
            <a:off x="2326624" y="3170950"/>
            <a:ext cx="1645364" cy="861421"/>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695" name="Rectangle: Rounded Corners 2694">
            <a:extLst>
              <a:ext uri="{FF2B5EF4-FFF2-40B4-BE49-F238E27FC236}">
                <a16:creationId xmlns:a16="http://schemas.microsoft.com/office/drawing/2014/main" id="{29227C88-6CAF-C3C9-C2EC-42F40B3FE259}"/>
              </a:ext>
            </a:extLst>
          </p:cNvPr>
          <p:cNvSpPr/>
          <p:nvPr/>
        </p:nvSpPr>
        <p:spPr>
          <a:xfrm rot="5400000">
            <a:off x="8923610" y="2023087"/>
            <a:ext cx="2254118" cy="205791"/>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02" name="Moon 2701">
            <a:extLst>
              <a:ext uri="{FF2B5EF4-FFF2-40B4-BE49-F238E27FC236}">
                <a16:creationId xmlns:a16="http://schemas.microsoft.com/office/drawing/2014/main" id="{106BD5CC-DCBB-24D6-A244-A45D87123333}"/>
              </a:ext>
            </a:extLst>
          </p:cNvPr>
          <p:cNvSpPr/>
          <p:nvPr/>
        </p:nvSpPr>
        <p:spPr>
          <a:xfrm rot="13612648">
            <a:off x="9704320" y="2898838"/>
            <a:ext cx="361650" cy="484748"/>
          </a:xfrm>
          <a:prstGeom prst="moon">
            <a:avLst>
              <a:gd name="adj" fmla="val 70962"/>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03" name="Moon 2702">
            <a:extLst>
              <a:ext uri="{FF2B5EF4-FFF2-40B4-BE49-F238E27FC236}">
                <a16:creationId xmlns:a16="http://schemas.microsoft.com/office/drawing/2014/main" id="{FFE0AC56-9F9A-DC16-E4DD-1A693233D2DB}"/>
              </a:ext>
            </a:extLst>
          </p:cNvPr>
          <p:cNvSpPr/>
          <p:nvPr/>
        </p:nvSpPr>
        <p:spPr>
          <a:xfrm rot="2446242">
            <a:off x="9983965" y="994628"/>
            <a:ext cx="343876" cy="449108"/>
          </a:xfrm>
          <a:prstGeom prst="moon">
            <a:avLst>
              <a:gd name="adj" fmla="val 67774"/>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2744" name="Picture 2743" descr="Graphical user interface&#10;&#10;Description automatically generated with medium confidence">
            <a:extLst>
              <a:ext uri="{FF2B5EF4-FFF2-40B4-BE49-F238E27FC236}">
                <a16:creationId xmlns:a16="http://schemas.microsoft.com/office/drawing/2014/main" id="{026B83D1-67EE-FD8D-5590-233910CACD41}"/>
              </a:ext>
            </a:extLst>
          </p:cNvPr>
          <p:cNvPicPr>
            <a:picLocks noChangeAspect="1"/>
          </p:cNvPicPr>
          <p:nvPr/>
        </p:nvPicPr>
        <p:blipFill rotWithShape="1">
          <a:blip r:embed="rId14" cstate="screen">
            <a:duotone>
              <a:schemeClr val="bg2">
                <a:shade val="45000"/>
                <a:satMod val="135000"/>
              </a:schemeClr>
              <a:prstClr val="white"/>
            </a:duotone>
            <a:extLst>
              <a:ext uri="{BEBA8EAE-BF5A-486C-A8C5-ECC9F3942E4B}">
                <a14:imgProps xmlns:a14="http://schemas.microsoft.com/office/drawing/2010/main">
                  <a14:imgLayer r:embed="rId15">
                    <a14:imgEffect>
                      <a14:colorTemperature colorTemp="7200"/>
                    </a14:imgEffect>
                    <a14:imgEffect>
                      <a14:brightnessContrast bright="40000" contrast="40000"/>
                    </a14:imgEffect>
                  </a14:imgLayer>
                </a14:imgProps>
              </a:ext>
              <a:ext uri="{28A0092B-C50C-407E-A947-70E740481C1C}">
                <a14:useLocalDpi xmlns:a14="http://schemas.microsoft.com/office/drawing/2010/main" val="0"/>
              </a:ext>
            </a:extLst>
          </a:blip>
          <a:srcRect/>
          <a:stretch/>
        </p:blipFill>
        <p:spPr>
          <a:xfrm rot="21344373">
            <a:off x="2091349" y="3066970"/>
            <a:ext cx="235487" cy="235559"/>
          </a:xfrm>
          <a:prstGeom prst="rect">
            <a:avLst/>
          </a:prstGeom>
        </p:spPr>
      </p:pic>
      <p:pic>
        <p:nvPicPr>
          <p:cNvPr id="2745" name="Picture 2744" descr="Graphical user interface&#10;&#10;Description automatically generated with medium confidence">
            <a:extLst>
              <a:ext uri="{FF2B5EF4-FFF2-40B4-BE49-F238E27FC236}">
                <a16:creationId xmlns:a16="http://schemas.microsoft.com/office/drawing/2014/main" id="{A74E0B4A-3B36-C939-87F1-C2D74356231D}"/>
              </a:ext>
            </a:extLst>
          </p:cNvPr>
          <p:cNvPicPr>
            <a:picLocks noChangeAspect="1"/>
          </p:cNvPicPr>
          <p:nvPr/>
        </p:nvPicPr>
        <p:blipFill rotWithShape="1">
          <a:blip r:embed="rId16" cstate="screen">
            <a:extLst>
              <a:ext uri="{28A0092B-C50C-407E-A947-70E740481C1C}">
                <a14:useLocalDpi xmlns:a14="http://schemas.microsoft.com/office/drawing/2010/main" val="0"/>
              </a:ext>
            </a:extLst>
          </a:blip>
          <a:srcRect/>
          <a:stretch/>
        </p:blipFill>
        <p:spPr>
          <a:xfrm>
            <a:off x="10313916" y="606768"/>
            <a:ext cx="998800" cy="437986"/>
          </a:xfrm>
          <a:prstGeom prst="rect">
            <a:avLst/>
          </a:prstGeom>
        </p:spPr>
      </p:pic>
      <p:sp>
        <p:nvSpPr>
          <p:cNvPr id="2747" name="Arc 2746">
            <a:extLst>
              <a:ext uri="{FF2B5EF4-FFF2-40B4-BE49-F238E27FC236}">
                <a16:creationId xmlns:a16="http://schemas.microsoft.com/office/drawing/2014/main" id="{AA932551-E8C8-E00A-DB18-D0FFC9ACD6D7}"/>
              </a:ext>
            </a:extLst>
          </p:cNvPr>
          <p:cNvSpPr/>
          <p:nvPr/>
        </p:nvSpPr>
        <p:spPr>
          <a:xfrm rot="10800000">
            <a:off x="2400003" y="6710238"/>
            <a:ext cx="288762" cy="317075"/>
          </a:xfrm>
          <a:prstGeom prst="arc">
            <a:avLst>
              <a:gd name="adj1" fmla="val 1481855"/>
              <a:gd name="adj2" fmla="val 5281687"/>
            </a:avLst>
          </a:prstGeom>
          <a:ln w="28575" cap="rnd">
            <a:solidFill>
              <a:schemeClr val="accent1">
                <a:lumMod val="40000"/>
                <a:lumOff val="60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750" name="TextBox 2749">
            <a:extLst>
              <a:ext uri="{FF2B5EF4-FFF2-40B4-BE49-F238E27FC236}">
                <a16:creationId xmlns:a16="http://schemas.microsoft.com/office/drawing/2014/main" id="{5EDEB499-9E55-F10A-D7BA-B444B273AC43}"/>
              </a:ext>
            </a:extLst>
          </p:cNvPr>
          <p:cNvSpPr txBox="1"/>
          <p:nvPr/>
        </p:nvSpPr>
        <p:spPr>
          <a:xfrm>
            <a:off x="6648068" y="610726"/>
            <a:ext cx="3246560" cy="430887"/>
          </a:xfrm>
          <a:prstGeom prst="rect">
            <a:avLst/>
          </a:prstGeom>
          <a:noFill/>
        </p:spPr>
        <p:txBody>
          <a:bodyPr wrap="square" rtlCol="0">
            <a:spAutoFit/>
          </a:bodyPr>
          <a:lstStyle/>
          <a:p>
            <a:pPr marL="93663" marR="0" lvl="0" indent="-93663"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Best Learning Program that Supports and Promotes Diversity, Equity and Inclusion</a:t>
            </a:r>
            <a:r>
              <a:rPr lang="en-US" sz="1050">
                <a:solidFill>
                  <a:prstClr val="black"/>
                </a:solidFill>
                <a:latin typeface="Roboto Light" panose="02000000000000000000" pitchFamily="2" charset="0"/>
                <a:ea typeface="Roboto Light" panose="02000000000000000000" pitchFamily="2" charset="0"/>
                <a:cs typeface="Roboto Light" panose="02000000000000000000" pitchFamily="2" charset="0"/>
              </a:rPr>
              <a:t> -2022</a:t>
            </a:r>
            <a:endParaRPr lang="en-IN" sz="1050">
              <a:solidFill>
                <a:prstClr val="black"/>
              </a:solidFill>
              <a:latin typeface="Roboto Light" panose="02000000000000000000" pitchFamily="2" charset="0"/>
              <a:ea typeface="Roboto Light" panose="02000000000000000000" pitchFamily="2" charset="0"/>
              <a:cs typeface="Roboto Light" panose="02000000000000000000" pitchFamily="2" charset="0"/>
            </a:endParaRPr>
          </a:p>
        </p:txBody>
      </p:sp>
      <p:pic>
        <p:nvPicPr>
          <p:cNvPr id="2751" name="Picture 2750" descr="Diagram&#10;&#10;Description automatically generated">
            <a:extLst>
              <a:ext uri="{FF2B5EF4-FFF2-40B4-BE49-F238E27FC236}">
                <a16:creationId xmlns:a16="http://schemas.microsoft.com/office/drawing/2014/main" id="{A56FE5B9-64CC-25D9-82C4-A79540912735}"/>
              </a:ext>
            </a:extLst>
          </p:cNvPr>
          <p:cNvPicPr>
            <a:picLocks noChangeAspect="1"/>
          </p:cNvPicPr>
          <p:nvPr/>
        </p:nvPicPr>
        <p:blipFill rotWithShape="1">
          <a:blip r:embed="rId17" cstate="screen">
            <a:extLst>
              <a:ext uri="{28A0092B-C50C-407E-A947-70E740481C1C}">
                <a14:useLocalDpi xmlns:a14="http://schemas.microsoft.com/office/drawing/2010/main" val="0"/>
              </a:ext>
            </a:extLst>
          </a:blip>
          <a:srcRect/>
          <a:stretch/>
        </p:blipFill>
        <p:spPr>
          <a:xfrm>
            <a:off x="5825095" y="550641"/>
            <a:ext cx="805863" cy="722721"/>
          </a:xfrm>
          <a:prstGeom prst="rect">
            <a:avLst/>
          </a:prstGeom>
        </p:spPr>
      </p:pic>
      <p:pic>
        <p:nvPicPr>
          <p:cNvPr id="4048" name="Picture 4047" descr="Diagram&#10;&#10;Description automatically generated">
            <a:extLst>
              <a:ext uri="{FF2B5EF4-FFF2-40B4-BE49-F238E27FC236}">
                <a16:creationId xmlns:a16="http://schemas.microsoft.com/office/drawing/2014/main" id="{6E2EE82E-8287-21F3-E2B2-818110962154}"/>
              </a:ext>
            </a:extLst>
          </p:cNvPr>
          <p:cNvPicPr>
            <a:picLocks noChangeAspect="1"/>
          </p:cNvPicPr>
          <p:nvPr/>
        </p:nvPicPr>
        <p:blipFill rotWithShape="1">
          <a:blip r:embed="rId18" cstate="screen">
            <a:extLst>
              <a:ext uri="{28A0092B-C50C-407E-A947-70E740481C1C}">
                <a14:useLocalDpi xmlns:a14="http://schemas.microsoft.com/office/drawing/2010/main" val="0"/>
              </a:ext>
            </a:extLst>
          </a:blip>
          <a:srcRect b="-7035"/>
          <a:stretch/>
        </p:blipFill>
        <p:spPr>
          <a:xfrm>
            <a:off x="5851789" y="1220356"/>
            <a:ext cx="805863" cy="722721"/>
          </a:xfrm>
          <a:prstGeom prst="rect">
            <a:avLst/>
          </a:prstGeom>
        </p:spPr>
      </p:pic>
      <p:sp>
        <p:nvSpPr>
          <p:cNvPr id="2305" name="TextBox 2304">
            <a:extLst>
              <a:ext uri="{FF2B5EF4-FFF2-40B4-BE49-F238E27FC236}">
                <a16:creationId xmlns:a16="http://schemas.microsoft.com/office/drawing/2014/main" id="{9AFB14A9-2A76-B49C-74AD-EB8C05232128}"/>
              </a:ext>
            </a:extLst>
          </p:cNvPr>
          <p:cNvSpPr txBox="1"/>
          <p:nvPr/>
        </p:nvSpPr>
        <p:spPr>
          <a:xfrm>
            <a:off x="6637037" y="1222112"/>
            <a:ext cx="3172629" cy="738664"/>
          </a:xfrm>
          <a:prstGeom prst="rect">
            <a:avLst/>
          </a:prstGeom>
          <a:noFill/>
        </p:spPr>
        <p:txBody>
          <a:bodyPr wrap="square">
            <a:spAutoFit/>
          </a:bodyPr>
          <a:lstStyle/>
          <a:p>
            <a:pPr marL="93663" marR="0" lvl="0" indent="-93663"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sz="1050">
                <a:latin typeface="Roboto Light" panose="02000000000000000000" pitchFamily="2" charset="0"/>
                <a:ea typeface="Roboto Light" panose="02000000000000000000" pitchFamily="2" charset="0"/>
                <a:cs typeface="Roboto Light" panose="02000000000000000000" pitchFamily="2" charset="0"/>
              </a:rPr>
              <a:t>Best Use of Virtual Worlds for Learning – 2022</a:t>
            </a:r>
            <a:endPar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endParaRPr>
          </a:p>
          <a:p>
            <a:pPr marL="93663" marR="0" lvl="0" indent="-93663"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Best Unique or Innovative Learning and Development Program – 2021</a:t>
            </a:r>
          </a:p>
          <a:p>
            <a:pPr marL="93663" indent="-93663">
              <a:buFont typeface="Arial" panose="020B0604020202020204" pitchFamily="34" charset="0"/>
              <a:buChar char="•"/>
              <a:defRPr/>
            </a:pPr>
            <a:r>
              <a:rPr kumimoji="0" lang="en-IN"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Best Use of Video for Learning – 2016</a:t>
            </a:r>
          </a:p>
        </p:txBody>
      </p:sp>
      <p:pic>
        <p:nvPicPr>
          <p:cNvPr id="2321" name="Picture 2320" descr="Diagram&#10;&#10;Description automatically generated">
            <a:extLst>
              <a:ext uri="{FF2B5EF4-FFF2-40B4-BE49-F238E27FC236}">
                <a16:creationId xmlns:a16="http://schemas.microsoft.com/office/drawing/2014/main" id="{3721AC65-7418-6A86-A5FF-FE2DE018D0D1}"/>
              </a:ext>
            </a:extLst>
          </p:cNvPr>
          <p:cNvPicPr>
            <a:picLocks noChangeAspect="1"/>
          </p:cNvPicPr>
          <p:nvPr/>
        </p:nvPicPr>
        <p:blipFill rotWithShape="1">
          <a:blip r:embed="rId19" cstate="screen">
            <a:extLst>
              <a:ext uri="{28A0092B-C50C-407E-A947-70E740481C1C}">
                <a14:useLocalDpi xmlns:a14="http://schemas.microsoft.com/office/drawing/2010/main" val="0"/>
              </a:ext>
            </a:extLst>
          </a:blip>
          <a:srcRect r="-1349" b="-7019"/>
          <a:stretch/>
        </p:blipFill>
        <p:spPr>
          <a:xfrm>
            <a:off x="5851788" y="2016385"/>
            <a:ext cx="805863" cy="722721"/>
          </a:xfrm>
          <a:prstGeom prst="rect">
            <a:avLst/>
          </a:prstGeom>
        </p:spPr>
      </p:pic>
      <p:sp>
        <p:nvSpPr>
          <p:cNvPr id="2354" name="TextBox 2353">
            <a:extLst>
              <a:ext uri="{FF2B5EF4-FFF2-40B4-BE49-F238E27FC236}">
                <a16:creationId xmlns:a16="http://schemas.microsoft.com/office/drawing/2014/main" id="{7BF45A69-C8BE-E5B5-C1CD-AD13756D1ED5}"/>
              </a:ext>
            </a:extLst>
          </p:cNvPr>
          <p:cNvSpPr txBox="1"/>
          <p:nvPr/>
        </p:nvSpPr>
        <p:spPr>
          <a:xfrm>
            <a:off x="6645207" y="2081178"/>
            <a:ext cx="3421772" cy="900246"/>
          </a:xfrm>
          <a:prstGeom prst="rect">
            <a:avLst/>
          </a:prstGeom>
          <a:noFill/>
        </p:spPr>
        <p:txBody>
          <a:bodyPr wrap="square">
            <a:spAutoFit/>
          </a:bodyPr>
          <a:lstStyle/>
          <a:p>
            <a:pPr marL="93663" indent="-93663">
              <a:buFont typeface="Arial" panose="020B0604020202020204" pitchFamily="34" charset="0"/>
              <a:buChar char="•"/>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Best Learning Program Supporting a Change Transformation Business Strategy – 2015</a:t>
            </a:r>
          </a:p>
          <a:p>
            <a:pPr marL="93663" marR="0" lvl="0" indent="-93663"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Best Use of Video for Learning – 2014</a:t>
            </a:r>
          </a:p>
          <a:p>
            <a:pPr marL="93663" marR="0" lvl="0" indent="-93663"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IN"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Best Custom Content – 2014</a:t>
            </a:r>
          </a:p>
          <a:p>
            <a:pPr marL="93663" indent="-93663">
              <a:buFont typeface="Arial" panose="020B0604020202020204" pitchFamily="34" charset="0"/>
              <a:buChar char="•"/>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Best Learning Team category – 2013</a:t>
            </a:r>
          </a:p>
        </p:txBody>
      </p:sp>
      <p:sp>
        <p:nvSpPr>
          <p:cNvPr id="426" name="TextBox 425">
            <a:extLst>
              <a:ext uri="{FF2B5EF4-FFF2-40B4-BE49-F238E27FC236}">
                <a16:creationId xmlns:a16="http://schemas.microsoft.com/office/drawing/2014/main" id="{6D0A488E-78E5-41B1-1AFA-9A81A1B91F29}"/>
              </a:ext>
            </a:extLst>
          </p:cNvPr>
          <p:cNvSpPr txBox="1"/>
          <p:nvPr/>
        </p:nvSpPr>
        <p:spPr>
          <a:xfrm>
            <a:off x="3759998" y="653127"/>
            <a:ext cx="1965551" cy="461665"/>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IN" sz="2300" b="0" i="0" u="none" strike="noStrike" kern="1200" cap="none" spc="0" normalizeH="0" baseline="0" noProof="0">
                <a:ln>
                  <a:noFill/>
                </a:ln>
                <a:solidFill>
                  <a:srgbClr val="4472C4">
                    <a:lumMod val="50000"/>
                  </a:srgbClr>
                </a:solidFill>
                <a:effectLst/>
                <a:uLnTx/>
                <a:uFillTx/>
                <a:latin typeface="Georgia Pro Cond Semibold" panose="020B0604020202020204" pitchFamily="18" charset="0"/>
                <a:ea typeface="+mn-ea"/>
                <a:cs typeface="Times New Roman" panose="02020603050405020304" pitchFamily="18" charset="0"/>
              </a:rPr>
              <a:t>ACCOLADES</a:t>
            </a:r>
          </a:p>
        </p:txBody>
      </p:sp>
      <p:pic>
        <p:nvPicPr>
          <p:cNvPr id="427" name="Graphic 426" descr="Hot air balloon with solid fill">
            <a:extLst>
              <a:ext uri="{FF2B5EF4-FFF2-40B4-BE49-F238E27FC236}">
                <a16:creationId xmlns:a16="http://schemas.microsoft.com/office/drawing/2014/main" id="{602BF59D-A28C-6853-518D-BBD45961C437}"/>
              </a:ext>
            </a:extLst>
          </p:cNvPr>
          <p:cNvPicPr>
            <a:picLocks noChangeAspect="1"/>
          </p:cNvPicPr>
          <p:nvPr/>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1764166" y="3816112"/>
            <a:ext cx="426575" cy="426575"/>
          </a:xfrm>
          <a:prstGeom prst="rect">
            <a:avLst/>
          </a:prstGeom>
        </p:spPr>
      </p:pic>
      <p:pic>
        <p:nvPicPr>
          <p:cNvPr id="428" name="Picture 427" descr="Graphical user interface&#10;&#10;Description automatically generated with medium confidence">
            <a:extLst>
              <a:ext uri="{FF2B5EF4-FFF2-40B4-BE49-F238E27FC236}">
                <a16:creationId xmlns:a16="http://schemas.microsoft.com/office/drawing/2014/main" id="{DE177BC6-87EB-344A-13C4-08D83C9CB6F1}"/>
              </a:ext>
            </a:extLst>
          </p:cNvPr>
          <p:cNvPicPr>
            <a:picLocks noChangeAspect="1"/>
          </p:cNvPicPr>
          <p:nvPr/>
        </p:nvPicPr>
        <p:blipFill rotWithShape="1">
          <a:blip r:embed="rId20" cstate="screen">
            <a:extLst>
              <a:ext uri="{28A0092B-C50C-407E-A947-70E740481C1C}">
                <a14:useLocalDpi xmlns:a14="http://schemas.microsoft.com/office/drawing/2010/main" val="0"/>
              </a:ext>
            </a:extLst>
          </a:blip>
          <a:srcRect/>
          <a:stretch/>
        </p:blipFill>
        <p:spPr>
          <a:xfrm>
            <a:off x="11441452" y="4635665"/>
            <a:ext cx="578313" cy="1371039"/>
          </a:xfrm>
          <a:prstGeom prst="rect">
            <a:avLst/>
          </a:prstGeom>
        </p:spPr>
      </p:pic>
      <p:pic>
        <p:nvPicPr>
          <p:cNvPr id="430" name="Picture 429" descr="Graphical user interface&#10;&#10;Description automatically generated with medium confidence">
            <a:extLst>
              <a:ext uri="{FF2B5EF4-FFF2-40B4-BE49-F238E27FC236}">
                <a16:creationId xmlns:a16="http://schemas.microsoft.com/office/drawing/2014/main" id="{ECFCA46F-E8B1-1C85-2CAB-BB80D7757C82}"/>
              </a:ext>
            </a:extLst>
          </p:cNvPr>
          <p:cNvPicPr>
            <a:picLocks noChangeAspect="1"/>
          </p:cNvPicPr>
          <p:nvPr/>
        </p:nvPicPr>
        <p:blipFill rotWithShape="1">
          <a:blip r:embed="rId21" cstate="screen">
            <a:extLst>
              <a:ext uri="{28A0092B-C50C-407E-A947-70E740481C1C}">
                <a14:useLocalDpi xmlns:a14="http://schemas.microsoft.com/office/drawing/2010/main" val="0"/>
              </a:ext>
            </a:extLst>
          </a:blip>
          <a:srcRect/>
          <a:stretch/>
        </p:blipFill>
        <p:spPr>
          <a:xfrm>
            <a:off x="65347" y="3359663"/>
            <a:ext cx="1402553" cy="615036"/>
          </a:xfrm>
          <a:prstGeom prst="rect">
            <a:avLst/>
          </a:prstGeom>
        </p:spPr>
      </p:pic>
      <p:sp>
        <p:nvSpPr>
          <p:cNvPr id="4099" name="TextBox 4098">
            <a:extLst>
              <a:ext uri="{FF2B5EF4-FFF2-40B4-BE49-F238E27FC236}">
                <a16:creationId xmlns:a16="http://schemas.microsoft.com/office/drawing/2014/main" id="{049F98EA-5D6E-8D7C-3B83-4C1D80DC76A2}"/>
              </a:ext>
            </a:extLst>
          </p:cNvPr>
          <p:cNvSpPr txBox="1"/>
          <p:nvPr/>
        </p:nvSpPr>
        <p:spPr>
          <a:xfrm>
            <a:off x="94274" y="5300979"/>
            <a:ext cx="2071293" cy="846386"/>
          </a:xfrm>
          <a:prstGeom prst="rect">
            <a:avLst/>
          </a:prstGeom>
          <a:noFill/>
        </p:spPr>
        <p:txBody>
          <a:bodyPr wrap="square" rtlCol="0">
            <a:spAutoFit/>
          </a:bodyPr>
          <a:lstStyle/>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Learning Consultants conduct a skill gap analysis</a:t>
            </a:r>
          </a:p>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Training gets recognized as a strategic competency</a:t>
            </a:r>
          </a:p>
        </p:txBody>
      </p:sp>
      <p:sp>
        <p:nvSpPr>
          <p:cNvPr id="4101" name="TextBox 4100">
            <a:extLst>
              <a:ext uri="{FF2B5EF4-FFF2-40B4-BE49-F238E27FC236}">
                <a16:creationId xmlns:a16="http://schemas.microsoft.com/office/drawing/2014/main" id="{CF7976C0-227C-B4A5-447E-00E8BD1379E4}"/>
              </a:ext>
            </a:extLst>
          </p:cNvPr>
          <p:cNvSpPr txBox="1"/>
          <p:nvPr/>
        </p:nvSpPr>
        <p:spPr>
          <a:xfrm>
            <a:off x="2538161" y="5074268"/>
            <a:ext cx="2204468" cy="846386"/>
          </a:xfrm>
          <a:prstGeom prst="rect">
            <a:avLst/>
          </a:prstGeom>
          <a:noFill/>
        </p:spPr>
        <p:txBody>
          <a:bodyPr wrap="square" rtlCol="0">
            <a:spAutoFit/>
          </a:bodyPr>
          <a:lstStyle/>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Engages with business for Needs analysis and Design</a:t>
            </a:r>
          </a:p>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Develops training based on the design strategy</a:t>
            </a:r>
          </a:p>
        </p:txBody>
      </p:sp>
      <p:sp>
        <p:nvSpPr>
          <p:cNvPr id="4102" name="Cross 4101">
            <a:extLst>
              <a:ext uri="{FF2B5EF4-FFF2-40B4-BE49-F238E27FC236}">
                <a16:creationId xmlns:a16="http://schemas.microsoft.com/office/drawing/2014/main" id="{EC9444A0-CB3C-0944-9D86-8EF2E847181C}"/>
              </a:ext>
            </a:extLst>
          </p:cNvPr>
          <p:cNvSpPr/>
          <p:nvPr/>
        </p:nvSpPr>
        <p:spPr>
          <a:xfrm>
            <a:off x="3423628" y="4507420"/>
            <a:ext cx="252536" cy="252536"/>
          </a:xfrm>
          <a:prstGeom prst="plus">
            <a:avLst>
              <a:gd name="adj" fmla="val 39245"/>
            </a:avLst>
          </a:prstGeom>
          <a:solidFill>
            <a:schemeClr val="tx2">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103" name="TextBox 4102">
            <a:extLst>
              <a:ext uri="{FF2B5EF4-FFF2-40B4-BE49-F238E27FC236}">
                <a16:creationId xmlns:a16="http://schemas.microsoft.com/office/drawing/2014/main" id="{785FF617-6723-F43A-981B-01EA71D75314}"/>
              </a:ext>
            </a:extLst>
          </p:cNvPr>
          <p:cNvSpPr txBox="1"/>
          <p:nvPr/>
        </p:nvSpPr>
        <p:spPr>
          <a:xfrm>
            <a:off x="4658781" y="3373865"/>
            <a:ext cx="1339898"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13888"/>
                </a:solidFill>
                <a:effectLst/>
                <a:uLnTx/>
                <a:uFillTx/>
                <a:latin typeface="Georgia Pro Cond Semibold" panose="020B0604020202020204" pitchFamily="18" charset="0"/>
                <a:ea typeface="+mn-ea"/>
                <a:cs typeface="Times New Roman" panose="02020603050405020304" pitchFamily="18" charset="0"/>
              </a:rPr>
              <a:t>2013 - 14</a:t>
            </a:r>
          </a:p>
        </p:txBody>
      </p:sp>
      <p:sp>
        <p:nvSpPr>
          <p:cNvPr id="4104" name="TextBox 4103">
            <a:extLst>
              <a:ext uri="{FF2B5EF4-FFF2-40B4-BE49-F238E27FC236}">
                <a16:creationId xmlns:a16="http://schemas.microsoft.com/office/drawing/2014/main" id="{B1D79520-38BD-DA60-D65F-45BB72F39FD2}"/>
              </a:ext>
            </a:extLst>
          </p:cNvPr>
          <p:cNvSpPr txBox="1"/>
          <p:nvPr/>
        </p:nvSpPr>
        <p:spPr>
          <a:xfrm>
            <a:off x="4658781" y="4365274"/>
            <a:ext cx="2505456" cy="1798085"/>
          </a:xfrm>
          <a:prstGeom prst="rect">
            <a:avLst/>
          </a:prstGeom>
          <a:noFill/>
        </p:spPr>
        <p:txBody>
          <a:bodyPr wrap="square" numCol="1" spcCol="252000" rtlCol="0">
            <a:noAutofit/>
          </a:bodyPr>
          <a:lstStyle/>
          <a:p>
            <a:pPr marL="117475" marR="0" lvl="0" indent="-117475" algn="l" defTabSz="914400" rtl="0" eaLnBrk="1" fontAlgn="auto" latinLnBrk="0" hangingPunct="1">
              <a:lnSpc>
                <a:spcPct val="100000"/>
              </a:lnSpc>
              <a:spcBef>
                <a:spcPts val="100"/>
              </a:spcBef>
              <a:spcAft>
                <a:spcPts val="0"/>
              </a:spcAft>
              <a:buClrTx/>
              <a:buSzTx/>
              <a:buFont typeface="Arial" panose="020B0604020202020204" pitchFamily="34" charset="0"/>
              <a:buChar char="•"/>
              <a:tabLst/>
              <a:defRPr/>
            </a:pPr>
            <a:r>
              <a:rPr kumimoji="0" lang="en-IN"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Increased Speed-to-market by </a:t>
            </a:r>
            <a:r>
              <a:rPr kumimoji="0" lang="en-IN" sz="1050" b="1"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45%</a:t>
            </a:r>
            <a:endParaRPr kumimoji="0" lang="en-IN"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endParaRPr>
          </a:p>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IN"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High Scalability</a:t>
            </a:r>
          </a:p>
          <a:p>
            <a:pPr marL="354013" marR="0" lvl="1" indent="-176213" algn="l" defTabSz="914400" rtl="0" eaLnBrk="1" fontAlgn="auto" latinLnBrk="0" hangingPunct="1">
              <a:lnSpc>
                <a:spcPct val="100000"/>
              </a:lnSpc>
              <a:spcBef>
                <a:spcPts val="100"/>
              </a:spcBef>
              <a:spcAft>
                <a:spcPts val="0"/>
              </a:spcAft>
              <a:buClrTx/>
              <a:buSzPct val="80000"/>
              <a:buFont typeface="Courier New" panose="02070309020205020404" pitchFamily="49" charset="0"/>
              <a:buChar char="o"/>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Scalable tools, increase in volume of courses delivered</a:t>
            </a:r>
          </a:p>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IN"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Reduced learning curve</a:t>
            </a:r>
          </a:p>
          <a:p>
            <a:pPr marL="354013" marR="0" lvl="1" indent="-176213" algn="l" defTabSz="914400" rtl="0" eaLnBrk="1" fontAlgn="auto" latinLnBrk="0" hangingPunct="1">
              <a:lnSpc>
                <a:spcPct val="100000"/>
              </a:lnSpc>
              <a:spcBef>
                <a:spcPts val="100"/>
              </a:spcBef>
              <a:spcAft>
                <a:spcPts val="0"/>
              </a:spcAft>
              <a:buClrTx/>
              <a:buSzPct val="80000"/>
              <a:buFont typeface="Courier New" panose="02070309020205020404" pitchFamily="49" charset="0"/>
              <a:buChar char="o"/>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ttributed to staffing continuity</a:t>
            </a:r>
          </a:p>
          <a:p>
            <a:pPr marL="354013" marR="0" lvl="1" indent="-176213" algn="l" defTabSz="914400" rtl="0" eaLnBrk="1" fontAlgn="auto" latinLnBrk="0" hangingPunct="1">
              <a:lnSpc>
                <a:spcPct val="100000"/>
              </a:lnSpc>
              <a:spcBef>
                <a:spcPts val="100"/>
              </a:spcBef>
              <a:spcAft>
                <a:spcPts val="0"/>
              </a:spcAft>
              <a:buClrTx/>
              <a:buSzPct val="80000"/>
              <a:buFont typeface="Courier New" panose="02070309020205020404" pitchFamily="49" charset="0"/>
              <a:buChar char="o"/>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Optimized review timelines</a:t>
            </a:r>
          </a:p>
        </p:txBody>
      </p:sp>
      <p:sp>
        <p:nvSpPr>
          <p:cNvPr id="4105" name="TextBox 4104">
            <a:extLst>
              <a:ext uri="{FF2B5EF4-FFF2-40B4-BE49-F238E27FC236}">
                <a16:creationId xmlns:a16="http://schemas.microsoft.com/office/drawing/2014/main" id="{09633C57-2218-AC52-5830-6873EB2F5874}"/>
              </a:ext>
            </a:extLst>
          </p:cNvPr>
          <p:cNvSpPr txBox="1"/>
          <p:nvPr/>
        </p:nvSpPr>
        <p:spPr>
          <a:xfrm>
            <a:off x="4658780" y="3781778"/>
            <a:ext cx="2656419" cy="492443"/>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0"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rPr>
              <a:t>ADOPTION OF </a:t>
            </a:r>
            <a:r>
              <a:rPr kumimoji="0" lang="en-US" sz="13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rPr>
              <a:t>EXTENDED TEAM (XDT) MODEL</a:t>
            </a:r>
            <a:endParaRPr kumimoji="0" lang="en-IN" sz="13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endParaRPr>
          </a:p>
        </p:txBody>
      </p:sp>
      <p:sp>
        <p:nvSpPr>
          <p:cNvPr id="4106" name="TextBox 4105">
            <a:extLst>
              <a:ext uri="{FF2B5EF4-FFF2-40B4-BE49-F238E27FC236}">
                <a16:creationId xmlns:a16="http://schemas.microsoft.com/office/drawing/2014/main" id="{65691035-EE4B-07DB-1BB8-61B4920C22BE}"/>
              </a:ext>
            </a:extLst>
          </p:cNvPr>
          <p:cNvSpPr txBox="1"/>
          <p:nvPr/>
        </p:nvSpPr>
        <p:spPr>
          <a:xfrm>
            <a:off x="7234776" y="3373865"/>
            <a:ext cx="1318233"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13888"/>
                </a:solidFill>
                <a:effectLst/>
                <a:uLnTx/>
                <a:uFillTx/>
                <a:latin typeface="Georgia Pro Cond Semibold" panose="020B0604020202020204" pitchFamily="18" charset="0"/>
                <a:ea typeface="+mn-ea"/>
                <a:cs typeface="Times New Roman" panose="02020603050405020304" pitchFamily="18" charset="0"/>
              </a:rPr>
              <a:t>2017 - 18</a:t>
            </a:r>
          </a:p>
        </p:txBody>
      </p:sp>
      <p:sp>
        <p:nvSpPr>
          <p:cNvPr id="4107" name="TextBox 4106">
            <a:extLst>
              <a:ext uri="{FF2B5EF4-FFF2-40B4-BE49-F238E27FC236}">
                <a16:creationId xmlns:a16="http://schemas.microsoft.com/office/drawing/2014/main" id="{CF7B4B16-4250-C32C-60FA-B2C0B00FBDE6}"/>
              </a:ext>
            </a:extLst>
          </p:cNvPr>
          <p:cNvSpPr txBox="1"/>
          <p:nvPr/>
        </p:nvSpPr>
        <p:spPr>
          <a:xfrm>
            <a:off x="7237942" y="4365274"/>
            <a:ext cx="2273402" cy="2103857"/>
          </a:xfrm>
          <a:prstGeom prst="rect">
            <a:avLst/>
          </a:prstGeom>
          <a:noFill/>
        </p:spPr>
        <p:txBody>
          <a:bodyPr wrap="square" numCol="1" spcCol="252000" rtlCol="0">
            <a:noAutofit/>
          </a:bodyPr>
          <a:lstStyle/>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Significant Cost Reduction achieved through </a:t>
            </a:r>
            <a:r>
              <a:rPr kumimoji="0" lang="en-US" sz="1050" b="1"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35%</a:t>
            </a: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 effort efficiency during this period</a:t>
            </a:r>
          </a:p>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Growing team size for BCBSNC</a:t>
            </a:r>
          </a:p>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Increasing variety in learning solutions--bite-sized nuggets, videos and marketing collateral</a:t>
            </a:r>
          </a:p>
        </p:txBody>
      </p:sp>
      <p:sp>
        <p:nvSpPr>
          <p:cNvPr id="4108" name="TextBox 4107">
            <a:extLst>
              <a:ext uri="{FF2B5EF4-FFF2-40B4-BE49-F238E27FC236}">
                <a16:creationId xmlns:a16="http://schemas.microsoft.com/office/drawing/2014/main" id="{5F754AF8-A7BF-C684-81AB-8FE18884B453}"/>
              </a:ext>
            </a:extLst>
          </p:cNvPr>
          <p:cNvSpPr txBox="1"/>
          <p:nvPr/>
        </p:nvSpPr>
        <p:spPr>
          <a:xfrm>
            <a:off x="7246457" y="3779403"/>
            <a:ext cx="2052638" cy="492443"/>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0"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rPr>
              <a:t>GETTING </a:t>
            </a:r>
            <a:r>
              <a:rPr kumimoji="0" lang="en-US" sz="13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rPr>
              <a:t>BIGGER</a:t>
            </a:r>
            <a:r>
              <a:rPr kumimoji="0" lang="en-US" sz="1300" b="0"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rPr>
              <a:t> AND </a:t>
            </a:r>
            <a:r>
              <a:rPr kumimoji="0" lang="en-US" sz="13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rPr>
              <a:t>BETTER</a:t>
            </a:r>
          </a:p>
        </p:txBody>
      </p:sp>
      <p:sp>
        <p:nvSpPr>
          <p:cNvPr id="4109" name="TextBox 4108">
            <a:extLst>
              <a:ext uri="{FF2B5EF4-FFF2-40B4-BE49-F238E27FC236}">
                <a16:creationId xmlns:a16="http://schemas.microsoft.com/office/drawing/2014/main" id="{58C52275-5846-E55A-CC70-8C6EB7EE0AD7}"/>
              </a:ext>
            </a:extLst>
          </p:cNvPr>
          <p:cNvSpPr txBox="1"/>
          <p:nvPr/>
        </p:nvSpPr>
        <p:spPr>
          <a:xfrm>
            <a:off x="2529956" y="3778992"/>
            <a:ext cx="2071701" cy="492443"/>
          </a:xfrm>
          <a:prstGeom prst="rect">
            <a:avLst/>
          </a:prstGeom>
          <a:noFill/>
        </p:spPr>
        <p:txBody>
          <a:bodyPr wrap="square" rtlCol="0">
            <a:spAutoFit/>
          </a:body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rPr>
              <a:t>ONE TEAM MODEL </a:t>
            </a:r>
            <a:r>
              <a:rPr kumimoji="0" lang="en-US" sz="1300" b="0"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rPr>
              <a:t>DEPLOYED</a:t>
            </a:r>
            <a:endParaRPr kumimoji="0" lang="en-IN" sz="1300" b="0"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endParaRPr>
          </a:p>
        </p:txBody>
      </p:sp>
      <p:sp>
        <p:nvSpPr>
          <p:cNvPr id="4110" name="TextBox 4109">
            <a:extLst>
              <a:ext uri="{FF2B5EF4-FFF2-40B4-BE49-F238E27FC236}">
                <a16:creationId xmlns:a16="http://schemas.microsoft.com/office/drawing/2014/main" id="{6A5403D4-151B-3BA9-6DEF-EA7BB31120EA}"/>
              </a:ext>
            </a:extLst>
          </p:cNvPr>
          <p:cNvSpPr txBox="1"/>
          <p:nvPr/>
        </p:nvSpPr>
        <p:spPr>
          <a:xfrm>
            <a:off x="2525679" y="3373865"/>
            <a:ext cx="842561"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13888"/>
                </a:solidFill>
                <a:effectLst/>
                <a:uLnTx/>
                <a:uFillTx/>
                <a:latin typeface="Georgia Pro Cond Semibold" panose="020B0604020202020204" pitchFamily="18" charset="0"/>
                <a:ea typeface="+mn-ea"/>
                <a:cs typeface="Times New Roman" panose="02020603050405020304" pitchFamily="18" charset="0"/>
              </a:rPr>
              <a:t>2012</a:t>
            </a:r>
          </a:p>
        </p:txBody>
      </p:sp>
      <p:sp>
        <p:nvSpPr>
          <p:cNvPr id="4112" name="TextBox 4111">
            <a:extLst>
              <a:ext uri="{FF2B5EF4-FFF2-40B4-BE49-F238E27FC236}">
                <a16:creationId xmlns:a16="http://schemas.microsoft.com/office/drawing/2014/main" id="{1F9305CB-231B-59AD-D09A-56316B64EB47}"/>
              </a:ext>
            </a:extLst>
          </p:cNvPr>
          <p:cNvSpPr txBox="1"/>
          <p:nvPr/>
        </p:nvSpPr>
        <p:spPr>
          <a:xfrm>
            <a:off x="96629" y="4180153"/>
            <a:ext cx="1235694" cy="646331"/>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3600" b="0" i="0" u="none" strike="noStrike" kern="1200" cap="none" spc="-150" normalizeH="0" baseline="0" noProof="0">
                <a:ln>
                  <a:noFill/>
                </a:ln>
                <a:solidFill>
                  <a:srgbClr val="002060"/>
                </a:solidFill>
                <a:effectLst/>
                <a:uLnTx/>
                <a:uFillTx/>
                <a:latin typeface="Georgia Pro Cond Semibold" panose="020B0604020202020204" pitchFamily="18" charset="0"/>
                <a:ea typeface="+mn-ea"/>
                <a:cs typeface="Times New Roman" panose="02020603050405020304" pitchFamily="18" charset="0"/>
              </a:rPr>
              <a:t>2011</a:t>
            </a:r>
          </a:p>
        </p:txBody>
      </p:sp>
      <p:cxnSp>
        <p:nvCxnSpPr>
          <p:cNvPr id="4113" name="Straight Connector 4112">
            <a:extLst>
              <a:ext uri="{FF2B5EF4-FFF2-40B4-BE49-F238E27FC236}">
                <a16:creationId xmlns:a16="http://schemas.microsoft.com/office/drawing/2014/main" id="{2A8B4CF5-7C8F-C792-0BED-A6639CE540B9}"/>
              </a:ext>
            </a:extLst>
          </p:cNvPr>
          <p:cNvCxnSpPr>
            <a:cxnSpLocks/>
          </p:cNvCxnSpPr>
          <p:nvPr/>
        </p:nvCxnSpPr>
        <p:spPr>
          <a:xfrm>
            <a:off x="198041" y="5149923"/>
            <a:ext cx="1944165" cy="0"/>
          </a:xfrm>
          <a:prstGeom prst="line">
            <a:avLst/>
          </a:prstGeom>
          <a:ln w="9525">
            <a:solidFill>
              <a:srgbClr val="ED7D31"/>
            </a:solidFill>
          </a:ln>
        </p:spPr>
        <p:style>
          <a:lnRef idx="1">
            <a:schemeClr val="accent1"/>
          </a:lnRef>
          <a:fillRef idx="0">
            <a:schemeClr val="accent1"/>
          </a:fillRef>
          <a:effectRef idx="0">
            <a:schemeClr val="accent1"/>
          </a:effectRef>
          <a:fontRef idx="minor">
            <a:schemeClr val="tx1"/>
          </a:fontRef>
        </p:style>
      </p:cxnSp>
      <p:sp>
        <p:nvSpPr>
          <p:cNvPr id="4114" name="TextBox 4113">
            <a:extLst>
              <a:ext uri="{FF2B5EF4-FFF2-40B4-BE49-F238E27FC236}">
                <a16:creationId xmlns:a16="http://schemas.microsoft.com/office/drawing/2014/main" id="{DC4BCDEC-4CEE-302D-15A3-8E73D97F042A}"/>
              </a:ext>
            </a:extLst>
          </p:cNvPr>
          <p:cNvSpPr txBox="1"/>
          <p:nvPr/>
        </p:nvSpPr>
        <p:spPr>
          <a:xfrm>
            <a:off x="119990" y="4778668"/>
            <a:ext cx="2312285" cy="353943"/>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700" b="1"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rPr>
              <a:t>JOURNEY </a:t>
            </a:r>
            <a:r>
              <a:rPr kumimoji="0" lang="en-US" sz="17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rPr>
              <a:t>BEGINS</a:t>
            </a:r>
            <a:endParaRPr kumimoji="0" lang="en-IN" sz="17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endParaRPr>
          </a:p>
        </p:txBody>
      </p:sp>
      <p:sp>
        <p:nvSpPr>
          <p:cNvPr id="4115" name="TextBox 4114">
            <a:extLst>
              <a:ext uri="{FF2B5EF4-FFF2-40B4-BE49-F238E27FC236}">
                <a16:creationId xmlns:a16="http://schemas.microsoft.com/office/drawing/2014/main" id="{E9B75BC4-F2E5-6DE1-B308-D841EBBAC945}"/>
              </a:ext>
            </a:extLst>
          </p:cNvPr>
          <p:cNvSpPr txBox="1"/>
          <p:nvPr/>
        </p:nvSpPr>
        <p:spPr>
          <a:xfrm>
            <a:off x="9620641" y="3373865"/>
            <a:ext cx="834129"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13888"/>
                </a:solidFill>
                <a:effectLst/>
                <a:uLnTx/>
                <a:uFillTx/>
                <a:latin typeface="Georgia Pro Cond Semibold" panose="020B0604020202020204" pitchFamily="18" charset="0"/>
                <a:ea typeface="+mn-ea"/>
                <a:cs typeface="Times New Roman" panose="02020603050405020304" pitchFamily="18" charset="0"/>
              </a:rPr>
              <a:t>2019</a:t>
            </a:r>
          </a:p>
        </p:txBody>
      </p:sp>
      <p:sp>
        <p:nvSpPr>
          <p:cNvPr id="4116" name="TextBox 4115">
            <a:extLst>
              <a:ext uri="{FF2B5EF4-FFF2-40B4-BE49-F238E27FC236}">
                <a16:creationId xmlns:a16="http://schemas.microsoft.com/office/drawing/2014/main" id="{FDA27CAB-668F-7B2C-89FF-B8C68EC15467}"/>
              </a:ext>
            </a:extLst>
          </p:cNvPr>
          <p:cNvSpPr txBox="1"/>
          <p:nvPr/>
        </p:nvSpPr>
        <p:spPr>
          <a:xfrm>
            <a:off x="9620641" y="4365274"/>
            <a:ext cx="1805037" cy="2103857"/>
          </a:xfrm>
          <a:prstGeom prst="rect">
            <a:avLst/>
          </a:prstGeom>
          <a:noFill/>
        </p:spPr>
        <p:txBody>
          <a:bodyPr wrap="square" numCol="1" spcCol="252000" rtlCol="0">
            <a:noAutofit/>
          </a:bodyPr>
          <a:lstStyle/>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Evolving with specialized learning using the Adaptive Learning Model</a:t>
            </a:r>
          </a:p>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Increased team composition and strength</a:t>
            </a:r>
          </a:p>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endPar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endParaRPr>
          </a:p>
        </p:txBody>
      </p:sp>
      <p:sp>
        <p:nvSpPr>
          <p:cNvPr id="4117" name="TextBox 4116">
            <a:extLst>
              <a:ext uri="{FF2B5EF4-FFF2-40B4-BE49-F238E27FC236}">
                <a16:creationId xmlns:a16="http://schemas.microsoft.com/office/drawing/2014/main" id="{F06FC7B8-6D69-7A8A-2506-408E56248541}"/>
              </a:ext>
            </a:extLst>
          </p:cNvPr>
          <p:cNvSpPr txBox="1"/>
          <p:nvPr/>
        </p:nvSpPr>
        <p:spPr>
          <a:xfrm>
            <a:off x="9620641" y="3774007"/>
            <a:ext cx="1868553" cy="492443"/>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0"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rPr>
              <a:t>THE </a:t>
            </a:r>
            <a:r>
              <a:rPr kumimoji="0" lang="en-US" sz="13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rPr>
              <a:t>SUCCESS</a:t>
            </a:r>
            <a:r>
              <a:rPr kumimoji="0" lang="en-US" sz="1300" b="0"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rPr>
              <a:t> </a:t>
            </a:r>
            <a:r>
              <a:rPr kumimoji="0" lang="en-US" sz="13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rPr>
              <a:t>STORY </a:t>
            </a:r>
            <a:r>
              <a:rPr kumimoji="0" lang="en-US" sz="1300" b="0"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rPr>
              <a:t>CONTINUES</a:t>
            </a:r>
          </a:p>
        </p:txBody>
      </p:sp>
      <p:sp>
        <p:nvSpPr>
          <p:cNvPr id="4118" name="TextBox 4117">
            <a:extLst>
              <a:ext uri="{FF2B5EF4-FFF2-40B4-BE49-F238E27FC236}">
                <a16:creationId xmlns:a16="http://schemas.microsoft.com/office/drawing/2014/main" id="{6CF274F5-E66C-A15A-C5BC-E111483D1C49}"/>
              </a:ext>
            </a:extLst>
          </p:cNvPr>
          <p:cNvSpPr txBox="1"/>
          <p:nvPr/>
        </p:nvSpPr>
        <p:spPr>
          <a:xfrm>
            <a:off x="10077576" y="1206666"/>
            <a:ext cx="1632334"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solidFill>
                  <a:srgbClr val="013888"/>
                </a:solidFill>
                <a:effectLst/>
                <a:uLnTx/>
                <a:uFillTx/>
                <a:latin typeface="Georgia Pro Cond Semibold" panose="020B0604020202020204" pitchFamily="18" charset="0"/>
                <a:ea typeface="+mn-ea"/>
                <a:cs typeface="Times New Roman" panose="02020603050405020304" pitchFamily="18" charset="0"/>
              </a:rPr>
              <a:t>2020 - 23</a:t>
            </a:r>
          </a:p>
        </p:txBody>
      </p:sp>
      <p:sp>
        <p:nvSpPr>
          <p:cNvPr id="4119" name="TextBox 4118">
            <a:extLst>
              <a:ext uri="{FF2B5EF4-FFF2-40B4-BE49-F238E27FC236}">
                <a16:creationId xmlns:a16="http://schemas.microsoft.com/office/drawing/2014/main" id="{47DEA2FA-346B-B564-5D06-0A2C9DAF753D}"/>
              </a:ext>
            </a:extLst>
          </p:cNvPr>
          <p:cNvSpPr txBox="1"/>
          <p:nvPr/>
        </p:nvSpPr>
        <p:spPr>
          <a:xfrm>
            <a:off x="10077576" y="2071046"/>
            <a:ext cx="2012188" cy="1430745"/>
          </a:xfrm>
          <a:prstGeom prst="rect">
            <a:avLst/>
          </a:prstGeom>
          <a:noFill/>
        </p:spPr>
        <p:txBody>
          <a:bodyPr wrap="square" numCol="1" spcCol="252000" rtlCol="0">
            <a:noAutofit/>
          </a:bodyPr>
          <a:lstStyle/>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Shift in Engagement model: Project-driven to   Business-area centric</a:t>
            </a:r>
          </a:p>
          <a:p>
            <a:pPr marL="117475" marR="0" lvl="0" indent="-117475"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In one of the firsts, Aptara’s ID chosen to be the PoC for business stakeholders</a:t>
            </a:r>
          </a:p>
        </p:txBody>
      </p:sp>
      <p:cxnSp>
        <p:nvCxnSpPr>
          <p:cNvPr id="4120" name="Straight Connector 4119">
            <a:extLst>
              <a:ext uri="{FF2B5EF4-FFF2-40B4-BE49-F238E27FC236}">
                <a16:creationId xmlns:a16="http://schemas.microsoft.com/office/drawing/2014/main" id="{68F014D2-A3D4-6FAB-6E3A-FD54A99A220B}"/>
              </a:ext>
            </a:extLst>
          </p:cNvPr>
          <p:cNvCxnSpPr>
            <a:cxnSpLocks/>
          </p:cNvCxnSpPr>
          <p:nvPr/>
        </p:nvCxnSpPr>
        <p:spPr>
          <a:xfrm>
            <a:off x="10161571" y="1090786"/>
            <a:ext cx="1948299" cy="0"/>
          </a:xfrm>
          <a:prstGeom prst="line">
            <a:avLst/>
          </a:prstGeom>
          <a:ln w="19050">
            <a:solidFill>
              <a:schemeClr val="bg2">
                <a:lumMod val="50000"/>
              </a:schemeClr>
            </a:solidFill>
            <a:prstDash val="dash"/>
            <a:headEnd type="none" w="med" len="med"/>
            <a:tailEnd type="triangle" w="med" len="med"/>
          </a:ln>
        </p:spPr>
        <p:style>
          <a:lnRef idx="1">
            <a:schemeClr val="accent1"/>
          </a:lnRef>
          <a:fillRef idx="0">
            <a:schemeClr val="accent1"/>
          </a:fillRef>
          <a:effectRef idx="0">
            <a:schemeClr val="accent1"/>
          </a:effectRef>
          <a:fontRef idx="minor">
            <a:schemeClr val="tx1"/>
          </a:fontRef>
        </p:style>
      </p:cxnSp>
      <p:cxnSp>
        <p:nvCxnSpPr>
          <p:cNvPr id="4121" name="Straight Connector 4120">
            <a:extLst>
              <a:ext uri="{FF2B5EF4-FFF2-40B4-BE49-F238E27FC236}">
                <a16:creationId xmlns:a16="http://schemas.microsoft.com/office/drawing/2014/main" id="{E2E158B1-7554-5D94-8005-DA5B747A785E}"/>
              </a:ext>
            </a:extLst>
          </p:cNvPr>
          <p:cNvCxnSpPr>
            <a:cxnSpLocks/>
          </p:cNvCxnSpPr>
          <p:nvPr/>
        </p:nvCxnSpPr>
        <p:spPr>
          <a:xfrm flipV="1">
            <a:off x="10015795" y="1270237"/>
            <a:ext cx="0" cy="1606481"/>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4122" name="Arc 4121">
            <a:extLst>
              <a:ext uri="{FF2B5EF4-FFF2-40B4-BE49-F238E27FC236}">
                <a16:creationId xmlns:a16="http://schemas.microsoft.com/office/drawing/2014/main" id="{5211FC59-F08A-CF86-1D49-DBF0FADD8346}"/>
              </a:ext>
            </a:extLst>
          </p:cNvPr>
          <p:cNvSpPr/>
          <p:nvPr/>
        </p:nvSpPr>
        <p:spPr>
          <a:xfrm rot="10800000">
            <a:off x="9229810" y="2560465"/>
            <a:ext cx="774205" cy="699298"/>
          </a:xfrm>
          <a:prstGeom prst="arc">
            <a:avLst>
              <a:gd name="adj1" fmla="val 11298942"/>
              <a:gd name="adj2" fmla="val 15957678"/>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cxnSp>
        <p:nvCxnSpPr>
          <p:cNvPr id="4123" name="Straight Connector 4122">
            <a:extLst>
              <a:ext uri="{FF2B5EF4-FFF2-40B4-BE49-F238E27FC236}">
                <a16:creationId xmlns:a16="http://schemas.microsoft.com/office/drawing/2014/main" id="{285EB5A4-C6AF-C588-4001-52B0EEC1BC88}"/>
              </a:ext>
            </a:extLst>
          </p:cNvPr>
          <p:cNvCxnSpPr>
            <a:cxnSpLocks/>
          </p:cNvCxnSpPr>
          <p:nvPr/>
        </p:nvCxnSpPr>
        <p:spPr>
          <a:xfrm flipV="1">
            <a:off x="2419543" y="3253042"/>
            <a:ext cx="0" cy="1250276"/>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cxnSp>
        <p:nvCxnSpPr>
          <p:cNvPr id="4124" name="Straight Connector 4123">
            <a:extLst>
              <a:ext uri="{FF2B5EF4-FFF2-40B4-BE49-F238E27FC236}">
                <a16:creationId xmlns:a16="http://schemas.microsoft.com/office/drawing/2014/main" id="{9256A415-2660-DC48-B44A-28DA9A71422B}"/>
              </a:ext>
            </a:extLst>
          </p:cNvPr>
          <p:cNvCxnSpPr>
            <a:cxnSpLocks/>
          </p:cNvCxnSpPr>
          <p:nvPr/>
        </p:nvCxnSpPr>
        <p:spPr>
          <a:xfrm>
            <a:off x="1728517" y="4503318"/>
            <a:ext cx="702945" cy="0"/>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4125" name="Arc 4124">
            <a:extLst>
              <a:ext uri="{FF2B5EF4-FFF2-40B4-BE49-F238E27FC236}">
                <a16:creationId xmlns:a16="http://schemas.microsoft.com/office/drawing/2014/main" id="{9EDD8DF9-3DAF-63B1-42FB-74FA56BAA648}"/>
              </a:ext>
            </a:extLst>
          </p:cNvPr>
          <p:cNvSpPr/>
          <p:nvPr/>
        </p:nvSpPr>
        <p:spPr>
          <a:xfrm rot="10800000">
            <a:off x="10010385" y="1071195"/>
            <a:ext cx="440105" cy="396463"/>
          </a:xfrm>
          <a:prstGeom prst="arc">
            <a:avLst>
              <a:gd name="adj1" fmla="val 21330675"/>
              <a:gd name="adj2" fmla="val 3872822"/>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cxnSp>
        <p:nvCxnSpPr>
          <p:cNvPr id="4126" name="Straight Connector 4125">
            <a:extLst>
              <a:ext uri="{FF2B5EF4-FFF2-40B4-BE49-F238E27FC236}">
                <a16:creationId xmlns:a16="http://schemas.microsoft.com/office/drawing/2014/main" id="{B415264B-DA52-CEF3-FE9B-0167ED22C83D}"/>
              </a:ext>
            </a:extLst>
          </p:cNvPr>
          <p:cNvCxnSpPr>
            <a:cxnSpLocks/>
          </p:cNvCxnSpPr>
          <p:nvPr/>
        </p:nvCxnSpPr>
        <p:spPr>
          <a:xfrm>
            <a:off x="2479162" y="3259859"/>
            <a:ext cx="7131736" cy="0"/>
          </a:xfrm>
          <a:prstGeom prst="line">
            <a:avLst/>
          </a:prstGeom>
          <a:ln w="19050">
            <a:solidFill>
              <a:schemeClr val="bg2">
                <a:lumMod val="50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4127" name="Arc 4126">
            <a:extLst>
              <a:ext uri="{FF2B5EF4-FFF2-40B4-BE49-F238E27FC236}">
                <a16:creationId xmlns:a16="http://schemas.microsoft.com/office/drawing/2014/main" id="{56396038-5A9E-04F7-48BB-7BA140E90EEA}"/>
              </a:ext>
            </a:extLst>
          </p:cNvPr>
          <p:cNvSpPr/>
          <p:nvPr/>
        </p:nvSpPr>
        <p:spPr>
          <a:xfrm rot="10800000">
            <a:off x="11480335" y="3630644"/>
            <a:ext cx="819273" cy="994027"/>
          </a:xfrm>
          <a:prstGeom prst="arc">
            <a:avLst>
              <a:gd name="adj1" fmla="val 1187702"/>
              <a:gd name="adj2" fmla="val 4644745"/>
            </a:avLst>
          </a:prstGeom>
          <a:ln w="9525" cap="rnd">
            <a:solidFill>
              <a:srgbClr val="4472C4"/>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pic>
        <p:nvPicPr>
          <p:cNvPr id="4306" name="Graphic 4305">
            <a:extLst>
              <a:ext uri="{FF2B5EF4-FFF2-40B4-BE49-F238E27FC236}">
                <a16:creationId xmlns:a16="http://schemas.microsoft.com/office/drawing/2014/main" id="{136CB36E-A2C7-8013-DDEC-CA3FA2220956}"/>
              </a:ext>
            </a:extLst>
          </p:cNvPr>
          <p:cNvPicPr>
            <a:picLocks noChangeAspect="1"/>
          </p:cNvPicPr>
          <p:nvPr/>
        </p:nvPicPr>
        <p:blipFill>
          <a:blip r:embed="rId22" cstate="hqprint">
            <a:extLst>
              <a:ext uri="{28A0092B-C50C-407E-A947-70E740481C1C}">
                <a14:useLocalDpi xmlns:a14="http://schemas.microsoft.com/office/drawing/2010/main" val="0"/>
              </a:ext>
              <a:ext uri="{96DAC541-7B7A-43D3-8B79-37D633B846F1}">
                <asvg:svgBlip xmlns:asvg="http://schemas.microsoft.com/office/drawing/2016/SVG/main" r:embed="rId23"/>
              </a:ext>
            </a:extLst>
          </a:blip>
          <a:stretch>
            <a:fillRect/>
          </a:stretch>
        </p:blipFill>
        <p:spPr>
          <a:xfrm rot="16200000">
            <a:off x="1281078" y="4328636"/>
            <a:ext cx="321279" cy="375984"/>
          </a:xfrm>
          <a:prstGeom prst="rect">
            <a:avLst/>
          </a:prstGeom>
        </p:spPr>
      </p:pic>
      <p:pic>
        <p:nvPicPr>
          <p:cNvPr id="4307" name="Graphic 4306">
            <a:extLst>
              <a:ext uri="{FF2B5EF4-FFF2-40B4-BE49-F238E27FC236}">
                <a16:creationId xmlns:a16="http://schemas.microsoft.com/office/drawing/2014/main" id="{B47E7D35-9495-C1F3-BFBE-8B30D8810CDA}"/>
              </a:ext>
            </a:extLst>
          </p:cNvPr>
          <p:cNvPicPr>
            <a:picLocks noChangeAspect="1"/>
          </p:cNvPicPr>
          <p:nvPr/>
        </p:nvPicPr>
        <p:blipFill>
          <a:blip r:embed="rId22" cstate="hqprint">
            <a:extLst>
              <a:ext uri="{28A0092B-C50C-407E-A947-70E740481C1C}">
                <a14:useLocalDpi xmlns:a14="http://schemas.microsoft.com/office/drawing/2010/main" val="0"/>
              </a:ext>
              <a:ext uri="{96DAC541-7B7A-43D3-8B79-37D633B846F1}">
                <asvg:svgBlip xmlns:asvg="http://schemas.microsoft.com/office/drawing/2016/SVG/main" r:embed="rId23"/>
              </a:ext>
            </a:extLst>
          </a:blip>
          <a:stretch>
            <a:fillRect/>
          </a:stretch>
        </p:blipFill>
        <p:spPr>
          <a:xfrm rot="16200000">
            <a:off x="11785470" y="903633"/>
            <a:ext cx="321279" cy="375984"/>
          </a:xfrm>
          <a:prstGeom prst="rect">
            <a:avLst/>
          </a:prstGeom>
        </p:spPr>
      </p:pic>
      <p:sp>
        <p:nvSpPr>
          <p:cNvPr id="4311" name="Rectangle: Rounded Corners 4310">
            <a:extLst>
              <a:ext uri="{FF2B5EF4-FFF2-40B4-BE49-F238E27FC236}">
                <a16:creationId xmlns:a16="http://schemas.microsoft.com/office/drawing/2014/main" id="{C24D4BF7-58AA-A8AD-1706-D16596E20DFF}"/>
              </a:ext>
            </a:extLst>
          </p:cNvPr>
          <p:cNvSpPr/>
          <p:nvPr/>
        </p:nvSpPr>
        <p:spPr>
          <a:xfrm>
            <a:off x="2479163" y="6111239"/>
            <a:ext cx="8558952" cy="452821"/>
          </a:xfrm>
          <a:prstGeom prst="roundRect">
            <a:avLst>
              <a:gd name="adj" fmla="val 50000"/>
            </a:avLst>
          </a:prstGeom>
          <a:gradFill flip="none" rotWithShape="1">
            <a:gsLst>
              <a:gs pos="0">
                <a:srgbClr val="FFC727">
                  <a:alpha val="34000"/>
                </a:srgbClr>
              </a:gs>
              <a:gs pos="100000">
                <a:srgbClr val="FFC727">
                  <a:alpha val="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313" name="TextBox 4312">
            <a:extLst>
              <a:ext uri="{FF2B5EF4-FFF2-40B4-BE49-F238E27FC236}">
                <a16:creationId xmlns:a16="http://schemas.microsoft.com/office/drawing/2014/main" id="{B39A9586-10BA-9263-839F-BE2F973A7655}"/>
              </a:ext>
            </a:extLst>
          </p:cNvPr>
          <p:cNvSpPr txBox="1"/>
          <p:nvPr/>
        </p:nvSpPr>
        <p:spPr>
          <a:xfrm>
            <a:off x="10060466" y="1589212"/>
            <a:ext cx="1959295" cy="492443"/>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0" i="0" u="none" strike="noStrike" kern="1200" cap="none" spc="0" normalizeH="0" baseline="0" noProof="0">
                <a:ln>
                  <a:noFill/>
                </a:ln>
                <a:solidFill>
                  <a:srgbClr val="ED7D31"/>
                </a:solidFill>
                <a:effectLst/>
                <a:uLnTx/>
                <a:uFillTx/>
                <a:latin typeface="Georgia Pro Cond Semibold" panose="020B0604020202020204" pitchFamily="18" charset="0"/>
                <a:ea typeface="+mn-ea"/>
                <a:cs typeface="Times New Roman" panose="02020603050405020304" pitchFamily="18" charset="0"/>
              </a:rPr>
              <a:t>NEWER </a:t>
            </a:r>
            <a:r>
              <a:rPr kumimoji="0" lang="en-US" sz="1300" b="1" i="0" u="none" strike="noStrike" kern="1200" cap="none" spc="0" normalizeH="0" baseline="0" noProof="0">
                <a:ln>
                  <a:noFill/>
                </a:ln>
                <a:solidFill>
                  <a:srgbClr val="ED7D31"/>
                </a:solidFill>
                <a:effectLst/>
                <a:uLnTx/>
                <a:uFillTx/>
                <a:latin typeface="Georgia Pro Cond Black" panose="02040A06050405020203" pitchFamily="18" charset="0"/>
                <a:ea typeface="+mn-ea"/>
                <a:cs typeface="Times New Roman" panose="02020603050405020304" pitchFamily="18" charset="0"/>
              </a:rPr>
              <a:t>PRECEDENCE</a:t>
            </a:r>
          </a:p>
        </p:txBody>
      </p:sp>
      <p:pic>
        <p:nvPicPr>
          <p:cNvPr id="4314" name="Picture 4313" descr="Map&#10;&#10;Description automatically generated">
            <a:extLst>
              <a:ext uri="{FF2B5EF4-FFF2-40B4-BE49-F238E27FC236}">
                <a16:creationId xmlns:a16="http://schemas.microsoft.com/office/drawing/2014/main" id="{D5BEB874-FF03-F4CC-4003-8FD7028738CB}"/>
              </a:ext>
            </a:extLst>
          </p:cNvPr>
          <p:cNvPicPr>
            <a:picLocks noChangeAspect="1"/>
          </p:cNvPicPr>
          <p:nvPr/>
        </p:nvPicPr>
        <p:blipFill>
          <a:blip r:embed="rId24" cstate="screen">
            <a:duotone>
              <a:schemeClr val="accent1">
                <a:shade val="45000"/>
                <a:satMod val="135000"/>
              </a:schemeClr>
              <a:prstClr val="white"/>
            </a:duotone>
            <a:extLst>
              <a:ext uri="{28A0092B-C50C-407E-A947-70E740481C1C}">
                <a14:useLocalDpi xmlns:a14="http://schemas.microsoft.com/office/drawing/2010/main" val="0"/>
              </a:ext>
            </a:extLst>
          </a:blip>
          <a:stretch>
            <a:fillRect/>
          </a:stretch>
        </p:blipFill>
        <p:spPr>
          <a:xfrm>
            <a:off x="2660022" y="4429918"/>
            <a:ext cx="642934" cy="432324"/>
          </a:xfrm>
          <a:prstGeom prst="rect">
            <a:avLst/>
          </a:prstGeom>
        </p:spPr>
      </p:pic>
      <p:pic>
        <p:nvPicPr>
          <p:cNvPr id="4315" name="Picture 4314" descr="Map&#10;&#10;Description automatically generated">
            <a:extLst>
              <a:ext uri="{FF2B5EF4-FFF2-40B4-BE49-F238E27FC236}">
                <a16:creationId xmlns:a16="http://schemas.microsoft.com/office/drawing/2014/main" id="{B1E3B9C4-27BC-BEC0-1C6A-83EC3D9E4C7C}"/>
              </a:ext>
            </a:extLst>
          </p:cNvPr>
          <p:cNvPicPr>
            <a:picLocks noChangeAspect="1"/>
          </p:cNvPicPr>
          <p:nvPr/>
        </p:nvPicPr>
        <p:blipFill>
          <a:blip r:embed="rId25" cstate="screen">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3812904" y="4367634"/>
            <a:ext cx="568095" cy="632965"/>
          </a:xfrm>
          <a:prstGeom prst="rect">
            <a:avLst/>
          </a:prstGeom>
        </p:spPr>
      </p:pic>
      <p:sp>
        <p:nvSpPr>
          <p:cNvPr id="9" name="TextBox 8">
            <a:extLst>
              <a:ext uri="{FF2B5EF4-FFF2-40B4-BE49-F238E27FC236}">
                <a16:creationId xmlns:a16="http://schemas.microsoft.com/office/drawing/2014/main" id="{4DC926F8-4689-4D9C-5E34-62A716C46DED}"/>
              </a:ext>
            </a:extLst>
          </p:cNvPr>
          <p:cNvSpPr txBox="1"/>
          <p:nvPr/>
        </p:nvSpPr>
        <p:spPr>
          <a:xfrm>
            <a:off x="2538161" y="6129693"/>
            <a:ext cx="8704320" cy="400110"/>
          </a:xfrm>
          <a:prstGeom prst="rect">
            <a:avLst/>
          </a:prstGeom>
          <a:noFill/>
          <a:ln>
            <a:noFill/>
            <a:prstDash val="dash"/>
          </a:ln>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rPr>
              <a:t>Affordable Care Act introduced in 2010.</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rPr>
              <a:t>Aptara and Blue Cross NC </a:t>
            </a:r>
            <a:r>
              <a:rPr kumimoji="0" lang="en-US"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rPr>
              <a:t>formed a tactical and strategic engagement in 2012 to update the Training to comply with the newly introduced Act.</a:t>
            </a:r>
            <a:endParaRPr kumimoji="0" lang="en-IN" sz="1000" b="0" i="0" u="none" strike="noStrike" kern="1200" cap="none" spc="0" normalizeH="0" baseline="0" noProof="0">
              <a:ln>
                <a:noFill/>
              </a:ln>
              <a:solidFill>
                <a:prstClr val="black"/>
              </a:solidFill>
              <a:effectLst/>
              <a:uLnTx/>
              <a:uFillTx/>
              <a:latin typeface="Roboto" panose="02000000000000000000" pitchFamily="2" charset="0"/>
              <a:ea typeface="Roboto" panose="02000000000000000000" pitchFamily="2" charset="0"/>
              <a:cs typeface="Roboto" panose="02000000000000000000" pitchFamily="2" charset="0"/>
            </a:endParaRPr>
          </a:p>
        </p:txBody>
      </p:sp>
      <p:pic>
        <p:nvPicPr>
          <p:cNvPr id="22" name="Picture 21" descr="A picture containing text&#10;&#10;Description automatically generated">
            <a:extLst>
              <a:ext uri="{FF2B5EF4-FFF2-40B4-BE49-F238E27FC236}">
                <a16:creationId xmlns:a16="http://schemas.microsoft.com/office/drawing/2014/main" id="{03DE25F3-3634-3B8D-B293-69D2BB733E32}"/>
              </a:ext>
            </a:extLst>
          </p:cNvPr>
          <p:cNvPicPr>
            <a:picLocks noChangeAspect="1"/>
          </p:cNvPicPr>
          <p:nvPr/>
        </p:nvPicPr>
        <p:blipFill>
          <a:blip r:embed="rId26" cstate="screen">
            <a:extLst>
              <a:ext uri="{28A0092B-C50C-407E-A947-70E740481C1C}">
                <a14:useLocalDpi xmlns:a14="http://schemas.microsoft.com/office/drawing/2010/main" val="0"/>
              </a:ext>
            </a:extLst>
          </a:blip>
          <a:stretch>
            <a:fillRect/>
          </a:stretch>
        </p:blipFill>
        <p:spPr>
          <a:xfrm>
            <a:off x="3771867" y="1068105"/>
            <a:ext cx="1978343" cy="1978343"/>
          </a:xfrm>
          <a:prstGeom prst="rect">
            <a:avLst/>
          </a:prstGeom>
        </p:spPr>
      </p:pic>
      <p:pic>
        <p:nvPicPr>
          <p:cNvPr id="24" name="Picture 23" descr="Icon&#10;&#10;Description automatically generated">
            <a:extLst>
              <a:ext uri="{FF2B5EF4-FFF2-40B4-BE49-F238E27FC236}">
                <a16:creationId xmlns:a16="http://schemas.microsoft.com/office/drawing/2014/main" id="{90E4B26F-F60E-2742-4DD9-ABC63C863CC2}"/>
              </a:ext>
            </a:extLst>
          </p:cNvPr>
          <p:cNvPicPr>
            <a:picLocks noChangeAspect="1"/>
          </p:cNvPicPr>
          <p:nvPr/>
        </p:nvPicPr>
        <p:blipFill rotWithShape="1">
          <a:blip r:embed="rId27" cstate="screen">
            <a:extLst>
              <a:ext uri="{28A0092B-C50C-407E-A947-70E740481C1C}">
                <a14:useLocalDpi xmlns:a14="http://schemas.microsoft.com/office/drawing/2010/main" val="0"/>
              </a:ext>
            </a:extLst>
          </a:blip>
          <a:srcRect b="37905"/>
          <a:stretch/>
        </p:blipFill>
        <p:spPr>
          <a:xfrm>
            <a:off x="7715047" y="114946"/>
            <a:ext cx="1133313" cy="261534"/>
          </a:xfrm>
          <a:prstGeom prst="rect">
            <a:avLst/>
          </a:prstGeom>
          <a:solidFill>
            <a:srgbClr val="01307C"/>
          </a:solidFill>
        </p:spPr>
      </p:pic>
      <p:sp>
        <p:nvSpPr>
          <p:cNvPr id="36" name="Rectangle: Top Corners Rounded 35">
            <a:extLst>
              <a:ext uri="{FF2B5EF4-FFF2-40B4-BE49-F238E27FC236}">
                <a16:creationId xmlns:a16="http://schemas.microsoft.com/office/drawing/2014/main" id="{F9FD2651-3D60-BBF5-E5E8-9C4784A9CB2A}"/>
              </a:ext>
            </a:extLst>
          </p:cNvPr>
          <p:cNvSpPr/>
          <p:nvPr/>
        </p:nvSpPr>
        <p:spPr>
          <a:xfrm rot="5400000">
            <a:off x="1161597" y="-948669"/>
            <a:ext cx="988027" cy="3311217"/>
          </a:xfrm>
          <a:prstGeom prst="round2SameRect">
            <a:avLst>
              <a:gd name="adj1" fmla="val 33119"/>
              <a:gd name="adj2" fmla="val 0"/>
            </a:avLst>
          </a:prstGeom>
          <a:solidFill>
            <a:srgbClr val="000000">
              <a:alpha val="25098"/>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7" name="Rectangle: Top Corners Rounded 36">
            <a:extLst>
              <a:ext uri="{FF2B5EF4-FFF2-40B4-BE49-F238E27FC236}">
                <a16:creationId xmlns:a16="http://schemas.microsoft.com/office/drawing/2014/main" id="{C87E619F-857E-2C41-5333-1F7D30AA40C6}"/>
              </a:ext>
            </a:extLst>
          </p:cNvPr>
          <p:cNvSpPr/>
          <p:nvPr/>
        </p:nvSpPr>
        <p:spPr>
          <a:xfrm rot="5400000">
            <a:off x="1190883" y="-995524"/>
            <a:ext cx="922406" cy="3318265"/>
          </a:xfrm>
          <a:prstGeom prst="round2SameRect">
            <a:avLst>
              <a:gd name="adj1" fmla="val 33119"/>
              <a:gd name="adj2" fmla="val 0"/>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9" name="Picture 38" descr="A picture containing text&#10;&#10;Description automatically generated">
            <a:extLst>
              <a:ext uri="{FF2B5EF4-FFF2-40B4-BE49-F238E27FC236}">
                <a16:creationId xmlns:a16="http://schemas.microsoft.com/office/drawing/2014/main" id="{7D6B0A47-1F61-75DF-A0E4-18A2A644CC74}"/>
              </a:ext>
            </a:extLst>
          </p:cNvPr>
          <p:cNvPicPr>
            <a:picLocks noChangeAspect="1"/>
          </p:cNvPicPr>
          <p:nvPr/>
        </p:nvPicPr>
        <p:blipFill>
          <a:blip r:embed="rId28" cstate="screen">
            <a:extLst>
              <a:ext uri="{28A0092B-C50C-407E-A947-70E740481C1C}">
                <a14:useLocalDpi xmlns:a14="http://schemas.microsoft.com/office/drawing/2010/main" val="0"/>
              </a:ext>
            </a:extLst>
          </a:blip>
          <a:stretch>
            <a:fillRect/>
          </a:stretch>
        </p:blipFill>
        <p:spPr>
          <a:xfrm>
            <a:off x="1943786" y="460558"/>
            <a:ext cx="1239304" cy="371790"/>
          </a:xfrm>
          <a:prstGeom prst="rect">
            <a:avLst/>
          </a:prstGeom>
        </p:spPr>
      </p:pic>
      <p:sp>
        <p:nvSpPr>
          <p:cNvPr id="40" name="TextBox 39">
            <a:extLst>
              <a:ext uri="{FF2B5EF4-FFF2-40B4-BE49-F238E27FC236}">
                <a16:creationId xmlns:a16="http://schemas.microsoft.com/office/drawing/2014/main" id="{92C78C0E-6875-773D-DC32-AD6D18FD41D1}"/>
              </a:ext>
            </a:extLst>
          </p:cNvPr>
          <p:cNvSpPr txBox="1"/>
          <p:nvPr/>
        </p:nvSpPr>
        <p:spPr>
          <a:xfrm>
            <a:off x="1690086" y="384843"/>
            <a:ext cx="227393" cy="523220"/>
          </a:xfrm>
          <a:prstGeom prst="rect">
            <a:avLst/>
          </a:prstGeom>
          <a:noFill/>
        </p:spPr>
        <p:txBody>
          <a:bodyPr wrap="square" rtlCol="0">
            <a:spAutoFit/>
          </a:bodyPr>
          <a:lstStyle/>
          <a:p>
            <a:pPr algn="ctr"/>
            <a:r>
              <a:rPr lang="en-IN" sz="2800">
                <a:latin typeface="Arial Rounded MT Bold" panose="020F0704030504030204" pitchFamily="34" charset="0"/>
              </a:rPr>
              <a:t>+</a:t>
            </a:r>
          </a:p>
        </p:txBody>
      </p:sp>
      <p:sp>
        <p:nvSpPr>
          <p:cNvPr id="42" name="TextBox 41">
            <a:extLst>
              <a:ext uri="{FF2B5EF4-FFF2-40B4-BE49-F238E27FC236}">
                <a16:creationId xmlns:a16="http://schemas.microsoft.com/office/drawing/2014/main" id="{F10F1638-9BB2-316E-AB13-642586E55BFB}"/>
              </a:ext>
            </a:extLst>
          </p:cNvPr>
          <p:cNvSpPr txBox="1"/>
          <p:nvPr/>
        </p:nvSpPr>
        <p:spPr>
          <a:xfrm>
            <a:off x="51341" y="666890"/>
            <a:ext cx="1635105" cy="338554"/>
          </a:xfrm>
          <a:prstGeom prst="rect">
            <a:avLst/>
          </a:prstGeom>
          <a:noFill/>
        </p:spPr>
        <p:txBody>
          <a:bodyPr wrap="square" rtlCol="0">
            <a:spAutoFit/>
          </a:bodyPr>
          <a:lstStyle>
            <a:defPPr>
              <a:defRPr lang="en-US"/>
            </a:defPPr>
            <a:lvl1pPr>
              <a:defRPr sz="4800">
                <a:solidFill>
                  <a:schemeClr val="accent5">
                    <a:lumMod val="50000"/>
                  </a:schemeClr>
                </a:solidFill>
                <a:latin typeface="Georgia Pro Cond Semibold" panose="020B0604020202020204" pitchFamily="18" charset="0"/>
                <a:cs typeface="Times New Roman" panose="02020603050405020304" pitchFamily="18" charset="0"/>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IN" sz="1600" b="1" i="0" u="none" strike="noStrike" kern="1200" cap="none" spc="0" normalizeH="0" baseline="0" noProof="0">
                <a:ln>
                  <a:noFill/>
                </a:ln>
                <a:solidFill>
                  <a:srgbClr val="008BCC"/>
                </a:solidFill>
                <a:effectLst/>
                <a:uLnTx/>
                <a:uFillTx/>
                <a:latin typeface="Roboto" panose="02000000000000000000" pitchFamily="2" charset="0"/>
                <a:ea typeface="Roboto" panose="02000000000000000000" pitchFamily="2" charset="0"/>
                <a:cs typeface="Roboto" panose="02000000000000000000" pitchFamily="2" charset="0"/>
              </a:rPr>
              <a:t>North Carolina</a:t>
            </a:r>
          </a:p>
        </p:txBody>
      </p:sp>
      <p:pic>
        <p:nvPicPr>
          <p:cNvPr id="43" name="Graphic 42">
            <a:extLst>
              <a:ext uri="{FF2B5EF4-FFF2-40B4-BE49-F238E27FC236}">
                <a16:creationId xmlns:a16="http://schemas.microsoft.com/office/drawing/2014/main" id="{0E48F561-774D-70C7-7BD5-02EA3A6249BE}"/>
              </a:ext>
            </a:extLst>
          </p:cNvPr>
          <p:cNvPicPr>
            <a:picLocks noChangeAspect="1"/>
          </p:cNvPicPr>
          <p:nvPr/>
        </p:nvPicPr>
        <p:blipFill>
          <a:blip r:embed="rId29" cstate="hqprint">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247896" y="413892"/>
            <a:ext cx="1277484" cy="266142"/>
          </a:xfrm>
          <a:prstGeom prst="rect">
            <a:avLst/>
          </a:prstGeom>
        </p:spPr>
      </p:pic>
      <p:cxnSp>
        <p:nvCxnSpPr>
          <p:cNvPr id="2" name="Straight Connector 1">
            <a:extLst>
              <a:ext uri="{FF2B5EF4-FFF2-40B4-BE49-F238E27FC236}">
                <a16:creationId xmlns:a16="http://schemas.microsoft.com/office/drawing/2014/main" id="{F1EB7FF5-AF05-B807-E584-471AC5B20419}"/>
              </a:ext>
            </a:extLst>
          </p:cNvPr>
          <p:cNvCxnSpPr>
            <a:cxnSpLocks/>
          </p:cNvCxnSpPr>
          <p:nvPr/>
        </p:nvCxnSpPr>
        <p:spPr>
          <a:xfrm rot="16200000">
            <a:off x="11591865" y="6661765"/>
            <a:ext cx="153787" cy="0"/>
          </a:xfrm>
          <a:prstGeom prst="line">
            <a:avLst/>
          </a:prstGeom>
          <a:ln>
            <a:solidFill>
              <a:schemeClr val="bg1"/>
            </a:solidFill>
          </a:ln>
        </p:spPr>
        <p:style>
          <a:lnRef idx="2">
            <a:schemeClr val="accent1"/>
          </a:lnRef>
          <a:fillRef idx="0">
            <a:schemeClr val="accent1"/>
          </a:fillRef>
          <a:effectRef idx="1">
            <a:schemeClr val="accent1"/>
          </a:effectRef>
          <a:fontRef idx="minor">
            <a:schemeClr val="tx1"/>
          </a:fontRef>
        </p:style>
      </p:cxnSp>
      <p:pic>
        <p:nvPicPr>
          <p:cNvPr id="3" name="Picture 2" descr="A black and blue logo&#10;&#10;Description automatically generated">
            <a:extLst>
              <a:ext uri="{FF2B5EF4-FFF2-40B4-BE49-F238E27FC236}">
                <a16:creationId xmlns:a16="http://schemas.microsoft.com/office/drawing/2014/main" id="{117EE15F-0A04-10F1-533D-F44BC362D6A2}"/>
              </a:ext>
            </a:extLst>
          </p:cNvPr>
          <p:cNvPicPr>
            <a:picLocks noChangeAspect="1"/>
          </p:cNvPicPr>
          <p:nvPr/>
        </p:nvPicPr>
        <p:blipFill rotWithShape="1">
          <a:blip r:embed="rId31" cstate="hqprint">
            <a:biLevel thresh="25000"/>
            <a:extLst>
              <a:ext uri="{28A0092B-C50C-407E-A947-70E740481C1C}">
                <a14:useLocalDpi xmlns:a14="http://schemas.microsoft.com/office/drawing/2010/main" val="0"/>
              </a:ext>
            </a:extLst>
          </a:blip>
          <a:srcRect l="6855" t="1709"/>
          <a:stretch/>
        </p:blipFill>
        <p:spPr>
          <a:xfrm>
            <a:off x="10928689" y="6550920"/>
            <a:ext cx="656862" cy="207945"/>
          </a:xfrm>
          <a:prstGeom prst="rect">
            <a:avLst/>
          </a:prstGeom>
        </p:spPr>
      </p:pic>
      <p:sp>
        <p:nvSpPr>
          <p:cNvPr id="4" name="Slide Number Placeholder 5">
            <a:extLst>
              <a:ext uri="{FF2B5EF4-FFF2-40B4-BE49-F238E27FC236}">
                <a16:creationId xmlns:a16="http://schemas.microsoft.com/office/drawing/2014/main" id="{31ADD505-FD8D-61F1-47DA-E109E97416F3}"/>
              </a:ext>
            </a:extLst>
          </p:cNvPr>
          <p:cNvSpPr txBox="1">
            <a:spLocks/>
          </p:cNvSpPr>
          <p:nvPr/>
        </p:nvSpPr>
        <p:spPr>
          <a:xfrm>
            <a:off x="11704318" y="6469966"/>
            <a:ext cx="462279" cy="365125"/>
          </a:xfrm>
          <a:prstGeom prst="rect">
            <a:avLst/>
          </a:prstGeom>
        </p:spPr>
        <p:txBody>
          <a:bodyPr vert="horz" lIns="91440" tIns="45720" rIns="91440" bIns="45720" rtlCol="0" anchor="ctr"/>
          <a:lstStyle>
            <a:defPPr>
              <a:defRPr lang="en-US"/>
            </a:defPPr>
            <a:lvl1pPr marL="0" algn="l" defTabSz="914400" rtl="0" eaLnBrk="1" latinLnBrk="0" hangingPunct="1">
              <a:defRPr sz="1050" kern="1200">
                <a:solidFill>
                  <a:schemeClr val="tx1">
                    <a:tint val="82000"/>
                  </a:schemeClr>
                </a:solidFill>
                <a:latin typeface="Roboto" panose="02000000000000000000" pitchFamily="2" charset="0"/>
                <a:ea typeface="Roboto" panose="02000000000000000000" pitchFamily="2" charset="0"/>
                <a:cs typeface="Roboto" panose="02000000000000000000" pitchFamily="2"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C150780B-7B8E-48D2-81A7-58E396A0D346}" type="slidenum">
              <a:rPr lang="en-IN" sz="1000" smtClean="0">
                <a:solidFill>
                  <a:schemeClr val="bg1"/>
                </a:solidFill>
              </a:rPr>
              <a:pPr/>
              <a:t>19</a:t>
            </a:fld>
            <a:endParaRPr lang="en-IN" sz="1000">
              <a:solidFill>
                <a:schemeClr val="bg1"/>
              </a:solidFill>
            </a:endParaRPr>
          </a:p>
        </p:txBody>
      </p:sp>
      <p:grpSp>
        <p:nvGrpSpPr>
          <p:cNvPr id="10" name="Group 9">
            <a:extLst>
              <a:ext uri="{FF2B5EF4-FFF2-40B4-BE49-F238E27FC236}">
                <a16:creationId xmlns:a16="http://schemas.microsoft.com/office/drawing/2014/main" id="{AF2030AE-D6C3-FD8A-406B-B52C7FBE1984}"/>
              </a:ext>
            </a:extLst>
          </p:cNvPr>
          <p:cNvGrpSpPr/>
          <p:nvPr/>
        </p:nvGrpSpPr>
        <p:grpSpPr>
          <a:xfrm>
            <a:off x="10981564" y="233285"/>
            <a:ext cx="896870" cy="167744"/>
            <a:chOff x="5498460" y="7094800"/>
            <a:chExt cx="1273175" cy="238125"/>
          </a:xfrm>
        </p:grpSpPr>
        <p:sp>
          <p:nvSpPr>
            <p:cNvPr id="11" name="AutoShape 3">
              <a:extLst>
                <a:ext uri="{FF2B5EF4-FFF2-40B4-BE49-F238E27FC236}">
                  <a16:creationId xmlns:a16="http://schemas.microsoft.com/office/drawing/2014/main" id="{2FD5858C-C303-4B9E-9E19-4CCF0E14CC27}"/>
                </a:ext>
              </a:extLst>
            </p:cNvPr>
            <p:cNvSpPr>
              <a:spLocks noChangeAspect="1" noChangeArrowheads="1" noTextEdit="1"/>
            </p:cNvSpPr>
            <p:nvPr/>
          </p:nvSpPr>
          <p:spPr bwMode="auto">
            <a:xfrm>
              <a:off x="5498461" y="7094800"/>
              <a:ext cx="1273174" cy="23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4" name="Freeform 5">
              <a:extLst>
                <a:ext uri="{FF2B5EF4-FFF2-40B4-BE49-F238E27FC236}">
                  <a16:creationId xmlns:a16="http://schemas.microsoft.com/office/drawing/2014/main" id="{BE26AE11-522F-CCD2-6743-27471060F89D}"/>
                </a:ext>
              </a:extLst>
            </p:cNvPr>
            <p:cNvSpPr>
              <a:spLocks noEditPoints="1"/>
            </p:cNvSpPr>
            <p:nvPr/>
          </p:nvSpPr>
          <p:spPr bwMode="auto">
            <a:xfrm>
              <a:off x="5498461"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0" name="Freeform 6">
              <a:extLst>
                <a:ext uri="{FF2B5EF4-FFF2-40B4-BE49-F238E27FC236}">
                  <a16:creationId xmlns:a16="http://schemas.microsoft.com/office/drawing/2014/main" id="{8C23E59E-4BD4-4F9A-C6EB-3D4811FA05D5}"/>
                </a:ext>
              </a:extLst>
            </p:cNvPr>
            <p:cNvSpPr>
              <a:spLocks noEditPoints="1"/>
            </p:cNvSpPr>
            <p:nvPr/>
          </p:nvSpPr>
          <p:spPr bwMode="auto">
            <a:xfrm>
              <a:off x="5752461" y="7097976"/>
              <a:ext cx="163512" cy="234949"/>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1" name="Freeform 7">
              <a:extLst>
                <a:ext uri="{FF2B5EF4-FFF2-40B4-BE49-F238E27FC236}">
                  <a16:creationId xmlns:a16="http://schemas.microsoft.com/office/drawing/2014/main" id="{181DF0D6-F234-2D5F-DD44-A74FAB7DB2CA}"/>
                </a:ext>
              </a:extLst>
            </p:cNvPr>
            <p:cNvSpPr>
              <a:spLocks/>
            </p:cNvSpPr>
            <p:nvPr/>
          </p:nvSpPr>
          <p:spPr bwMode="auto">
            <a:xfrm>
              <a:off x="5933437" y="7097976"/>
              <a:ext cx="201612" cy="234949"/>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5" name="Freeform 8">
              <a:extLst>
                <a:ext uri="{FF2B5EF4-FFF2-40B4-BE49-F238E27FC236}">
                  <a16:creationId xmlns:a16="http://schemas.microsoft.com/office/drawing/2014/main" id="{7688CBBF-9F26-90DE-49F5-4AFA9703D4B5}"/>
                </a:ext>
              </a:extLst>
            </p:cNvPr>
            <p:cNvSpPr>
              <a:spLocks noEditPoints="1"/>
            </p:cNvSpPr>
            <p:nvPr/>
          </p:nvSpPr>
          <p:spPr bwMode="auto">
            <a:xfrm>
              <a:off x="6358885" y="7097976"/>
              <a:ext cx="174625" cy="234949"/>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6" name="Freeform 9">
              <a:extLst>
                <a:ext uri="{FF2B5EF4-FFF2-40B4-BE49-F238E27FC236}">
                  <a16:creationId xmlns:a16="http://schemas.microsoft.com/office/drawing/2014/main" id="{F1998E38-8710-1FDE-0B88-9EF50C79DFDD}"/>
                </a:ext>
              </a:extLst>
            </p:cNvPr>
            <p:cNvSpPr>
              <a:spLocks noEditPoints="1"/>
            </p:cNvSpPr>
            <p:nvPr/>
          </p:nvSpPr>
          <p:spPr bwMode="auto">
            <a:xfrm>
              <a:off x="6552559"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7" name="Freeform 10">
              <a:extLst>
                <a:ext uri="{FF2B5EF4-FFF2-40B4-BE49-F238E27FC236}">
                  <a16:creationId xmlns:a16="http://schemas.microsoft.com/office/drawing/2014/main" id="{2E778BA0-99A2-C64E-7A1D-114163CAF7E9}"/>
                </a:ext>
              </a:extLst>
            </p:cNvPr>
            <p:cNvSpPr>
              <a:spLocks/>
            </p:cNvSpPr>
            <p:nvPr/>
          </p:nvSpPr>
          <p:spPr bwMode="auto">
            <a:xfrm>
              <a:off x="6104884"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8" name="Freeform 11">
              <a:extLst>
                <a:ext uri="{FF2B5EF4-FFF2-40B4-BE49-F238E27FC236}">
                  <a16:creationId xmlns:a16="http://schemas.microsoft.com/office/drawing/2014/main" id="{D728631E-3D03-DB2F-5CBC-FF745A4C3972}"/>
                </a:ext>
              </a:extLst>
            </p:cNvPr>
            <p:cNvSpPr>
              <a:spLocks noEditPoints="1"/>
            </p:cNvSpPr>
            <p:nvPr/>
          </p:nvSpPr>
          <p:spPr bwMode="auto">
            <a:xfrm>
              <a:off x="5498460"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29" name="Freeform 12">
              <a:extLst>
                <a:ext uri="{FF2B5EF4-FFF2-40B4-BE49-F238E27FC236}">
                  <a16:creationId xmlns:a16="http://schemas.microsoft.com/office/drawing/2014/main" id="{3DE136B2-9CF7-C3D2-3142-347136486F12}"/>
                </a:ext>
              </a:extLst>
            </p:cNvPr>
            <p:cNvSpPr>
              <a:spLocks noEditPoints="1"/>
            </p:cNvSpPr>
            <p:nvPr/>
          </p:nvSpPr>
          <p:spPr bwMode="auto">
            <a:xfrm>
              <a:off x="5752459" y="7097976"/>
              <a:ext cx="163512" cy="234949"/>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0" name="Freeform 13">
              <a:extLst>
                <a:ext uri="{FF2B5EF4-FFF2-40B4-BE49-F238E27FC236}">
                  <a16:creationId xmlns:a16="http://schemas.microsoft.com/office/drawing/2014/main" id="{25D4D7C2-9A22-4D45-6504-2DB7ABEDBB3F}"/>
                </a:ext>
              </a:extLst>
            </p:cNvPr>
            <p:cNvSpPr>
              <a:spLocks/>
            </p:cNvSpPr>
            <p:nvPr/>
          </p:nvSpPr>
          <p:spPr bwMode="auto">
            <a:xfrm>
              <a:off x="5933435" y="7097976"/>
              <a:ext cx="201612" cy="234949"/>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1" name="Freeform 14">
              <a:extLst>
                <a:ext uri="{FF2B5EF4-FFF2-40B4-BE49-F238E27FC236}">
                  <a16:creationId xmlns:a16="http://schemas.microsoft.com/office/drawing/2014/main" id="{9820F2D8-EDF2-00FC-09E3-8A019F8624C5}"/>
                </a:ext>
              </a:extLst>
            </p:cNvPr>
            <p:cNvSpPr>
              <a:spLocks noEditPoints="1"/>
            </p:cNvSpPr>
            <p:nvPr/>
          </p:nvSpPr>
          <p:spPr bwMode="auto">
            <a:xfrm>
              <a:off x="6358883" y="7097976"/>
              <a:ext cx="174625" cy="234949"/>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032" name="Freeform 15">
              <a:extLst>
                <a:ext uri="{FF2B5EF4-FFF2-40B4-BE49-F238E27FC236}">
                  <a16:creationId xmlns:a16="http://schemas.microsoft.com/office/drawing/2014/main" id="{44F296E0-0CB9-4225-76B5-1F6C9D343514}"/>
                </a:ext>
              </a:extLst>
            </p:cNvPr>
            <p:cNvSpPr>
              <a:spLocks noEditPoints="1"/>
            </p:cNvSpPr>
            <p:nvPr/>
          </p:nvSpPr>
          <p:spPr bwMode="auto">
            <a:xfrm>
              <a:off x="6552554" y="7094800"/>
              <a:ext cx="219074"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033" name="Freeform 16">
              <a:extLst>
                <a:ext uri="{FF2B5EF4-FFF2-40B4-BE49-F238E27FC236}">
                  <a16:creationId xmlns:a16="http://schemas.microsoft.com/office/drawing/2014/main" id="{EE371079-65FC-A13B-BA30-0518AECB4786}"/>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005A84"/>
            </a:solidFill>
            <a:ln>
              <a:noFill/>
            </a:ln>
          </p:spPr>
          <p:txBody>
            <a:bodyPr vert="horz" wrap="square" lIns="91440" tIns="45720" rIns="91440" bIns="45720" numCol="1" anchor="t" anchorCtr="0" compatLnSpc="1">
              <a:prstTxWarp prst="textNoShape">
                <a:avLst/>
              </a:prstTxWarp>
            </a:bodyPr>
            <a:lstStyle/>
            <a:p>
              <a:endParaRPr lang="en-US"/>
            </a:p>
          </p:txBody>
        </p:sp>
      </p:grpSp>
    </p:spTree>
    <p:custDataLst>
      <p:tags r:id="rId1"/>
    </p:custDataLst>
    <p:extLst>
      <p:ext uri="{BB962C8B-B14F-4D97-AF65-F5344CB8AC3E}">
        <p14:creationId xmlns:p14="http://schemas.microsoft.com/office/powerpoint/2010/main" val="259389623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6B6952E-D7B6-F8A5-4AB3-EEC14ABB9592}"/>
              </a:ext>
            </a:extLst>
          </p:cNvPr>
          <p:cNvSpPr>
            <a:spLocks noGrp="1"/>
          </p:cNvSpPr>
          <p:nvPr>
            <p:ph type="title"/>
          </p:nvPr>
        </p:nvSpPr>
        <p:spPr/>
        <p:txBody>
          <a:bodyPr/>
          <a:lstStyle/>
          <a:p>
            <a:r>
              <a:rPr lang="en-IN"/>
              <a:t>Showreel</a:t>
            </a:r>
          </a:p>
        </p:txBody>
      </p:sp>
      <p:pic>
        <p:nvPicPr>
          <p:cNvPr id="4" name="Online Media 2">
            <a:hlinkClick r:id="" action="ppaction://media"/>
            <a:extLst>
              <a:ext uri="{FF2B5EF4-FFF2-40B4-BE49-F238E27FC236}">
                <a16:creationId xmlns:a16="http://schemas.microsoft.com/office/drawing/2014/main" id="{B7528FFA-B6AE-C3A6-9A93-103C76935DEA}"/>
              </a:ext>
            </a:extLst>
          </p:cNvPr>
          <p:cNvPicPr>
            <a:picLocks noRot="1" noChangeAspect="1"/>
          </p:cNvPicPr>
          <p:nvPr>
            <a:videoFile r:link="rId1"/>
          </p:nvPr>
        </p:nvPicPr>
        <p:blipFill>
          <a:blip r:embed="rId3">
            <a:extLst>
              <a:ext uri="{28A0092B-C50C-407E-A947-70E740481C1C}">
                <a14:useLocalDpi xmlns:a14="http://schemas.microsoft.com/office/drawing/2010/main" val="0"/>
              </a:ext>
            </a:extLst>
          </a:blip>
          <a:srcRect/>
          <a:stretch/>
        </p:blipFill>
        <p:spPr>
          <a:xfrm>
            <a:off x="1528558" y="1194111"/>
            <a:ext cx="9134884" cy="5138372"/>
          </a:xfrm>
          <a:prstGeom prst="rect">
            <a:avLst/>
          </a:prstGeom>
          <a:effectLst>
            <a:outerShdw blurRad="63500" sx="103000" sy="103000" algn="ctr" rotWithShape="0">
              <a:prstClr val="black">
                <a:alpha val="5000"/>
              </a:prstClr>
            </a:outerShdw>
          </a:effectLst>
        </p:spPr>
      </p:pic>
    </p:spTree>
    <p:extLst>
      <p:ext uri="{BB962C8B-B14F-4D97-AF65-F5344CB8AC3E}">
        <p14:creationId xmlns:p14="http://schemas.microsoft.com/office/powerpoint/2010/main" val="40173724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4"/>
                    </p:tgtEl>
                  </p:cond>
                </p:stCondLst>
                <p:endSync evt="end" delay="0">
                  <p:rtn val="all"/>
                </p:endSync>
                <p:childTnLst>
                  <p:par>
                    <p:cTn id="8" fill="hold">
                      <p:stCondLst>
                        <p:cond delay="0"/>
                      </p:stCondLst>
                      <p:childTnLst>
                        <p:par>
                          <p:cTn id="9" fill="hold">
                            <p:stCondLst>
                              <p:cond delay="0"/>
                            </p:stCondLst>
                            <p:childTnLst>
                              <p:par>
                                <p:cTn id="10" presetID="2" presetClass="mediacall" presetSubtype="0" fill="hold" nodeType="clickEffect">
                                  <p:stCondLst>
                                    <p:cond delay="0"/>
                                  </p:stCondLst>
                                  <p:childTnLst>
                                    <p:cmd type="call" cmd="togglePause">
                                      <p:cBhvr>
                                        <p:cTn id="11" dur="1" fill="hold"/>
                                        <p:tgtEl>
                                          <p:spTgt spid="4"/>
                                        </p:tgtEl>
                                      </p:cBhvr>
                                    </p:cmd>
                                  </p:childTnLst>
                                </p:cTn>
                              </p:par>
                            </p:childTnLst>
                          </p:cTn>
                        </p:par>
                      </p:childTnLst>
                    </p:cTn>
                  </p:par>
                </p:childTnLst>
              </p:cTn>
              <p:nextCondLst>
                <p:cond evt="onClick" delay="0">
                  <p:tgtEl>
                    <p:spTgt spid="4"/>
                  </p:tgtEl>
                </p:cond>
              </p:nextCondLst>
            </p:seq>
            <p:video>
              <p:cMediaNode vol="80000">
                <p:cTn id="12" fill="hold" display="0">
                  <p:stCondLst>
                    <p:cond delay="indefinite"/>
                  </p:stCondLst>
                </p:cTn>
                <p:tgtEl>
                  <p:spTgt spid="4"/>
                </p:tgtEl>
              </p:cMediaNode>
            </p:video>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088D774D-47F6-C63F-C475-F13FB2CF9BB9}"/>
              </a:ext>
            </a:extLst>
          </p:cNvPr>
          <p:cNvSpPr/>
          <p:nvPr/>
        </p:nvSpPr>
        <p:spPr>
          <a:xfrm>
            <a:off x="0" y="0"/>
            <a:ext cx="12192000" cy="6858000"/>
          </a:xfrm>
          <a:prstGeom prst="rect">
            <a:avLst/>
          </a:prstGeom>
          <a:gradFill>
            <a:gsLst>
              <a:gs pos="0">
                <a:srgbClr val="00266D"/>
              </a:gs>
              <a:gs pos="70000">
                <a:srgbClr val="013888"/>
              </a:gs>
            </a:gsLst>
            <a:lin ang="126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47" name="Picture 46">
            <a:extLst>
              <a:ext uri="{FF2B5EF4-FFF2-40B4-BE49-F238E27FC236}">
                <a16:creationId xmlns:a16="http://schemas.microsoft.com/office/drawing/2014/main" id="{DF08882C-AC37-4248-E4B5-D55E6B3AF215}"/>
              </a:ext>
            </a:extLst>
          </p:cNvPr>
          <p:cNvPicPr>
            <a:picLocks noChangeAspect="1"/>
          </p:cNvPicPr>
          <p:nvPr/>
        </p:nvPicPr>
        <p:blipFill>
          <a:blip r:embed="rId4" cstate="screen">
            <a:extLst>
              <a:ext uri="{28A0092B-C50C-407E-A947-70E740481C1C}">
                <a14:useLocalDpi xmlns:a14="http://schemas.microsoft.com/office/drawing/2010/main" val="0"/>
              </a:ext>
            </a:extLst>
          </a:blip>
          <a:stretch>
            <a:fillRect/>
          </a:stretch>
        </p:blipFill>
        <p:spPr>
          <a:xfrm>
            <a:off x="9508556" y="675658"/>
            <a:ext cx="2276289" cy="119082"/>
          </a:xfrm>
          <a:prstGeom prst="rect">
            <a:avLst/>
          </a:prstGeom>
        </p:spPr>
      </p:pic>
      <p:grpSp>
        <p:nvGrpSpPr>
          <p:cNvPr id="9" name="Group 8">
            <a:extLst>
              <a:ext uri="{FF2B5EF4-FFF2-40B4-BE49-F238E27FC236}">
                <a16:creationId xmlns:a16="http://schemas.microsoft.com/office/drawing/2014/main" id="{D96C26E5-B152-E43E-6227-B82E4C47139B}"/>
              </a:ext>
            </a:extLst>
          </p:cNvPr>
          <p:cNvGrpSpPr/>
          <p:nvPr/>
        </p:nvGrpSpPr>
        <p:grpSpPr>
          <a:xfrm>
            <a:off x="-59402" y="2344900"/>
            <a:ext cx="2486940" cy="1374859"/>
            <a:chOff x="37984" y="1745639"/>
            <a:chExt cx="3175310" cy="1755412"/>
          </a:xfrm>
        </p:grpSpPr>
        <p:grpSp>
          <p:nvGrpSpPr>
            <p:cNvPr id="10" name="Graphic 4175">
              <a:extLst>
                <a:ext uri="{FF2B5EF4-FFF2-40B4-BE49-F238E27FC236}">
                  <a16:creationId xmlns:a16="http://schemas.microsoft.com/office/drawing/2014/main" id="{F73DDCAE-AE08-8A49-DDCD-56AD32FF955A}"/>
                </a:ext>
              </a:extLst>
            </p:cNvPr>
            <p:cNvGrpSpPr/>
            <p:nvPr/>
          </p:nvGrpSpPr>
          <p:grpSpPr>
            <a:xfrm>
              <a:off x="531501" y="1745639"/>
              <a:ext cx="2681793" cy="556205"/>
              <a:chOff x="531501" y="1745639"/>
              <a:chExt cx="2681793" cy="556205"/>
            </a:xfrm>
            <a:noFill/>
          </p:grpSpPr>
          <p:sp>
            <p:nvSpPr>
              <p:cNvPr id="4266" name="Freeform: Shape 4265">
                <a:extLst>
                  <a:ext uri="{FF2B5EF4-FFF2-40B4-BE49-F238E27FC236}">
                    <a16:creationId xmlns:a16="http://schemas.microsoft.com/office/drawing/2014/main" id="{09036C58-0B69-70B1-2927-FFF9DF187931}"/>
                  </a:ext>
                </a:extLst>
              </p:cNvPr>
              <p:cNvSpPr/>
              <p:nvPr/>
            </p:nvSpPr>
            <p:spPr>
              <a:xfrm>
                <a:off x="1421586" y="1745639"/>
                <a:ext cx="629823" cy="133578"/>
              </a:xfrm>
              <a:custGeom>
                <a:avLst/>
                <a:gdLst>
                  <a:gd name="connsiteX0" fmla="*/ 496819 w 629823"/>
                  <a:gd name="connsiteY0" fmla="*/ 52917 h 133578"/>
                  <a:gd name="connsiteX1" fmla="*/ 409869 w 629823"/>
                  <a:gd name="connsiteY1" fmla="*/ 123 h 133578"/>
                  <a:gd name="connsiteX2" fmla="*/ 322964 w 629823"/>
                  <a:gd name="connsiteY2" fmla="*/ 61965 h 133578"/>
                  <a:gd name="connsiteX3" fmla="*/ 260896 w 629823"/>
                  <a:gd name="connsiteY3" fmla="*/ 58843 h 133578"/>
                  <a:gd name="connsiteX4" fmla="*/ 192584 w 629823"/>
                  <a:gd name="connsiteY4" fmla="*/ 89878 h 133578"/>
                  <a:gd name="connsiteX5" fmla="*/ 149154 w 629823"/>
                  <a:gd name="connsiteY5" fmla="*/ 89878 h 133578"/>
                  <a:gd name="connsiteX6" fmla="*/ 87041 w 629823"/>
                  <a:gd name="connsiteY6" fmla="*/ 117836 h 133578"/>
                  <a:gd name="connsiteX7" fmla="*/ 41801 w 629823"/>
                  <a:gd name="connsiteY7" fmla="*/ 122359 h 133578"/>
                  <a:gd name="connsiteX8" fmla="*/ 0 w 629823"/>
                  <a:gd name="connsiteY8" fmla="*/ 133579 h 133578"/>
                  <a:gd name="connsiteX9" fmla="*/ 629823 w 629823"/>
                  <a:gd name="connsiteY9" fmla="*/ 133579 h 133578"/>
                  <a:gd name="connsiteX10" fmla="*/ 589922 w 629823"/>
                  <a:gd name="connsiteY10" fmla="*/ 71465 h 133578"/>
                  <a:gd name="connsiteX11" fmla="*/ 496819 w 629823"/>
                  <a:gd name="connsiteY11" fmla="*/ 52917 h 13357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629823" h="133578">
                    <a:moveTo>
                      <a:pt x="496819" y="52917"/>
                    </a:moveTo>
                    <a:cubicBezTo>
                      <a:pt x="496819" y="52917"/>
                      <a:pt x="462664" y="-2954"/>
                      <a:pt x="409869" y="123"/>
                    </a:cubicBezTo>
                    <a:cubicBezTo>
                      <a:pt x="357075" y="3199"/>
                      <a:pt x="338481" y="37219"/>
                      <a:pt x="322964" y="61965"/>
                    </a:cubicBezTo>
                    <a:cubicBezTo>
                      <a:pt x="307447" y="86711"/>
                      <a:pt x="301249" y="71239"/>
                      <a:pt x="260896" y="58843"/>
                    </a:cubicBezTo>
                    <a:cubicBezTo>
                      <a:pt x="220542" y="46448"/>
                      <a:pt x="202085" y="68163"/>
                      <a:pt x="192584" y="89878"/>
                    </a:cubicBezTo>
                    <a:cubicBezTo>
                      <a:pt x="183084" y="111593"/>
                      <a:pt x="186387" y="96075"/>
                      <a:pt x="149154" y="89878"/>
                    </a:cubicBezTo>
                    <a:cubicBezTo>
                      <a:pt x="111922" y="83680"/>
                      <a:pt x="110927" y="105892"/>
                      <a:pt x="87041" y="117836"/>
                    </a:cubicBezTo>
                    <a:cubicBezTo>
                      <a:pt x="67588" y="127562"/>
                      <a:pt x="63426" y="127969"/>
                      <a:pt x="41801" y="122359"/>
                    </a:cubicBezTo>
                    <a:cubicBezTo>
                      <a:pt x="14974" y="115121"/>
                      <a:pt x="6198" y="121138"/>
                      <a:pt x="0" y="133579"/>
                    </a:cubicBezTo>
                    <a:lnTo>
                      <a:pt x="629823" y="133579"/>
                    </a:lnTo>
                    <a:cubicBezTo>
                      <a:pt x="629823" y="133579"/>
                      <a:pt x="617880" y="83816"/>
                      <a:pt x="589922" y="71465"/>
                    </a:cubicBezTo>
                    <a:cubicBezTo>
                      <a:pt x="561964" y="59115"/>
                      <a:pt x="524732" y="83770"/>
                      <a:pt x="496819" y="52917"/>
                    </a:cubicBez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7" name="Freeform: Shape 4266">
                <a:extLst>
                  <a:ext uri="{FF2B5EF4-FFF2-40B4-BE49-F238E27FC236}">
                    <a16:creationId xmlns:a16="http://schemas.microsoft.com/office/drawing/2014/main" id="{07055AFE-86A2-D8C1-1C0B-2B20A7404E7E}"/>
                  </a:ext>
                </a:extLst>
              </p:cNvPr>
              <p:cNvSpPr/>
              <p:nvPr/>
            </p:nvSpPr>
            <p:spPr>
              <a:xfrm>
                <a:off x="531501" y="1893479"/>
                <a:ext cx="350469" cy="74362"/>
              </a:xfrm>
              <a:custGeom>
                <a:avLst/>
                <a:gdLst>
                  <a:gd name="connsiteX0" fmla="*/ 276458 w 350469"/>
                  <a:gd name="connsiteY0" fmla="*/ 29305 h 74362"/>
                  <a:gd name="connsiteX1" fmla="*/ 228052 w 350469"/>
                  <a:gd name="connsiteY1" fmla="*/ 80 h 74362"/>
                  <a:gd name="connsiteX2" fmla="*/ 179691 w 350469"/>
                  <a:gd name="connsiteY2" fmla="*/ 34643 h 74362"/>
                  <a:gd name="connsiteX3" fmla="*/ 145128 w 350469"/>
                  <a:gd name="connsiteY3" fmla="*/ 32924 h 74362"/>
                  <a:gd name="connsiteX4" fmla="*/ 107127 w 350469"/>
                  <a:gd name="connsiteY4" fmla="*/ 50205 h 74362"/>
                  <a:gd name="connsiteX5" fmla="*/ 82924 w 350469"/>
                  <a:gd name="connsiteY5" fmla="*/ 50205 h 74362"/>
                  <a:gd name="connsiteX6" fmla="*/ 48406 w 350469"/>
                  <a:gd name="connsiteY6" fmla="*/ 65722 h 74362"/>
                  <a:gd name="connsiteX7" fmla="*/ 23298 w 350469"/>
                  <a:gd name="connsiteY7" fmla="*/ 68120 h 74362"/>
                  <a:gd name="connsiteX8" fmla="*/ 0 w 350469"/>
                  <a:gd name="connsiteY8" fmla="*/ 74363 h 74362"/>
                  <a:gd name="connsiteX9" fmla="*/ 350470 w 350469"/>
                  <a:gd name="connsiteY9" fmla="*/ 74363 h 74362"/>
                  <a:gd name="connsiteX10" fmla="*/ 328257 w 350469"/>
                  <a:gd name="connsiteY10" fmla="*/ 39800 h 74362"/>
                  <a:gd name="connsiteX11" fmla="*/ 276458 w 350469"/>
                  <a:gd name="connsiteY11" fmla="*/ 29305 h 743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350469" h="74362">
                    <a:moveTo>
                      <a:pt x="276458" y="29305"/>
                    </a:moveTo>
                    <a:cubicBezTo>
                      <a:pt x="276458" y="29305"/>
                      <a:pt x="257503" y="-1775"/>
                      <a:pt x="228052" y="80"/>
                    </a:cubicBezTo>
                    <a:cubicBezTo>
                      <a:pt x="198601" y="1935"/>
                      <a:pt x="188332" y="20800"/>
                      <a:pt x="179691" y="34643"/>
                    </a:cubicBezTo>
                    <a:cubicBezTo>
                      <a:pt x="171050" y="48486"/>
                      <a:pt x="167612" y="39800"/>
                      <a:pt x="145128" y="32924"/>
                    </a:cubicBezTo>
                    <a:cubicBezTo>
                      <a:pt x="122644" y="26047"/>
                      <a:pt x="112330" y="38081"/>
                      <a:pt x="107127" y="50205"/>
                    </a:cubicBezTo>
                    <a:cubicBezTo>
                      <a:pt x="101924" y="62329"/>
                      <a:pt x="103689" y="53643"/>
                      <a:pt x="82924" y="50205"/>
                    </a:cubicBezTo>
                    <a:cubicBezTo>
                      <a:pt x="62159" y="46767"/>
                      <a:pt x="61707" y="59253"/>
                      <a:pt x="48406" y="65722"/>
                    </a:cubicBezTo>
                    <a:cubicBezTo>
                      <a:pt x="37549" y="71151"/>
                      <a:pt x="35241" y="71377"/>
                      <a:pt x="23298" y="68120"/>
                    </a:cubicBezTo>
                    <a:cubicBezTo>
                      <a:pt x="8369" y="64094"/>
                      <a:pt x="3483" y="67441"/>
                      <a:pt x="0" y="74363"/>
                    </a:cubicBezTo>
                    <a:lnTo>
                      <a:pt x="350470" y="74363"/>
                    </a:lnTo>
                    <a:cubicBezTo>
                      <a:pt x="350470" y="74363"/>
                      <a:pt x="343820" y="46722"/>
                      <a:pt x="328257" y="39800"/>
                    </a:cubicBezTo>
                    <a:cubicBezTo>
                      <a:pt x="312695" y="32878"/>
                      <a:pt x="291975" y="46586"/>
                      <a:pt x="276458" y="29305"/>
                    </a:cubicBez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8" name="Freeform: Shape 4267">
                <a:extLst>
                  <a:ext uri="{FF2B5EF4-FFF2-40B4-BE49-F238E27FC236}">
                    <a16:creationId xmlns:a16="http://schemas.microsoft.com/office/drawing/2014/main" id="{159AF5CE-8400-0F1E-7CEC-1454E8AB2D96}"/>
                  </a:ext>
                </a:extLst>
              </p:cNvPr>
              <p:cNvSpPr/>
              <p:nvPr/>
            </p:nvSpPr>
            <p:spPr>
              <a:xfrm>
                <a:off x="3030753" y="2262993"/>
                <a:ext cx="182540" cy="38851"/>
              </a:xfrm>
              <a:custGeom>
                <a:avLst/>
                <a:gdLst>
                  <a:gd name="connsiteX0" fmla="*/ 144178 w 182540"/>
                  <a:gd name="connsiteY0" fmla="*/ 15327 h 38851"/>
                  <a:gd name="connsiteX1" fmla="*/ 118980 w 182540"/>
                  <a:gd name="connsiteY1" fmla="*/ 37 h 38851"/>
                  <a:gd name="connsiteX2" fmla="*/ 93781 w 182540"/>
                  <a:gd name="connsiteY2" fmla="*/ 18132 h 38851"/>
                  <a:gd name="connsiteX3" fmla="*/ 75685 w 182540"/>
                  <a:gd name="connsiteY3" fmla="*/ 17228 h 38851"/>
                  <a:gd name="connsiteX4" fmla="*/ 56495 w 182540"/>
                  <a:gd name="connsiteY4" fmla="*/ 24719 h 38851"/>
                  <a:gd name="connsiteX5" fmla="*/ 55916 w 182540"/>
                  <a:gd name="connsiteY5" fmla="*/ 26275 h 38851"/>
                  <a:gd name="connsiteX6" fmla="*/ 43294 w 182540"/>
                  <a:gd name="connsiteY6" fmla="*/ 26275 h 38851"/>
                  <a:gd name="connsiteX7" fmla="*/ 25198 w 182540"/>
                  <a:gd name="connsiteY7" fmla="*/ 34373 h 38851"/>
                  <a:gd name="connsiteX8" fmla="*/ 12124 w 182540"/>
                  <a:gd name="connsiteY8" fmla="*/ 35595 h 38851"/>
                  <a:gd name="connsiteX9" fmla="*/ 0 w 182540"/>
                  <a:gd name="connsiteY9" fmla="*/ 38852 h 38851"/>
                  <a:gd name="connsiteX10" fmla="*/ 182541 w 182540"/>
                  <a:gd name="connsiteY10" fmla="*/ 38852 h 38851"/>
                  <a:gd name="connsiteX11" fmla="*/ 171005 w 182540"/>
                  <a:gd name="connsiteY11" fmla="*/ 20756 h 38851"/>
                  <a:gd name="connsiteX12" fmla="*/ 144178 w 182540"/>
                  <a:gd name="connsiteY12" fmla="*/ 15327 h 388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182540" h="38851">
                    <a:moveTo>
                      <a:pt x="144178" y="15327"/>
                    </a:moveTo>
                    <a:cubicBezTo>
                      <a:pt x="144178" y="15327"/>
                      <a:pt x="134271" y="-868"/>
                      <a:pt x="118980" y="37"/>
                    </a:cubicBezTo>
                    <a:cubicBezTo>
                      <a:pt x="103689" y="941"/>
                      <a:pt x="98305" y="10849"/>
                      <a:pt x="93781" y="18132"/>
                    </a:cubicBezTo>
                    <a:cubicBezTo>
                      <a:pt x="89257" y="25416"/>
                      <a:pt x="87493" y="20801"/>
                      <a:pt x="75685" y="17228"/>
                    </a:cubicBezTo>
                    <a:cubicBezTo>
                      <a:pt x="68316" y="13997"/>
                      <a:pt x="59725" y="17350"/>
                      <a:pt x="56495" y="24719"/>
                    </a:cubicBezTo>
                    <a:cubicBezTo>
                      <a:pt x="56273" y="25226"/>
                      <a:pt x="56079" y="25746"/>
                      <a:pt x="55916" y="26275"/>
                    </a:cubicBezTo>
                    <a:cubicBezTo>
                      <a:pt x="53201" y="32564"/>
                      <a:pt x="54106" y="28085"/>
                      <a:pt x="43294" y="26275"/>
                    </a:cubicBezTo>
                    <a:cubicBezTo>
                      <a:pt x="32482" y="24466"/>
                      <a:pt x="32210" y="30799"/>
                      <a:pt x="25198" y="34373"/>
                    </a:cubicBezTo>
                    <a:cubicBezTo>
                      <a:pt x="21339" y="37002"/>
                      <a:pt x="16404" y="37463"/>
                      <a:pt x="12124" y="35595"/>
                    </a:cubicBezTo>
                    <a:cubicBezTo>
                      <a:pt x="4343" y="33514"/>
                      <a:pt x="1809" y="35278"/>
                      <a:pt x="0" y="38852"/>
                    </a:cubicBezTo>
                    <a:lnTo>
                      <a:pt x="182541" y="38852"/>
                    </a:lnTo>
                    <a:cubicBezTo>
                      <a:pt x="182541" y="38852"/>
                      <a:pt x="179103" y="24466"/>
                      <a:pt x="171005" y="20756"/>
                    </a:cubicBezTo>
                    <a:cubicBezTo>
                      <a:pt x="162907" y="17047"/>
                      <a:pt x="152276" y="24149"/>
                      <a:pt x="144178" y="15327"/>
                    </a:cubicBez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9" name="Freeform: Shape 4268">
                <a:extLst>
                  <a:ext uri="{FF2B5EF4-FFF2-40B4-BE49-F238E27FC236}">
                    <a16:creationId xmlns:a16="http://schemas.microsoft.com/office/drawing/2014/main" id="{26208CAA-E65A-1272-990D-624BB1437B7E}"/>
                  </a:ext>
                </a:extLst>
              </p:cNvPr>
              <p:cNvSpPr/>
              <p:nvPr/>
            </p:nvSpPr>
            <p:spPr>
              <a:xfrm>
                <a:off x="1872578" y="1925507"/>
                <a:ext cx="182541" cy="38851"/>
              </a:xfrm>
              <a:custGeom>
                <a:avLst/>
                <a:gdLst>
                  <a:gd name="connsiteX0" fmla="*/ 144178 w 182541"/>
                  <a:gd name="connsiteY0" fmla="*/ 15327 h 38851"/>
                  <a:gd name="connsiteX1" fmla="*/ 118980 w 182541"/>
                  <a:gd name="connsiteY1" fmla="*/ 37 h 38851"/>
                  <a:gd name="connsiteX2" fmla="*/ 93781 w 182541"/>
                  <a:gd name="connsiteY2" fmla="*/ 18132 h 38851"/>
                  <a:gd name="connsiteX3" fmla="*/ 75686 w 182541"/>
                  <a:gd name="connsiteY3" fmla="*/ 17228 h 38851"/>
                  <a:gd name="connsiteX4" fmla="*/ 56472 w 182541"/>
                  <a:gd name="connsiteY4" fmla="*/ 24662 h 38851"/>
                  <a:gd name="connsiteX5" fmla="*/ 55871 w 182541"/>
                  <a:gd name="connsiteY5" fmla="*/ 26275 h 38851"/>
                  <a:gd name="connsiteX6" fmla="*/ 43294 w 182541"/>
                  <a:gd name="connsiteY6" fmla="*/ 26275 h 38851"/>
                  <a:gd name="connsiteX7" fmla="*/ 25198 w 182541"/>
                  <a:gd name="connsiteY7" fmla="*/ 34373 h 38851"/>
                  <a:gd name="connsiteX8" fmla="*/ 12124 w 182541"/>
                  <a:gd name="connsiteY8" fmla="*/ 35595 h 38851"/>
                  <a:gd name="connsiteX9" fmla="*/ 0 w 182541"/>
                  <a:gd name="connsiteY9" fmla="*/ 38852 h 38851"/>
                  <a:gd name="connsiteX10" fmla="*/ 182541 w 182541"/>
                  <a:gd name="connsiteY10" fmla="*/ 38852 h 38851"/>
                  <a:gd name="connsiteX11" fmla="*/ 171005 w 182541"/>
                  <a:gd name="connsiteY11" fmla="*/ 20756 h 38851"/>
                  <a:gd name="connsiteX12" fmla="*/ 144178 w 182541"/>
                  <a:gd name="connsiteY12" fmla="*/ 15327 h 388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182541" h="38851">
                    <a:moveTo>
                      <a:pt x="144178" y="15327"/>
                    </a:moveTo>
                    <a:cubicBezTo>
                      <a:pt x="144178" y="15327"/>
                      <a:pt x="134271" y="-868"/>
                      <a:pt x="118980" y="37"/>
                    </a:cubicBezTo>
                    <a:cubicBezTo>
                      <a:pt x="103689" y="941"/>
                      <a:pt x="98260" y="10804"/>
                      <a:pt x="93781" y="18132"/>
                    </a:cubicBezTo>
                    <a:cubicBezTo>
                      <a:pt x="89303" y="25461"/>
                      <a:pt x="87448" y="20801"/>
                      <a:pt x="75686" y="17228"/>
                    </a:cubicBezTo>
                    <a:cubicBezTo>
                      <a:pt x="68325" y="13975"/>
                      <a:pt x="59725" y="17303"/>
                      <a:pt x="56472" y="24662"/>
                    </a:cubicBezTo>
                    <a:cubicBezTo>
                      <a:pt x="56242" y="25187"/>
                      <a:pt x="56038" y="25726"/>
                      <a:pt x="55871" y="26275"/>
                    </a:cubicBezTo>
                    <a:cubicBezTo>
                      <a:pt x="53202" y="32564"/>
                      <a:pt x="54061" y="28040"/>
                      <a:pt x="43294" y="26275"/>
                    </a:cubicBezTo>
                    <a:cubicBezTo>
                      <a:pt x="32527" y="24511"/>
                      <a:pt x="32211" y="30799"/>
                      <a:pt x="25198" y="34373"/>
                    </a:cubicBezTo>
                    <a:cubicBezTo>
                      <a:pt x="21339" y="37002"/>
                      <a:pt x="16404" y="37463"/>
                      <a:pt x="12124" y="35595"/>
                    </a:cubicBezTo>
                    <a:cubicBezTo>
                      <a:pt x="4343" y="33514"/>
                      <a:pt x="1810" y="35278"/>
                      <a:pt x="0" y="38852"/>
                    </a:cubicBezTo>
                    <a:lnTo>
                      <a:pt x="182541" y="38852"/>
                    </a:lnTo>
                    <a:cubicBezTo>
                      <a:pt x="182541" y="38852"/>
                      <a:pt x="179103" y="24466"/>
                      <a:pt x="171005" y="20756"/>
                    </a:cubicBezTo>
                    <a:cubicBezTo>
                      <a:pt x="162907" y="17047"/>
                      <a:pt x="152276" y="24330"/>
                      <a:pt x="144178" y="15327"/>
                    </a:cubicBez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grpSp>
          <p:nvGrpSpPr>
            <p:cNvPr id="11" name="Graphic 4175">
              <a:extLst>
                <a:ext uri="{FF2B5EF4-FFF2-40B4-BE49-F238E27FC236}">
                  <a16:creationId xmlns:a16="http://schemas.microsoft.com/office/drawing/2014/main" id="{622AE161-4C06-4703-F357-3CE20BDA221D}"/>
                </a:ext>
              </a:extLst>
            </p:cNvPr>
            <p:cNvGrpSpPr/>
            <p:nvPr/>
          </p:nvGrpSpPr>
          <p:grpSpPr>
            <a:xfrm>
              <a:off x="37984" y="1837145"/>
              <a:ext cx="3163638" cy="1663906"/>
              <a:chOff x="37984" y="1837145"/>
              <a:chExt cx="3163638" cy="1663906"/>
            </a:xfrm>
            <a:noFill/>
          </p:grpSpPr>
          <p:sp>
            <p:nvSpPr>
              <p:cNvPr id="12" name="Freeform: Shape 11">
                <a:extLst>
                  <a:ext uri="{FF2B5EF4-FFF2-40B4-BE49-F238E27FC236}">
                    <a16:creationId xmlns:a16="http://schemas.microsoft.com/office/drawing/2014/main" id="{F38C8F08-6A8C-5678-684F-48E66121BF3A}"/>
                  </a:ext>
                </a:extLst>
              </p:cNvPr>
              <p:cNvSpPr/>
              <p:nvPr/>
            </p:nvSpPr>
            <p:spPr>
              <a:xfrm>
                <a:off x="37984" y="1837145"/>
                <a:ext cx="3133237" cy="1605547"/>
              </a:xfrm>
              <a:custGeom>
                <a:avLst/>
                <a:gdLst>
                  <a:gd name="connsiteX0" fmla="*/ 0 w 3133237"/>
                  <a:gd name="connsiteY0" fmla="*/ 1518417 h 1605547"/>
                  <a:gd name="connsiteX1" fmla="*/ 143138 w 3133237"/>
                  <a:gd name="connsiteY1" fmla="*/ 1518417 h 1605547"/>
                  <a:gd name="connsiteX2" fmla="*/ 143138 w 3133237"/>
                  <a:gd name="connsiteY2" fmla="*/ 224026 h 1605547"/>
                  <a:gd name="connsiteX3" fmla="*/ 519620 w 3133237"/>
                  <a:gd name="connsiteY3" fmla="*/ 224026 h 1605547"/>
                  <a:gd name="connsiteX4" fmla="*/ 519620 w 3133237"/>
                  <a:gd name="connsiteY4" fmla="*/ 840096 h 1605547"/>
                  <a:gd name="connsiteX5" fmla="*/ 600508 w 3133237"/>
                  <a:gd name="connsiteY5" fmla="*/ 840096 h 1605547"/>
                  <a:gd name="connsiteX6" fmla="*/ 600508 w 3133237"/>
                  <a:gd name="connsiteY6" fmla="*/ 1605548 h 1605547"/>
                  <a:gd name="connsiteX7" fmla="*/ 693882 w 3133237"/>
                  <a:gd name="connsiteY7" fmla="*/ 1605548 h 1605547"/>
                  <a:gd name="connsiteX8" fmla="*/ 693882 w 3133237"/>
                  <a:gd name="connsiteY8" fmla="*/ 462980 h 1605547"/>
                  <a:gd name="connsiteX9" fmla="*/ 868099 w 3133237"/>
                  <a:gd name="connsiteY9" fmla="*/ 462980 h 1605547"/>
                  <a:gd name="connsiteX10" fmla="*/ 868099 w 3133237"/>
                  <a:gd name="connsiteY10" fmla="*/ 0 h 1605547"/>
                  <a:gd name="connsiteX11" fmla="*/ 1148131 w 3133237"/>
                  <a:gd name="connsiteY11" fmla="*/ 0 h 1605547"/>
                  <a:gd name="connsiteX12" fmla="*/ 1148131 w 3133237"/>
                  <a:gd name="connsiteY12" fmla="*/ 852537 h 1605547"/>
                  <a:gd name="connsiteX13" fmla="*/ 1253947 w 3133237"/>
                  <a:gd name="connsiteY13" fmla="*/ 852537 h 1605547"/>
                  <a:gd name="connsiteX14" fmla="*/ 1253947 w 3133237"/>
                  <a:gd name="connsiteY14" fmla="*/ 513422 h 1605547"/>
                  <a:gd name="connsiteX15" fmla="*/ 1490413 w 3133237"/>
                  <a:gd name="connsiteY15" fmla="*/ 513422 h 1605547"/>
                  <a:gd name="connsiteX16" fmla="*/ 1490413 w 3133237"/>
                  <a:gd name="connsiteY16" fmla="*/ 588068 h 1605547"/>
                  <a:gd name="connsiteX17" fmla="*/ 1692633 w 3133237"/>
                  <a:gd name="connsiteY17" fmla="*/ 588068 h 1605547"/>
                  <a:gd name="connsiteX18" fmla="*/ 1692633 w 3133237"/>
                  <a:gd name="connsiteY18" fmla="*/ 1596183 h 1605547"/>
                  <a:gd name="connsiteX19" fmla="*/ 1773521 w 3133237"/>
                  <a:gd name="connsiteY19" fmla="*/ 1596183 h 1605547"/>
                  <a:gd name="connsiteX20" fmla="*/ 1773521 w 3133237"/>
                  <a:gd name="connsiteY20" fmla="*/ 1412602 h 1605547"/>
                  <a:gd name="connsiteX21" fmla="*/ 1994471 w 3133237"/>
                  <a:gd name="connsiteY21" fmla="*/ 1412602 h 1605547"/>
                  <a:gd name="connsiteX22" fmla="*/ 1994471 w 3133237"/>
                  <a:gd name="connsiteY22" fmla="*/ 1593062 h 1605547"/>
                  <a:gd name="connsiteX23" fmla="*/ 2100240 w 3133237"/>
                  <a:gd name="connsiteY23" fmla="*/ 1593062 h 1605547"/>
                  <a:gd name="connsiteX24" fmla="*/ 2100240 w 3133237"/>
                  <a:gd name="connsiteY24" fmla="*/ 684518 h 1605547"/>
                  <a:gd name="connsiteX25" fmla="*/ 2458039 w 3133237"/>
                  <a:gd name="connsiteY25" fmla="*/ 684518 h 1605547"/>
                  <a:gd name="connsiteX26" fmla="*/ 2458039 w 3133237"/>
                  <a:gd name="connsiteY26" fmla="*/ 1537055 h 1605547"/>
                  <a:gd name="connsiteX27" fmla="*/ 2560733 w 3133237"/>
                  <a:gd name="connsiteY27" fmla="*/ 1537055 h 1605547"/>
                  <a:gd name="connsiteX28" fmla="*/ 2560733 w 3133237"/>
                  <a:gd name="connsiteY28" fmla="*/ 348479 h 1605547"/>
                  <a:gd name="connsiteX29" fmla="*/ 2685186 w 3133237"/>
                  <a:gd name="connsiteY29" fmla="*/ 348479 h 1605547"/>
                  <a:gd name="connsiteX30" fmla="*/ 2685186 w 3133237"/>
                  <a:gd name="connsiteY30" fmla="*/ 130697 h 1605547"/>
                  <a:gd name="connsiteX31" fmla="*/ 2747436 w 3133237"/>
                  <a:gd name="connsiteY31" fmla="*/ 130697 h 1605547"/>
                  <a:gd name="connsiteX32" fmla="*/ 2747436 w 3133237"/>
                  <a:gd name="connsiteY32" fmla="*/ 6243 h 1605547"/>
                  <a:gd name="connsiteX33" fmla="*/ 2847008 w 3133237"/>
                  <a:gd name="connsiteY33" fmla="*/ 6243 h 1605547"/>
                  <a:gd name="connsiteX34" fmla="*/ 2847008 w 3133237"/>
                  <a:gd name="connsiteY34" fmla="*/ 812093 h 1605547"/>
                  <a:gd name="connsiteX35" fmla="*/ 3008784 w 3133237"/>
                  <a:gd name="connsiteY35" fmla="*/ 812093 h 1605547"/>
                  <a:gd name="connsiteX36" fmla="*/ 3008784 w 3133237"/>
                  <a:gd name="connsiteY36" fmla="*/ 1580621 h 1605547"/>
                  <a:gd name="connsiteX37" fmla="*/ 3133238 w 3133237"/>
                  <a:gd name="connsiteY37" fmla="*/ 1580621 h 160554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Lst>
                <a:rect l="l" t="t" r="r" b="b"/>
                <a:pathLst>
                  <a:path w="3133237" h="1605547">
                    <a:moveTo>
                      <a:pt x="0" y="1518417"/>
                    </a:moveTo>
                    <a:lnTo>
                      <a:pt x="143138" y="1518417"/>
                    </a:lnTo>
                    <a:lnTo>
                      <a:pt x="143138" y="224026"/>
                    </a:lnTo>
                    <a:lnTo>
                      <a:pt x="519620" y="224026"/>
                    </a:lnTo>
                    <a:lnTo>
                      <a:pt x="519620" y="840096"/>
                    </a:lnTo>
                    <a:lnTo>
                      <a:pt x="600508" y="840096"/>
                    </a:lnTo>
                    <a:lnTo>
                      <a:pt x="600508" y="1605548"/>
                    </a:lnTo>
                    <a:lnTo>
                      <a:pt x="693882" y="1605548"/>
                    </a:lnTo>
                    <a:lnTo>
                      <a:pt x="693882" y="462980"/>
                    </a:lnTo>
                    <a:lnTo>
                      <a:pt x="868099" y="462980"/>
                    </a:lnTo>
                    <a:lnTo>
                      <a:pt x="868099" y="0"/>
                    </a:lnTo>
                    <a:lnTo>
                      <a:pt x="1148131" y="0"/>
                    </a:lnTo>
                    <a:lnTo>
                      <a:pt x="1148131" y="852537"/>
                    </a:lnTo>
                    <a:lnTo>
                      <a:pt x="1253947" y="852537"/>
                    </a:lnTo>
                    <a:lnTo>
                      <a:pt x="1253947" y="513422"/>
                    </a:lnTo>
                    <a:lnTo>
                      <a:pt x="1490413" y="513422"/>
                    </a:lnTo>
                    <a:lnTo>
                      <a:pt x="1490413" y="588068"/>
                    </a:lnTo>
                    <a:lnTo>
                      <a:pt x="1692633" y="588068"/>
                    </a:lnTo>
                    <a:lnTo>
                      <a:pt x="1692633" y="1596183"/>
                    </a:lnTo>
                    <a:lnTo>
                      <a:pt x="1773521" y="1596183"/>
                    </a:lnTo>
                    <a:lnTo>
                      <a:pt x="1773521" y="1412602"/>
                    </a:lnTo>
                    <a:lnTo>
                      <a:pt x="1994471" y="1412602"/>
                    </a:lnTo>
                    <a:lnTo>
                      <a:pt x="1994471" y="1593062"/>
                    </a:lnTo>
                    <a:lnTo>
                      <a:pt x="2100240" y="1593062"/>
                    </a:lnTo>
                    <a:lnTo>
                      <a:pt x="2100240" y="684518"/>
                    </a:lnTo>
                    <a:lnTo>
                      <a:pt x="2458039" y="684518"/>
                    </a:lnTo>
                    <a:lnTo>
                      <a:pt x="2458039" y="1537055"/>
                    </a:lnTo>
                    <a:lnTo>
                      <a:pt x="2560733" y="1537055"/>
                    </a:lnTo>
                    <a:lnTo>
                      <a:pt x="2560733" y="348479"/>
                    </a:lnTo>
                    <a:lnTo>
                      <a:pt x="2685186" y="348479"/>
                    </a:lnTo>
                    <a:lnTo>
                      <a:pt x="2685186" y="130697"/>
                    </a:lnTo>
                    <a:lnTo>
                      <a:pt x="2747436" y="130697"/>
                    </a:lnTo>
                    <a:lnTo>
                      <a:pt x="2747436" y="6243"/>
                    </a:lnTo>
                    <a:lnTo>
                      <a:pt x="2847008" y="6243"/>
                    </a:lnTo>
                    <a:lnTo>
                      <a:pt x="2847008" y="812093"/>
                    </a:lnTo>
                    <a:lnTo>
                      <a:pt x="3008784" y="812093"/>
                    </a:lnTo>
                    <a:lnTo>
                      <a:pt x="3008784" y="1580621"/>
                    </a:lnTo>
                    <a:lnTo>
                      <a:pt x="3133238" y="1580621"/>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3" name="Freeform: Shape 12">
                <a:extLst>
                  <a:ext uri="{FF2B5EF4-FFF2-40B4-BE49-F238E27FC236}">
                    <a16:creationId xmlns:a16="http://schemas.microsoft.com/office/drawing/2014/main" id="{64C9BF2D-BAD4-808F-3070-CC65E42298A6}"/>
                  </a:ext>
                </a:extLst>
              </p:cNvPr>
              <p:cNvSpPr/>
              <p:nvPr/>
            </p:nvSpPr>
            <p:spPr>
              <a:xfrm>
                <a:off x="181121" y="2020727"/>
                <a:ext cx="376482" cy="40444"/>
              </a:xfrm>
              <a:custGeom>
                <a:avLst/>
                <a:gdLst>
                  <a:gd name="connsiteX0" fmla="*/ 0 w 376482"/>
                  <a:gd name="connsiteY0" fmla="*/ 0 h 40444"/>
                  <a:gd name="connsiteX1" fmla="*/ 376483 w 376482"/>
                  <a:gd name="connsiteY1" fmla="*/ 0 h 40444"/>
                  <a:gd name="connsiteX2" fmla="*/ 376483 w 376482"/>
                  <a:gd name="connsiteY2" fmla="*/ 40444 h 40444"/>
                  <a:gd name="connsiteX3" fmla="*/ 0 w 376482"/>
                  <a:gd name="connsiteY3" fmla="*/ 40444 h 40444"/>
                </a:gdLst>
                <a:ahLst/>
                <a:cxnLst>
                  <a:cxn ang="0">
                    <a:pos x="connsiteX0" y="connsiteY0"/>
                  </a:cxn>
                  <a:cxn ang="0">
                    <a:pos x="connsiteX1" y="connsiteY1"/>
                  </a:cxn>
                  <a:cxn ang="0">
                    <a:pos x="connsiteX2" y="connsiteY2"/>
                  </a:cxn>
                  <a:cxn ang="0">
                    <a:pos x="connsiteX3" y="connsiteY3"/>
                  </a:cxn>
                </a:cxnLst>
                <a:rect l="l" t="t" r="r" b="b"/>
                <a:pathLst>
                  <a:path w="376482" h="40444">
                    <a:moveTo>
                      <a:pt x="0" y="0"/>
                    </a:moveTo>
                    <a:lnTo>
                      <a:pt x="376483" y="0"/>
                    </a:lnTo>
                    <a:lnTo>
                      <a:pt x="376483" y="40444"/>
                    </a:lnTo>
                    <a:lnTo>
                      <a:pt x="0" y="40444"/>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4" name="Freeform: Shape 13">
                <a:extLst>
                  <a:ext uri="{FF2B5EF4-FFF2-40B4-BE49-F238E27FC236}">
                    <a16:creationId xmlns:a16="http://schemas.microsoft.com/office/drawing/2014/main" id="{FF335DB3-B695-3436-B2F9-74F8AED81EEF}"/>
                  </a:ext>
                </a:extLst>
              </p:cNvPr>
              <p:cNvSpPr/>
              <p:nvPr/>
            </p:nvSpPr>
            <p:spPr>
              <a:xfrm>
                <a:off x="730780" y="2300126"/>
                <a:ext cx="175302" cy="20493"/>
              </a:xfrm>
              <a:custGeom>
                <a:avLst/>
                <a:gdLst>
                  <a:gd name="connsiteX0" fmla="*/ 0 w 175302"/>
                  <a:gd name="connsiteY0" fmla="*/ 0 h 20493"/>
                  <a:gd name="connsiteX1" fmla="*/ 175303 w 175302"/>
                  <a:gd name="connsiteY1" fmla="*/ 0 h 20493"/>
                  <a:gd name="connsiteX2" fmla="*/ 175303 w 175302"/>
                  <a:gd name="connsiteY2" fmla="*/ 20493 h 20493"/>
                  <a:gd name="connsiteX3" fmla="*/ 0 w 175302"/>
                  <a:gd name="connsiteY3" fmla="*/ 20493 h 20493"/>
                </a:gdLst>
                <a:ahLst/>
                <a:cxnLst>
                  <a:cxn ang="0">
                    <a:pos x="connsiteX0" y="connsiteY0"/>
                  </a:cxn>
                  <a:cxn ang="0">
                    <a:pos x="connsiteX1" y="connsiteY1"/>
                  </a:cxn>
                  <a:cxn ang="0">
                    <a:pos x="connsiteX2" y="connsiteY2"/>
                  </a:cxn>
                  <a:cxn ang="0">
                    <a:pos x="connsiteX3" y="connsiteY3"/>
                  </a:cxn>
                </a:cxnLst>
                <a:rect l="l" t="t" r="r" b="b"/>
                <a:pathLst>
                  <a:path w="175302" h="20493">
                    <a:moveTo>
                      <a:pt x="0" y="0"/>
                    </a:moveTo>
                    <a:lnTo>
                      <a:pt x="175303" y="0"/>
                    </a:lnTo>
                    <a:lnTo>
                      <a:pt x="175303" y="20493"/>
                    </a:lnTo>
                    <a:lnTo>
                      <a:pt x="0" y="20493"/>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5" name="Freeform: Shape 14">
                <a:extLst>
                  <a:ext uri="{FF2B5EF4-FFF2-40B4-BE49-F238E27FC236}">
                    <a16:creationId xmlns:a16="http://schemas.microsoft.com/office/drawing/2014/main" id="{3225B998-3DD5-8FF4-75BA-E54DFBA7C6DC}"/>
                  </a:ext>
                </a:extLst>
              </p:cNvPr>
              <p:cNvSpPr/>
              <p:nvPr/>
            </p:nvSpPr>
            <p:spPr>
              <a:xfrm>
                <a:off x="905269" y="1837145"/>
                <a:ext cx="280846" cy="19905"/>
              </a:xfrm>
              <a:custGeom>
                <a:avLst/>
                <a:gdLst>
                  <a:gd name="connsiteX0" fmla="*/ 0 w 280846"/>
                  <a:gd name="connsiteY0" fmla="*/ 0 h 19905"/>
                  <a:gd name="connsiteX1" fmla="*/ 280846 w 280846"/>
                  <a:gd name="connsiteY1" fmla="*/ 0 h 19905"/>
                  <a:gd name="connsiteX2" fmla="*/ 280846 w 280846"/>
                  <a:gd name="connsiteY2" fmla="*/ 19905 h 19905"/>
                  <a:gd name="connsiteX3" fmla="*/ 0 w 280846"/>
                  <a:gd name="connsiteY3" fmla="*/ 19905 h 19905"/>
                </a:gdLst>
                <a:ahLst/>
                <a:cxnLst>
                  <a:cxn ang="0">
                    <a:pos x="connsiteX0" y="connsiteY0"/>
                  </a:cxn>
                  <a:cxn ang="0">
                    <a:pos x="connsiteX1" y="connsiteY1"/>
                  </a:cxn>
                  <a:cxn ang="0">
                    <a:pos x="connsiteX2" y="connsiteY2"/>
                  </a:cxn>
                  <a:cxn ang="0">
                    <a:pos x="connsiteX3" y="connsiteY3"/>
                  </a:cxn>
                </a:cxnLst>
                <a:rect l="l" t="t" r="r" b="b"/>
                <a:pathLst>
                  <a:path w="280846" h="19905">
                    <a:moveTo>
                      <a:pt x="0" y="0"/>
                    </a:moveTo>
                    <a:lnTo>
                      <a:pt x="280846" y="0"/>
                    </a:lnTo>
                    <a:lnTo>
                      <a:pt x="280846" y="19905"/>
                    </a:lnTo>
                    <a:lnTo>
                      <a:pt x="0" y="19905"/>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6" name="Freeform: Shape 15">
                <a:extLst>
                  <a:ext uri="{FF2B5EF4-FFF2-40B4-BE49-F238E27FC236}">
                    <a16:creationId xmlns:a16="http://schemas.microsoft.com/office/drawing/2014/main" id="{7D11E95D-8285-D3E0-B3ED-3D254F655D8A}"/>
                  </a:ext>
                </a:extLst>
              </p:cNvPr>
              <p:cNvSpPr/>
              <p:nvPr/>
            </p:nvSpPr>
            <p:spPr>
              <a:xfrm>
                <a:off x="1314188" y="2308269"/>
                <a:ext cx="40896" cy="42253"/>
              </a:xfrm>
              <a:custGeom>
                <a:avLst/>
                <a:gdLst>
                  <a:gd name="connsiteX0" fmla="*/ 0 w 40896"/>
                  <a:gd name="connsiteY0" fmla="*/ 0 h 42253"/>
                  <a:gd name="connsiteX1" fmla="*/ 40896 w 40896"/>
                  <a:gd name="connsiteY1" fmla="*/ 0 h 42253"/>
                  <a:gd name="connsiteX2" fmla="*/ 40896 w 40896"/>
                  <a:gd name="connsiteY2" fmla="*/ 42254 h 42253"/>
                  <a:gd name="connsiteX3" fmla="*/ 0 w 40896"/>
                  <a:gd name="connsiteY3" fmla="*/ 42254 h 42253"/>
                </a:gdLst>
                <a:ahLst/>
                <a:cxnLst>
                  <a:cxn ang="0">
                    <a:pos x="connsiteX0" y="connsiteY0"/>
                  </a:cxn>
                  <a:cxn ang="0">
                    <a:pos x="connsiteX1" y="connsiteY1"/>
                  </a:cxn>
                  <a:cxn ang="0">
                    <a:pos x="connsiteX2" y="connsiteY2"/>
                  </a:cxn>
                  <a:cxn ang="0">
                    <a:pos x="connsiteX3" y="connsiteY3"/>
                  </a:cxn>
                </a:cxnLst>
                <a:rect l="l" t="t" r="r" b="b"/>
                <a:pathLst>
                  <a:path w="40896" h="42253">
                    <a:moveTo>
                      <a:pt x="0" y="0"/>
                    </a:moveTo>
                    <a:lnTo>
                      <a:pt x="40896" y="0"/>
                    </a:lnTo>
                    <a:lnTo>
                      <a:pt x="40896" y="42254"/>
                    </a:lnTo>
                    <a:lnTo>
                      <a:pt x="0" y="42254"/>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9" name="Freeform: Shape 18">
                <a:extLst>
                  <a:ext uri="{FF2B5EF4-FFF2-40B4-BE49-F238E27FC236}">
                    <a16:creationId xmlns:a16="http://schemas.microsoft.com/office/drawing/2014/main" id="{D36DEEDC-831E-1EAB-959C-B8CDDA8FDD41}"/>
                  </a:ext>
                </a:extLst>
              </p:cNvPr>
              <p:cNvSpPr/>
              <p:nvPr/>
            </p:nvSpPr>
            <p:spPr>
              <a:xfrm>
                <a:off x="1440949" y="2326003"/>
                <a:ext cx="20448" cy="24519"/>
              </a:xfrm>
              <a:custGeom>
                <a:avLst/>
                <a:gdLst>
                  <a:gd name="connsiteX0" fmla="*/ 0 w 20448"/>
                  <a:gd name="connsiteY0" fmla="*/ 0 h 24519"/>
                  <a:gd name="connsiteX1" fmla="*/ 20448 w 20448"/>
                  <a:gd name="connsiteY1" fmla="*/ 0 h 24519"/>
                  <a:gd name="connsiteX2" fmla="*/ 20448 w 20448"/>
                  <a:gd name="connsiteY2" fmla="*/ 24520 h 24519"/>
                  <a:gd name="connsiteX3" fmla="*/ 0 w 20448"/>
                  <a:gd name="connsiteY3" fmla="*/ 24520 h 24519"/>
                </a:gdLst>
                <a:ahLst/>
                <a:cxnLst>
                  <a:cxn ang="0">
                    <a:pos x="connsiteX0" y="connsiteY0"/>
                  </a:cxn>
                  <a:cxn ang="0">
                    <a:pos x="connsiteX1" y="connsiteY1"/>
                  </a:cxn>
                  <a:cxn ang="0">
                    <a:pos x="connsiteX2" y="connsiteY2"/>
                  </a:cxn>
                  <a:cxn ang="0">
                    <a:pos x="connsiteX3" y="connsiteY3"/>
                  </a:cxn>
                </a:cxnLst>
                <a:rect l="l" t="t" r="r" b="b"/>
                <a:pathLst>
                  <a:path w="20448" h="24519">
                    <a:moveTo>
                      <a:pt x="0" y="0"/>
                    </a:moveTo>
                    <a:lnTo>
                      <a:pt x="20448" y="0"/>
                    </a:lnTo>
                    <a:lnTo>
                      <a:pt x="20448" y="24520"/>
                    </a:lnTo>
                    <a:lnTo>
                      <a:pt x="0" y="24520"/>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1" name="Freeform: Shape 20">
                <a:extLst>
                  <a:ext uri="{FF2B5EF4-FFF2-40B4-BE49-F238E27FC236}">
                    <a16:creationId xmlns:a16="http://schemas.microsoft.com/office/drawing/2014/main" id="{51482F77-E127-F5EE-4CC0-2FF37B7E91FE}"/>
                  </a:ext>
                </a:extLst>
              </p:cNvPr>
              <p:cNvSpPr/>
              <p:nvPr/>
            </p:nvSpPr>
            <p:spPr>
              <a:xfrm>
                <a:off x="1528397" y="2425213"/>
                <a:ext cx="202898" cy="24791"/>
              </a:xfrm>
              <a:custGeom>
                <a:avLst/>
                <a:gdLst>
                  <a:gd name="connsiteX0" fmla="*/ 0 w 202898"/>
                  <a:gd name="connsiteY0" fmla="*/ 0 h 24791"/>
                  <a:gd name="connsiteX1" fmla="*/ 202899 w 202898"/>
                  <a:gd name="connsiteY1" fmla="*/ 0 h 24791"/>
                  <a:gd name="connsiteX2" fmla="*/ 202899 w 202898"/>
                  <a:gd name="connsiteY2" fmla="*/ 24791 h 24791"/>
                  <a:gd name="connsiteX3" fmla="*/ 0 w 202898"/>
                  <a:gd name="connsiteY3" fmla="*/ 24791 h 24791"/>
                </a:gdLst>
                <a:ahLst/>
                <a:cxnLst>
                  <a:cxn ang="0">
                    <a:pos x="connsiteX0" y="connsiteY0"/>
                  </a:cxn>
                  <a:cxn ang="0">
                    <a:pos x="connsiteX1" y="connsiteY1"/>
                  </a:cxn>
                  <a:cxn ang="0">
                    <a:pos x="connsiteX2" y="connsiteY2"/>
                  </a:cxn>
                  <a:cxn ang="0">
                    <a:pos x="connsiteX3" y="connsiteY3"/>
                  </a:cxn>
                </a:cxnLst>
                <a:rect l="l" t="t" r="r" b="b"/>
                <a:pathLst>
                  <a:path w="202898" h="24791">
                    <a:moveTo>
                      <a:pt x="0" y="0"/>
                    </a:moveTo>
                    <a:lnTo>
                      <a:pt x="202899" y="0"/>
                    </a:lnTo>
                    <a:lnTo>
                      <a:pt x="202899" y="24791"/>
                    </a:lnTo>
                    <a:lnTo>
                      <a:pt x="0" y="24791"/>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2" name="Freeform: Shape 21">
                <a:extLst>
                  <a:ext uri="{FF2B5EF4-FFF2-40B4-BE49-F238E27FC236}">
                    <a16:creationId xmlns:a16="http://schemas.microsoft.com/office/drawing/2014/main" id="{C29E138C-D81B-5A3F-A3C0-46ADE2674798}"/>
                  </a:ext>
                </a:extLst>
              </p:cNvPr>
              <p:cNvSpPr/>
              <p:nvPr/>
            </p:nvSpPr>
            <p:spPr>
              <a:xfrm>
                <a:off x="2138224" y="2503206"/>
                <a:ext cx="357753" cy="18502"/>
              </a:xfrm>
              <a:custGeom>
                <a:avLst/>
                <a:gdLst>
                  <a:gd name="connsiteX0" fmla="*/ 0 w 357753"/>
                  <a:gd name="connsiteY0" fmla="*/ 0 h 18502"/>
                  <a:gd name="connsiteX1" fmla="*/ 357753 w 357753"/>
                  <a:gd name="connsiteY1" fmla="*/ 0 h 18502"/>
                  <a:gd name="connsiteX2" fmla="*/ 357753 w 357753"/>
                  <a:gd name="connsiteY2" fmla="*/ 18503 h 18502"/>
                  <a:gd name="connsiteX3" fmla="*/ 0 w 357753"/>
                  <a:gd name="connsiteY3" fmla="*/ 18503 h 18502"/>
                </a:gdLst>
                <a:ahLst/>
                <a:cxnLst>
                  <a:cxn ang="0">
                    <a:pos x="connsiteX0" y="connsiteY0"/>
                  </a:cxn>
                  <a:cxn ang="0">
                    <a:pos x="connsiteX1" y="connsiteY1"/>
                  </a:cxn>
                  <a:cxn ang="0">
                    <a:pos x="connsiteX2" y="connsiteY2"/>
                  </a:cxn>
                  <a:cxn ang="0">
                    <a:pos x="connsiteX3" y="connsiteY3"/>
                  </a:cxn>
                </a:cxnLst>
                <a:rect l="l" t="t" r="r" b="b"/>
                <a:pathLst>
                  <a:path w="357753" h="18502">
                    <a:moveTo>
                      <a:pt x="0" y="0"/>
                    </a:moveTo>
                    <a:lnTo>
                      <a:pt x="357753" y="0"/>
                    </a:lnTo>
                    <a:lnTo>
                      <a:pt x="357753" y="18503"/>
                    </a:lnTo>
                    <a:lnTo>
                      <a:pt x="0" y="18503"/>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 name="Freeform: Shape 22">
                <a:extLst>
                  <a:ext uri="{FF2B5EF4-FFF2-40B4-BE49-F238E27FC236}">
                    <a16:creationId xmlns:a16="http://schemas.microsoft.com/office/drawing/2014/main" id="{1165C4AB-5406-C56B-00CA-63B845563FFF}"/>
                  </a:ext>
                </a:extLst>
              </p:cNvPr>
              <p:cNvSpPr/>
              <p:nvPr/>
            </p:nvSpPr>
            <p:spPr>
              <a:xfrm>
                <a:off x="2230196" y="2466381"/>
                <a:ext cx="141780" cy="36824"/>
              </a:xfrm>
              <a:custGeom>
                <a:avLst/>
                <a:gdLst>
                  <a:gd name="connsiteX0" fmla="*/ 0 w 141780"/>
                  <a:gd name="connsiteY0" fmla="*/ 0 h 36824"/>
                  <a:gd name="connsiteX1" fmla="*/ 141781 w 141780"/>
                  <a:gd name="connsiteY1" fmla="*/ 0 h 36824"/>
                  <a:gd name="connsiteX2" fmla="*/ 141781 w 141780"/>
                  <a:gd name="connsiteY2" fmla="*/ 36825 h 36824"/>
                  <a:gd name="connsiteX3" fmla="*/ 0 w 141780"/>
                  <a:gd name="connsiteY3" fmla="*/ 36825 h 36824"/>
                </a:gdLst>
                <a:ahLst/>
                <a:cxnLst>
                  <a:cxn ang="0">
                    <a:pos x="connsiteX0" y="connsiteY0"/>
                  </a:cxn>
                  <a:cxn ang="0">
                    <a:pos x="connsiteX1" y="connsiteY1"/>
                  </a:cxn>
                  <a:cxn ang="0">
                    <a:pos x="connsiteX2" y="connsiteY2"/>
                  </a:cxn>
                  <a:cxn ang="0">
                    <a:pos x="connsiteX3" y="connsiteY3"/>
                  </a:cxn>
                </a:cxnLst>
                <a:rect l="l" t="t" r="r" b="b"/>
                <a:pathLst>
                  <a:path w="141780" h="36824">
                    <a:moveTo>
                      <a:pt x="0" y="0"/>
                    </a:moveTo>
                    <a:lnTo>
                      <a:pt x="141781" y="0"/>
                    </a:lnTo>
                    <a:lnTo>
                      <a:pt x="141781" y="36825"/>
                    </a:lnTo>
                    <a:lnTo>
                      <a:pt x="0" y="36825"/>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4" name="Freeform: Shape 23">
                <a:extLst>
                  <a:ext uri="{FF2B5EF4-FFF2-40B4-BE49-F238E27FC236}">
                    <a16:creationId xmlns:a16="http://schemas.microsoft.com/office/drawing/2014/main" id="{0B762509-9031-2DFE-AFF3-AA2EBB412321}"/>
                  </a:ext>
                </a:extLst>
              </p:cNvPr>
              <p:cNvSpPr/>
              <p:nvPr/>
            </p:nvSpPr>
            <p:spPr>
              <a:xfrm>
                <a:off x="2341937" y="2433673"/>
                <a:ext cx="103598" cy="68175"/>
              </a:xfrm>
              <a:custGeom>
                <a:avLst/>
                <a:gdLst>
                  <a:gd name="connsiteX0" fmla="*/ 0 w 103598"/>
                  <a:gd name="connsiteY0" fmla="*/ 34065 h 68175"/>
                  <a:gd name="connsiteX1" fmla="*/ 0 w 103598"/>
                  <a:gd name="connsiteY1" fmla="*/ 0 h 68175"/>
                  <a:gd name="connsiteX2" fmla="*/ 103598 w 103598"/>
                  <a:gd name="connsiteY2" fmla="*/ 0 h 68175"/>
                  <a:gd name="connsiteX3" fmla="*/ 103598 w 103598"/>
                  <a:gd name="connsiteY3" fmla="*/ 68176 h 68175"/>
                </a:gdLst>
                <a:ahLst/>
                <a:cxnLst>
                  <a:cxn ang="0">
                    <a:pos x="connsiteX0" y="connsiteY0"/>
                  </a:cxn>
                  <a:cxn ang="0">
                    <a:pos x="connsiteX1" y="connsiteY1"/>
                  </a:cxn>
                  <a:cxn ang="0">
                    <a:pos x="connsiteX2" y="connsiteY2"/>
                  </a:cxn>
                  <a:cxn ang="0">
                    <a:pos x="connsiteX3" y="connsiteY3"/>
                  </a:cxn>
                </a:cxnLst>
                <a:rect l="l" t="t" r="r" b="b"/>
                <a:pathLst>
                  <a:path w="103598" h="68175">
                    <a:moveTo>
                      <a:pt x="0" y="34065"/>
                    </a:moveTo>
                    <a:lnTo>
                      <a:pt x="0" y="0"/>
                    </a:lnTo>
                    <a:lnTo>
                      <a:pt x="103598" y="0"/>
                    </a:lnTo>
                    <a:lnTo>
                      <a:pt x="103598" y="68176"/>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5" name="Freeform: Shape 24">
                <a:extLst>
                  <a:ext uri="{FF2B5EF4-FFF2-40B4-BE49-F238E27FC236}">
                    <a16:creationId xmlns:a16="http://schemas.microsoft.com/office/drawing/2014/main" id="{67416F9B-30F2-872E-5423-6E99DBF12185}"/>
                  </a:ext>
                </a:extLst>
              </p:cNvPr>
              <p:cNvSpPr/>
              <p:nvPr/>
            </p:nvSpPr>
            <p:spPr>
              <a:xfrm>
                <a:off x="1659184" y="1979604"/>
                <a:ext cx="915510" cy="469540"/>
              </a:xfrm>
              <a:custGeom>
                <a:avLst/>
                <a:gdLst>
                  <a:gd name="connsiteX0" fmla="*/ 0 w 915510"/>
                  <a:gd name="connsiteY0" fmla="*/ 435430 h 469540"/>
                  <a:gd name="connsiteX1" fmla="*/ 0 w 915510"/>
                  <a:gd name="connsiteY1" fmla="*/ 160012 h 469540"/>
                  <a:gd name="connsiteX2" fmla="*/ 327895 w 915510"/>
                  <a:gd name="connsiteY2" fmla="*/ 160012 h 469540"/>
                  <a:gd name="connsiteX3" fmla="*/ 327895 w 915510"/>
                  <a:gd name="connsiteY3" fmla="*/ 388245 h 469540"/>
                  <a:gd name="connsiteX4" fmla="*/ 440677 w 915510"/>
                  <a:gd name="connsiteY4" fmla="*/ 388245 h 469540"/>
                  <a:gd name="connsiteX5" fmla="*/ 440677 w 915510"/>
                  <a:gd name="connsiteY5" fmla="*/ 0 h 469540"/>
                  <a:gd name="connsiteX6" fmla="*/ 802683 w 915510"/>
                  <a:gd name="connsiteY6" fmla="*/ 0 h 469540"/>
                  <a:gd name="connsiteX7" fmla="*/ 802683 w 915510"/>
                  <a:gd name="connsiteY7" fmla="*/ 469540 h 469540"/>
                  <a:gd name="connsiteX8" fmla="*/ 915510 w 915510"/>
                  <a:gd name="connsiteY8" fmla="*/ 469540 h 4695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915510" h="469540">
                    <a:moveTo>
                      <a:pt x="0" y="435430"/>
                    </a:moveTo>
                    <a:lnTo>
                      <a:pt x="0" y="160012"/>
                    </a:lnTo>
                    <a:lnTo>
                      <a:pt x="327895" y="160012"/>
                    </a:lnTo>
                    <a:lnTo>
                      <a:pt x="327895" y="388245"/>
                    </a:lnTo>
                    <a:lnTo>
                      <a:pt x="440677" y="388245"/>
                    </a:lnTo>
                    <a:lnTo>
                      <a:pt x="440677" y="0"/>
                    </a:lnTo>
                    <a:lnTo>
                      <a:pt x="802683" y="0"/>
                    </a:lnTo>
                    <a:lnTo>
                      <a:pt x="802683" y="469540"/>
                    </a:lnTo>
                    <a:lnTo>
                      <a:pt x="915510" y="469540"/>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6" name="Freeform: Shape 25">
                <a:extLst>
                  <a:ext uri="{FF2B5EF4-FFF2-40B4-BE49-F238E27FC236}">
                    <a16:creationId xmlns:a16="http://schemas.microsoft.com/office/drawing/2014/main" id="{26507886-4E25-7376-3D48-D347013B630E}"/>
                  </a:ext>
                </a:extLst>
              </p:cNvPr>
              <p:cNvSpPr/>
              <p:nvPr/>
            </p:nvSpPr>
            <p:spPr>
              <a:xfrm>
                <a:off x="1200094" y="1974357"/>
                <a:ext cx="222985" cy="304280"/>
              </a:xfrm>
              <a:custGeom>
                <a:avLst/>
                <a:gdLst>
                  <a:gd name="connsiteX0" fmla="*/ 222985 w 222985"/>
                  <a:gd name="connsiteY0" fmla="*/ 304280 h 304280"/>
                  <a:gd name="connsiteX1" fmla="*/ 222985 w 222985"/>
                  <a:gd name="connsiteY1" fmla="*/ 0 h 304280"/>
                  <a:gd name="connsiteX2" fmla="*/ 0 w 222985"/>
                  <a:gd name="connsiteY2" fmla="*/ 0 h 304280"/>
                </a:gdLst>
                <a:ahLst/>
                <a:cxnLst>
                  <a:cxn ang="0">
                    <a:pos x="connsiteX0" y="connsiteY0"/>
                  </a:cxn>
                  <a:cxn ang="0">
                    <a:pos x="connsiteX1" y="connsiteY1"/>
                  </a:cxn>
                  <a:cxn ang="0">
                    <a:pos x="connsiteX2" y="connsiteY2"/>
                  </a:cxn>
                </a:cxnLst>
                <a:rect l="l" t="t" r="r" b="b"/>
                <a:pathLst>
                  <a:path w="222985" h="304280">
                    <a:moveTo>
                      <a:pt x="222985" y="304280"/>
                    </a:moveTo>
                    <a:lnTo>
                      <a:pt x="222985" y="0"/>
                    </a:lnTo>
                    <a:lnTo>
                      <a:pt x="0" y="0"/>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7" name="Freeform: Shape 26">
                <a:extLst>
                  <a:ext uri="{FF2B5EF4-FFF2-40B4-BE49-F238E27FC236}">
                    <a16:creationId xmlns:a16="http://schemas.microsoft.com/office/drawing/2014/main" id="{343CB7C8-FB3D-8AE5-13EF-D0D22F3F09E8}"/>
                  </a:ext>
                </a:extLst>
              </p:cNvPr>
              <p:cNvSpPr/>
              <p:nvPr/>
            </p:nvSpPr>
            <p:spPr>
              <a:xfrm>
                <a:off x="575745" y="2142240"/>
                <a:ext cx="144313" cy="212489"/>
              </a:xfrm>
              <a:custGeom>
                <a:avLst/>
                <a:gdLst>
                  <a:gd name="connsiteX0" fmla="*/ 144314 w 144313"/>
                  <a:gd name="connsiteY0" fmla="*/ 212490 h 212489"/>
                  <a:gd name="connsiteX1" fmla="*/ 70845 w 144313"/>
                  <a:gd name="connsiteY1" fmla="*/ 212490 h 212489"/>
                  <a:gd name="connsiteX2" fmla="*/ 70845 w 144313"/>
                  <a:gd name="connsiteY2" fmla="*/ 0 h 212489"/>
                  <a:gd name="connsiteX3" fmla="*/ 0 w 144313"/>
                  <a:gd name="connsiteY3" fmla="*/ 0 h 212489"/>
                </a:gdLst>
                <a:ahLst/>
                <a:cxnLst>
                  <a:cxn ang="0">
                    <a:pos x="connsiteX0" y="connsiteY0"/>
                  </a:cxn>
                  <a:cxn ang="0">
                    <a:pos x="connsiteX1" y="connsiteY1"/>
                  </a:cxn>
                  <a:cxn ang="0">
                    <a:pos x="connsiteX2" y="connsiteY2"/>
                  </a:cxn>
                  <a:cxn ang="0">
                    <a:pos x="connsiteX3" y="connsiteY3"/>
                  </a:cxn>
                </a:cxnLst>
                <a:rect l="l" t="t" r="r" b="b"/>
                <a:pathLst>
                  <a:path w="144313" h="212489">
                    <a:moveTo>
                      <a:pt x="144314" y="212490"/>
                    </a:moveTo>
                    <a:lnTo>
                      <a:pt x="70845" y="212490"/>
                    </a:lnTo>
                    <a:lnTo>
                      <a:pt x="70845" y="0"/>
                    </a:lnTo>
                    <a:lnTo>
                      <a:pt x="0" y="0"/>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8" name="Freeform: Shape 27">
                <a:extLst>
                  <a:ext uri="{FF2B5EF4-FFF2-40B4-BE49-F238E27FC236}">
                    <a16:creationId xmlns:a16="http://schemas.microsoft.com/office/drawing/2014/main" id="{B8896EC0-D588-5018-7D99-8336A35D4958}"/>
                  </a:ext>
                </a:extLst>
              </p:cNvPr>
              <p:cNvSpPr/>
              <p:nvPr/>
            </p:nvSpPr>
            <p:spPr>
              <a:xfrm>
                <a:off x="108829" y="2297004"/>
                <a:ext cx="60349" cy="826298"/>
              </a:xfrm>
              <a:custGeom>
                <a:avLst/>
                <a:gdLst>
                  <a:gd name="connsiteX0" fmla="*/ 60349 w 60349"/>
                  <a:gd name="connsiteY0" fmla="*/ 0 h 826298"/>
                  <a:gd name="connsiteX1" fmla="*/ 0 w 60349"/>
                  <a:gd name="connsiteY1" fmla="*/ 0 h 826298"/>
                  <a:gd name="connsiteX2" fmla="*/ 0 w 60349"/>
                  <a:gd name="connsiteY2" fmla="*/ 826298 h 826298"/>
                </a:gdLst>
                <a:ahLst/>
                <a:cxnLst>
                  <a:cxn ang="0">
                    <a:pos x="connsiteX0" y="connsiteY0"/>
                  </a:cxn>
                  <a:cxn ang="0">
                    <a:pos x="connsiteX1" y="connsiteY1"/>
                  </a:cxn>
                  <a:cxn ang="0">
                    <a:pos x="connsiteX2" y="connsiteY2"/>
                  </a:cxn>
                </a:cxnLst>
                <a:rect l="l" t="t" r="r" b="b"/>
                <a:pathLst>
                  <a:path w="60349" h="826298">
                    <a:moveTo>
                      <a:pt x="60349" y="0"/>
                    </a:moveTo>
                    <a:lnTo>
                      <a:pt x="0" y="0"/>
                    </a:lnTo>
                    <a:lnTo>
                      <a:pt x="0" y="826298"/>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9" name="Freeform: Shape 28">
                <a:extLst>
                  <a:ext uri="{FF2B5EF4-FFF2-40B4-BE49-F238E27FC236}">
                    <a16:creationId xmlns:a16="http://schemas.microsoft.com/office/drawing/2014/main" id="{552C9296-27E3-27F9-8574-0D5D21E0DB96}"/>
                  </a:ext>
                </a:extLst>
              </p:cNvPr>
              <p:cNvSpPr/>
              <p:nvPr/>
            </p:nvSpPr>
            <p:spPr>
              <a:xfrm>
                <a:off x="2684852" y="2045156"/>
                <a:ext cx="31486" cy="99707"/>
              </a:xfrm>
              <a:custGeom>
                <a:avLst/>
                <a:gdLst>
                  <a:gd name="connsiteX0" fmla="*/ 0 w 31486"/>
                  <a:gd name="connsiteY0" fmla="*/ 99708 h 99707"/>
                  <a:gd name="connsiteX1" fmla="*/ 0 w 31486"/>
                  <a:gd name="connsiteY1" fmla="*/ 0 h 99707"/>
                  <a:gd name="connsiteX2" fmla="*/ 31487 w 31486"/>
                  <a:gd name="connsiteY2" fmla="*/ 0 h 99707"/>
                </a:gdLst>
                <a:ahLst/>
                <a:cxnLst>
                  <a:cxn ang="0">
                    <a:pos x="connsiteX0" y="connsiteY0"/>
                  </a:cxn>
                  <a:cxn ang="0">
                    <a:pos x="connsiteX1" y="connsiteY1"/>
                  </a:cxn>
                  <a:cxn ang="0">
                    <a:pos x="connsiteX2" y="connsiteY2"/>
                  </a:cxn>
                </a:cxnLst>
                <a:rect l="l" t="t" r="r" b="b"/>
                <a:pathLst>
                  <a:path w="31486" h="99707">
                    <a:moveTo>
                      <a:pt x="0" y="99708"/>
                    </a:moveTo>
                    <a:lnTo>
                      <a:pt x="0" y="0"/>
                    </a:lnTo>
                    <a:lnTo>
                      <a:pt x="31487" y="0"/>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0" name="Freeform: Shape 29">
                <a:extLst>
                  <a:ext uri="{FF2B5EF4-FFF2-40B4-BE49-F238E27FC236}">
                    <a16:creationId xmlns:a16="http://schemas.microsoft.com/office/drawing/2014/main" id="{5C24521D-B5EF-614A-7DAD-03A7059858FC}"/>
                  </a:ext>
                </a:extLst>
              </p:cNvPr>
              <p:cNvSpPr/>
              <p:nvPr/>
            </p:nvSpPr>
            <p:spPr>
              <a:xfrm>
                <a:off x="2897342" y="2047780"/>
                <a:ext cx="304280" cy="899767"/>
              </a:xfrm>
              <a:custGeom>
                <a:avLst/>
                <a:gdLst>
                  <a:gd name="connsiteX0" fmla="*/ 0 w 304280"/>
                  <a:gd name="connsiteY0" fmla="*/ 0 h 899767"/>
                  <a:gd name="connsiteX1" fmla="*/ 112782 w 304280"/>
                  <a:gd name="connsiteY1" fmla="*/ 0 h 899767"/>
                  <a:gd name="connsiteX2" fmla="*/ 112782 w 304280"/>
                  <a:gd name="connsiteY2" fmla="*/ 417108 h 899767"/>
                  <a:gd name="connsiteX3" fmla="*/ 304280 w 304280"/>
                  <a:gd name="connsiteY3" fmla="*/ 417108 h 899767"/>
                  <a:gd name="connsiteX4" fmla="*/ 304280 w 304280"/>
                  <a:gd name="connsiteY4" fmla="*/ 899767 h 89976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4280" h="899767">
                    <a:moveTo>
                      <a:pt x="0" y="0"/>
                    </a:moveTo>
                    <a:lnTo>
                      <a:pt x="112782" y="0"/>
                    </a:lnTo>
                    <a:lnTo>
                      <a:pt x="112782" y="417108"/>
                    </a:lnTo>
                    <a:lnTo>
                      <a:pt x="304280" y="417108"/>
                    </a:lnTo>
                    <a:lnTo>
                      <a:pt x="304280" y="899767"/>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1" name="Freeform: Shape 30">
                <a:extLst>
                  <a:ext uri="{FF2B5EF4-FFF2-40B4-BE49-F238E27FC236}">
                    <a16:creationId xmlns:a16="http://schemas.microsoft.com/office/drawing/2014/main" id="{88F46DA8-D9F3-7487-7E3F-935A6E3475AE}"/>
                  </a:ext>
                </a:extLst>
              </p:cNvPr>
              <p:cNvSpPr/>
              <p:nvPr/>
            </p:nvSpPr>
            <p:spPr>
              <a:xfrm>
                <a:off x="927300" y="18956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2" name="Freeform: Shape 31">
                <a:extLst>
                  <a:ext uri="{FF2B5EF4-FFF2-40B4-BE49-F238E27FC236}">
                    <a16:creationId xmlns:a16="http://schemas.microsoft.com/office/drawing/2014/main" id="{9E1D9274-3364-6C87-7A9E-D1FD3E390CF1}"/>
                  </a:ext>
                </a:extLst>
              </p:cNvPr>
              <p:cNvSpPr/>
              <p:nvPr/>
            </p:nvSpPr>
            <p:spPr>
              <a:xfrm>
                <a:off x="977969" y="18956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3" name="Freeform: Shape 32">
                <a:extLst>
                  <a:ext uri="{FF2B5EF4-FFF2-40B4-BE49-F238E27FC236}">
                    <a16:creationId xmlns:a16="http://schemas.microsoft.com/office/drawing/2014/main" id="{E8E4D987-D00B-54F0-BEBC-7F6D909A5F9D}"/>
                  </a:ext>
                </a:extLst>
              </p:cNvPr>
              <p:cNvSpPr/>
              <p:nvPr/>
            </p:nvSpPr>
            <p:spPr>
              <a:xfrm>
                <a:off x="1028637" y="18956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 name="Freeform: Shape 33">
                <a:extLst>
                  <a:ext uri="{FF2B5EF4-FFF2-40B4-BE49-F238E27FC236}">
                    <a16:creationId xmlns:a16="http://schemas.microsoft.com/office/drawing/2014/main" id="{ACFFC0B0-0740-0C46-737D-8C0E99F010DB}"/>
                  </a:ext>
                </a:extLst>
              </p:cNvPr>
              <p:cNvSpPr/>
              <p:nvPr/>
            </p:nvSpPr>
            <p:spPr>
              <a:xfrm>
                <a:off x="1079305" y="18956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5" name="Freeform: Shape 34">
                <a:extLst>
                  <a:ext uri="{FF2B5EF4-FFF2-40B4-BE49-F238E27FC236}">
                    <a16:creationId xmlns:a16="http://schemas.microsoft.com/office/drawing/2014/main" id="{24B7E701-7140-60F1-499B-5E5948E4E330}"/>
                  </a:ext>
                </a:extLst>
              </p:cNvPr>
              <p:cNvSpPr/>
              <p:nvPr/>
            </p:nvSpPr>
            <p:spPr>
              <a:xfrm>
                <a:off x="1129973" y="18956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6" name="Freeform: Shape 35">
                <a:extLst>
                  <a:ext uri="{FF2B5EF4-FFF2-40B4-BE49-F238E27FC236}">
                    <a16:creationId xmlns:a16="http://schemas.microsoft.com/office/drawing/2014/main" id="{94B867DC-7107-54C2-3816-CE5AD13A9C79}"/>
                  </a:ext>
                </a:extLst>
              </p:cNvPr>
              <p:cNvSpPr/>
              <p:nvPr/>
            </p:nvSpPr>
            <p:spPr>
              <a:xfrm>
                <a:off x="927300" y="198878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 name="Freeform: Shape 41">
                <a:extLst>
                  <a:ext uri="{FF2B5EF4-FFF2-40B4-BE49-F238E27FC236}">
                    <a16:creationId xmlns:a16="http://schemas.microsoft.com/office/drawing/2014/main" id="{79A017E9-E4FF-4EE4-B637-93871AFF53A5}"/>
                  </a:ext>
                </a:extLst>
              </p:cNvPr>
              <p:cNvSpPr/>
              <p:nvPr/>
            </p:nvSpPr>
            <p:spPr>
              <a:xfrm>
                <a:off x="977969" y="198878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9" name="Freeform: Shape 48">
                <a:extLst>
                  <a:ext uri="{FF2B5EF4-FFF2-40B4-BE49-F238E27FC236}">
                    <a16:creationId xmlns:a16="http://schemas.microsoft.com/office/drawing/2014/main" id="{7886FDF2-9A5F-249E-680C-57092E7DF490}"/>
                  </a:ext>
                </a:extLst>
              </p:cNvPr>
              <p:cNvSpPr/>
              <p:nvPr/>
            </p:nvSpPr>
            <p:spPr>
              <a:xfrm>
                <a:off x="1028637" y="198878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50" name="Freeform: Shape 49">
                <a:extLst>
                  <a:ext uri="{FF2B5EF4-FFF2-40B4-BE49-F238E27FC236}">
                    <a16:creationId xmlns:a16="http://schemas.microsoft.com/office/drawing/2014/main" id="{C0D6CACC-2804-5594-1B0A-9CDA69BBA6B6}"/>
                  </a:ext>
                </a:extLst>
              </p:cNvPr>
              <p:cNvSpPr/>
              <p:nvPr/>
            </p:nvSpPr>
            <p:spPr>
              <a:xfrm>
                <a:off x="1079305" y="198878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51" name="Freeform: Shape 50">
                <a:extLst>
                  <a:ext uri="{FF2B5EF4-FFF2-40B4-BE49-F238E27FC236}">
                    <a16:creationId xmlns:a16="http://schemas.microsoft.com/office/drawing/2014/main" id="{EC680CF9-1CED-CB46-A887-7FF9AC22EED0}"/>
                  </a:ext>
                </a:extLst>
              </p:cNvPr>
              <p:cNvSpPr/>
              <p:nvPr/>
            </p:nvSpPr>
            <p:spPr>
              <a:xfrm>
                <a:off x="1129973" y="198878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52" name="Freeform: Shape 51">
                <a:extLst>
                  <a:ext uri="{FF2B5EF4-FFF2-40B4-BE49-F238E27FC236}">
                    <a16:creationId xmlns:a16="http://schemas.microsoft.com/office/drawing/2014/main" id="{26672221-5915-5787-1EF1-7F66953321D5}"/>
                  </a:ext>
                </a:extLst>
              </p:cNvPr>
              <p:cNvSpPr/>
              <p:nvPr/>
            </p:nvSpPr>
            <p:spPr>
              <a:xfrm>
                <a:off x="927300" y="20818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53" name="Freeform: Shape 52">
                <a:extLst>
                  <a:ext uri="{FF2B5EF4-FFF2-40B4-BE49-F238E27FC236}">
                    <a16:creationId xmlns:a16="http://schemas.microsoft.com/office/drawing/2014/main" id="{8DB1A1E7-3E4A-3BE2-9D55-2CD8DA310525}"/>
                  </a:ext>
                </a:extLst>
              </p:cNvPr>
              <p:cNvSpPr/>
              <p:nvPr/>
            </p:nvSpPr>
            <p:spPr>
              <a:xfrm>
                <a:off x="977969" y="20818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55" name="Freeform: Shape 54">
                <a:extLst>
                  <a:ext uri="{FF2B5EF4-FFF2-40B4-BE49-F238E27FC236}">
                    <a16:creationId xmlns:a16="http://schemas.microsoft.com/office/drawing/2014/main" id="{563856AB-F4F7-C36A-5134-D5A248D76D19}"/>
                  </a:ext>
                </a:extLst>
              </p:cNvPr>
              <p:cNvSpPr/>
              <p:nvPr/>
            </p:nvSpPr>
            <p:spPr>
              <a:xfrm>
                <a:off x="1028637" y="20818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56" name="Freeform: Shape 55">
                <a:extLst>
                  <a:ext uri="{FF2B5EF4-FFF2-40B4-BE49-F238E27FC236}">
                    <a16:creationId xmlns:a16="http://schemas.microsoft.com/office/drawing/2014/main" id="{B36A9CB6-BFBB-2B17-C2B5-0B1D81E265A1}"/>
                  </a:ext>
                </a:extLst>
              </p:cNvPr>
              <p:cNvSpPr/>
              <p:nvPr/>
            </p:nvSpPr>
            <p:spPr>
              <a:xfrm>
                <a:off x="1079305" y="20818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59" name="Freeform: Shape 58">
                <a:extLst>
                  <a:ext uri="{FF2B5EF4-FFF2-40B4-BE49-F238E27FC236}">
                    <a16:creationId xmlns:a16="http://schemas.microsoft.com/office/drawing/2014/main" id="{7BC419BF-7A33-F60C-5867-AACD45EC95D6}"/>
                  </a:ext>
                </a:extLst>
              </p:cNvPr>
              <p:cNvSpPr/>
              <p:nvPr/>
            </p:nvSpPr>
            <p:spPr>
              <a:xfrm>
                <a:off x="1129973" y="20818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60" name="Freeform: Shape 59">
                <a:extLst>
                  <a:ext uri="{FF2B5EF4-FFF2-40B4-BE49-F238E27FC236}">
                    <a16:creationId xmlns:a16="http://schemas.microsoft.com/office/drawing/2014/main" id="{3E472C44-D3C1-A6DC-D6F4-A548C7787F90}"/>
                  </a:ext>
                </a:extLst>
              </p:cNvPr>
              <p:cNvSpPr/>
              <p:nvPr/>
            </p:nvSpPr>
            <p:spPr>
              <a:xfrm>
                <a:off x="927300" y="217503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61" name="Freeform: Shape 60">
                <a:extLst>
                  <a:ext uri="{FF2B5EF4-FFF2-40B4-BE49-F238E27FC236}">
                    <a16:creationId xmlns:a16="http://schemas.microsoft.com/office/drawing/2014/main" id="{A8DE2533-F082-ED98-239D-E2510DD25853}"/>
                  </a:ext>
                </a:extLst>
              </p:cNvPr>
              <p:cNvSpPr/>
              <p:nvPr/>
            </p:nvSpPr>
            <p:spPr>
              <a:xfrm>
                <a:off x="977969" y="217503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62" name="Freeform: Shape 61">
                <a:extLst>
                  <a:ext uri="{FF2B5EF4-FFF2-40B4-BE49-F238E27FC236}">
                    <a16:creationId xmlns:a16="http://schemas.microsoft.com/office/drawing/2014/main" id="{AE64B127-915B-457A-2DF6-0AFCCA80EC2C}"/>
                  </a:ext>
                </a:extLst>
              </p:cNvPr>
              <p:cNvSpPr/>
              <p:nvPr/>
            </p:nvSpPr>
            <p:spPr>
              <a:xfrm>
                <a:off x="1028637" y="217503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63" name="Freeform: Shape 62">
                <a:extLst>
                  <a:ext uri="{FF2B5EF4-FFF2-40B4-BE49-F238E27FC236}">
                    <a16:creationId xmlns:a16="http://schemas.microsoft.com/office/drawing/2014/main" id="{DD6C471A-5148-2A44-62E4-2A419539CDFA}"/>
                  </a:ext>
                </a:extLst>
              </p:cNvPr>
              <p:cNvSpPr/>
              <p:nvPr/>
            </p:nvSpPr>
            <p:spPr>
              <a:xfrm>
                <a:off x="1079305" y="217503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32" name="Freeform: Shape 4031">
                <a:extLst>
                  <a:ext uri="{FF2B5EF4-FFF2-40B4-BE49-F238E27FC236}">
                    <a16:creationId xmlns:a16="http://schemas.microsoft.com/office/drawing/2014/main" id="{D48B366D-98AE-7C4C-E138-3559E2426088}"/>
                  </a:ext>
                </a:extLst>
              </p:cNvPr>
              <p:cNvSpPr/>
              <p:nvPr/>
            </p:nvSpPr>
            <p:spPr>
              <a:xfrm>
                <a:off x="1129973" y="217503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33" name="Freeform: Shape 4032">
                <a:extLst>
                  <a:ext uri="{FF2B5EF4-FFF2-40B4-BE49-F238E27FC236}">
                    <a16:creationId xmlns:a16="http://schemas.microsoft.com/office/drawing/2014/main" id="{B31C6C22-B4F9-E84D-A99E-4A31C2FFA7D1}"/>
                  </a:ext>
                </a:extLst>
              </p:cNvPr>
              <p:cNvSpPr/>
              <p:nvPr/>
            </p:nvSpPr>
            <p:spPr>
              <a:xfrm>
                <a:off x="927300" y="226814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34" name="Freeform: Shape 4033">
                <a:extLst>
                  <a:ext uri="{FF2B5EF4-FFF2-40B4-BE49-F238E27FC236}">
                    <a16:creationId xmlns:a16="http://schemas.microsoft.com/office/drawing/2014/main" id="{38182FE1-B6CF-0FCC-8337-216720921CEC}"/>
                  </a:ext>
                </a:extLst>
              </p:cNvPr>
              <p:cNvSpPr/>
              <p:nvPr/>
            </p:nvSpPr>
            <p:spPr>
              <a:xfrm>
                <a:off x="977969" y="226814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35" name="Freeform: Shape 4034">
                <a:extLst>
                  <a:ext uri="{FF2B5EF4-FFF2-40B4-BE49-F238E27FC236}">
                    <a16:creationId xmlns:a16="http://schemas.microsoft.com/office/drawing/2014/main" id="{0C337A7D-0036-C980-A57D-402131394E04}"/>
                  </a:ext>
                </a:extLst>
              </p:cNvPr>
              <p:cNvSpPr/>
              <p:nvPr/>
            </p:nvSpPr>
            <p:spPr>
              <a:xfrm>
                <a:off x="1028637" y="226814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36" name="Freeform: Shape 4035">
                <a:extLst>
                  <a:ext uri="{FF2B5EF4-FFF2-40B4-BE49-F238E27FC236}">
                    <a16:creationId xmlns:a16="http://schemas.microsoft.com/office/drawing/2014/main" id="{A720DE4F-BB6C-8588-F602-240499FF74AC}"/>
                  </a:ext>
                </a:extLst>
              </p:cNvPr>
              <p:cNvSpPr/>
              <p:nvPr/>
            </p:nvSpPr>
            <p:spPr>
              <a:xfrm>
                <a:off x="1079305" y="226814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37" name="Freeform: Shape 4036">
                <a:extLst>
                  <a:ext uri="{FF2B5EF4-FFF2-40B4-BE49-F238E27FC236}">
                    <a16:creationId xmlns:a16="http://schemas.microsoft.com/office/drawing/2014/main" id="{13AE075B-A0EE-A14F-D6D0-51C152B8746B}"/>
                  </a:ext>
                </a:extLst>
              </p:cNvPr>
              <p:cNvSpPr/>
              <p:nvPr/>
            </p:nvSpPr>
            <p:spPr>
              <a:xfrm>
                <a:off x="1129973" y="226814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38" name="Freeform: Shape 4037">
                <a:extLst>
                  <a:ext uri="{FF2B5EF4-FFF2-40B4-BE49-F238E27FC236}">
                    <a16:creationId xmlns:a16="http://schemas.microsoft.com/office/drawing/2014/main" id="{88687CE3-BD9F-7006-75BD-F10CB8C42486}"/>
                  </a:ext>
                </a:extLst>
              </p:cNvPr>
              <p:cNvSpPr/>
              <p:nvPr/>
            </p:nvSpPr>
            <p:spPr>
              <a:xfrm>
                <a:off x="927300" y="236128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39" name="Freeform: Shape 4038">
                <a:extLst>
                  <a:ext uri="{FF2B5EF4-FFF2-40B4-BE49-F238E27FC236}">
                    <a16:creationId xmlns:a16="http://schemas.microsoft.com/office/drawing/2014/main" id="{D0ED8F9B-4977-5310-BDEC-699BEA329CA3}"/>
                  </a:ext>
                </a:extLst>
              </p:cNvPr>
              <p:cNvSpPr/>
              <p:nvPr/>
            </p:nvSpPr>
            <p:spPr>
              <a:xfrm>
                <a:off x="977969" y="236128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0" name="Freeform: Shape 4039">
                <a:extLst>
                  <a:ext uri="{FF2B5EF4-FFF2-40B4-BE49-F238E27FC236}">
                    <a16:creationId xmlns:a16="http://schemas.microsoft.com/office/drawing/2014/main" id="{DB12FB4C-CBB7-87D9-414B-B2DC192D24AA}"/>
                  </a:ext>
                </a:extLst>
              </p:cNvPr>
              <p:cNvSpPr/>
              <p:nvPr/>
            </p:nvSpPr>
            <p:spPr>
              <a:xfrm>
                <a:off x="1028637" y="236128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1" name="Freeform: Shape 4040">
                <a:extLst>
                  <a:ext uri="{FF2B5EF4-FFF2-40B4-BE49-F238E27FC236}">
                    <a16:creationId xmlns:a16="http://schemas.microsoft.com/office/drawing/2014/main" id="{86D2562E-7C80-D36E-185D-446F1E5F09FA}"/>
                  </a:ext>
                </a:extLst>
              </p:cNvPr>
              <p:cNvSpPr/>
              <p:nvPr/>
            </p:nvSpPr>
            <p:spPr>
              <a:xfrm>
                <a:off x="1079305" y="236128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2" name="Freeform: Shape 4041">
                <a:extLst>
                  <a:ext uri="{FF2B5EF4-FFF2-40B4-BE49-F238E27FC236}">
                    <a16:creationId xmlns:a16="http://schemas.microsoft.com/office/drawing/2014/main" id="{9AE8F3D3-0C95-D02A-FCDC-A3004291C35C}"/>
                  </a:ext>
                </a:extLst>
              </p:cNvPr>
              <p:cNvSpPr/>
              <p:nvPr/>
            </p:nvSpPr>
            <p:spPr>
              <a:xfrm>
                <a:off x="1129973" y="236128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3" name="Freeform: Shape 4042">
                <a:extLst>
                  <a:ext uri="{FF2B5EF4-FFF2-40B4-BE49-F238E27FC236}">
                    <a16:creationId xmlns:a16="http://schemas.microsoft.com/office/drawing/2014/main" id="{A40B7791-83A7-A0F2-9155-FDA1ACA9970E}"/>
                  </a:ext>
                </a:extLst>
              </p:cNvPr>
              <p:cNvSpPr/>
              <p:nvPr/>
            </p:nvSpPr>
            <p:spPr>
              <a:xfrm>
                <a:off x="754531" y="236128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4" name="Freeform: Shape 4043">
                <a:extLst>
                  <a:ext uri="{FF2B5EF4-FFF2-40B4-BE49-F238E27FC236}">
                    <a16:creationId xmlns:a16="http://schemas.microsoft.com/office/drawing/2014/main" id="{6BBD0B9F-59FC-37CE-33EE-EEC3B3DEA245}"/>
                  </a:ext>
                </a:extLst>
              </p:cNvPr>
              <p:cNvSpPr/>
              <p:nvPr/>
            </p:nvSpPr>
            <p:spPr>
              <a:xfrm>
                <a:off x="805199" y="236128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5" name="Freeform: Shape 4044">
                <a:extLst>
                  <a:ext uri="{FF2B5EF4-FFF2-40B4-BE49-F238E27FC236}">
                    <a16:creationId xmlns:a16="http://schemas.microsoft.com/office/drawing/2014/main" id="{9E2FE2FD-6D57-4D8B-970F-55DB448F2AB2}"/>
                  </a:ext>
                </a:extLst>
              </p:cNvPr>
              <p:cNvSpPr/>
              <p:nvPr/>
            </p:nvSpPr>
            <p:spPr>
              <a:xfrm>
                <a:off x="855867" y="2361289"/>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6" name="Freeform: Shape 4045">
                <a:extLst>
                  <a:ext uri="{FF2B5EF4-FFF2-40B4-BE49-F238E27FC236}">
                    <a16:creationId xmlns:a16="http://schemas.microsoft.com/office/drawing/2014/main" id="{8E4A22BB-DB7A-37CE-6B1B-F9302BFC6C10}"/>
                  </a:ext>
                </a:extLst>
              </p:cNvPr>
              <p:cNvSpPr/>
              <p:nvPr/>
            </p:nvSpPr>
            <p:spPr>
              <a:xfrm>
                <a:off x="754531" y="245176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7" name="Freeform: Shape 4046">
                <a:extLst>
                  <a:ext uri="{FF2B5EF4-FFF2-40B4-BE49-F238E27FC236}">
                    <a16:creationId xmlns:a16="http://schemas.microsoft.com/office/drawing/2014/main" id="{6CFBFBFA-0384-CEAF-21E6-9215CDFFB7E0}"/>
                  </a:ext>
                </a:extLst>
              </p:cNvPr>
              <p:cNvSpPr/>
              <p:nvPr/>
            </p:nvSpPr>
            <p:spPr>
              <a:xfrm>
                <a:off x="805199" y="245176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9" name="Freeform: Shape 4048">
                <a:extLst>
                  <a:ext uri="{FF2B5EF4-FFF2-40B4-BE49-F238E27FC236}">
                    <a16:creationId xmlns:a16="http://schemas.microsoft.com/office/drawing/2014/main" id="{CEB4A405-166F-FCA8-681F-C66F8E08D0FC}"/>
                  </a:ext>
                </a:extLst>
              </p:cNvPr>
              <p:cNvSpPr/>
              <p:nvPr/>
            </p:nvSpPr>
            <p:spPr>
              <a:xfrm>
                <a:off x="855867" y="245176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0" name="Freeform: Shape 4049">
                <a:extLst>
                  <a:ext uri="{FF2B5EF4-FFF2-40B4-BE49-F238E27FC236}">
                    <a16:creationId xmlns:a16="http://schemas.microsoft.com/office/drawing/2014/main" id="{2EF08E3E-CF94-EC0A-937E-24073C415FBE}"/>
                  </a:ext>
                </a:extLst>
              </p:cNvPr>
              <p:cNvSpPr/>
              <p:nvPr/>
            </p:nvSpPr>
            <p:spPr>
              <a:xfrm>
                <a:off x="754531" y="254229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1" name="Freeform: Shape 4050">
                <a:extLst>
                  <a:ext uri="{FF2B5EF4-FFF2-40B4-BE49-F238E27FC236}">
                    <a16:creationId xmlns:a16="http://schemas.microsoft.com/office/drawing/2014/main" id="{F3424981-A64A-1D78-F243-C2295C3AFB21}"/>
                  </a:ext>
                </a:extLst>
              </p:cNvPr>
              <p:cNvSpPr/>
              <p:nvPr/>
            </p:nvSpPr>
            <p:spPr>
              <a:xfrm>
                <a:off x="805199" y="254229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2" name="Freeform: Shape 4051">
                <a:extLst>
                  <a:ext uri="{FF2B5EF4-FFF2-40B4-BE49-F238E27FC236}">
                    <a16:creationId xmlns:a16="http://schemas.microsoft.com/office/drawing/2014/main" id="{8EAE0791-999C-2CBB-5F59-71A422E33DFF}"/>
                  </a:ext>
                </a:extLst>
              </p:cNvPr>
              <p:cNvSpPr/>
              <p:nvPr/>
            </p:nvSpPr>
            <p:spPr>
              <a:xfrm>
                <a:off x="855867" y="254229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3" name="Freeform: Shape 4052">
                <a:extLst>
                  <a:ext uri="{FF2B5EF4-FFF2-40B4-BE49-F238E27FC236}">
                    <a16:creationId xmlns:a16="http://schemas.microsoft.com/office/drawing/2014/main" id="{1EAE2A00-141C-2713-866F-F05B57D2C3F2}"/>
                  </a:ext>
                </a:extLst>
              </p:cNvPr>
              <p:cNvSpPr/>
              <p:nvPr/>
            </p:nvSpPr>
            <p:spPr>
              <a:xfrm>
                <a:off x="754531" y="263277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4" name="Freeform: Shape 4053">
                <a:extLst>
                  <a:ext uri="{FF2B5EF4-FFF2-40B4-BE49-F238E27FC236}">
                    <a16:creationId xmlns:a16="http://schemas.microsoft.com/office/drawing/2014/main" id="{DDF03B32-B1E5-775C-BB7E-B81C30464045}"/>
                  </a:ext>
                </a:extLst>
              </p:cNvPr>
              <p:cNvSpPr/>
              <p:nvPr/>
            </p:nvSpPr>
            <p:spPr>
              <a:xfrm>
                <a:off x="805199" y="263277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5" name="Freeform: Shape 4054">
                <a:extLst>
                  <a:ext uri="{FF2B5EF4-FFF2-40B4-BE49-F238E27FC236}">
                    <a16:creationId xmlns:a16="http://schemas.microsoft.com/office/drawing/2014/main" id="{9E03FE04-B89B-8A02-81D3-6B863C8A2A30}"/>
                  </a:ext>
                </a:extLst>
              </p:cNvPr>
              <p:cNvSpPr/>
              <p:nvPr/>
            </p:nvSpPr>
            <p:spPr>
              <a:xfrm>
                <a:off x="855867" y="263277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6" name="Freeform: Shape 4055">
                <a:extLst>
                  <a:ext uri="{FF2B5EF4-FFF2-40B4-BE49-F238E27FC236}">
                    <a16:creationId xmlns:a16="http://schemas.microsoft.com/office/drawing/2014/main" id="{E5255215-A03F-C473-7EA0-4378F2B3944D}"/>
                  </a:ext>
                </a:extLst>
              </p:cNvPr>
              <p:cNvSpPr/>
              <p:nvPr/>
            </p:nvSpPr>
            <p:spPr>
              <a:xfrm>
                <a:off x="754531" y="272329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7" name="Freeform: Shape 4056">
                <a:extLst>
                  <a:ext uri="{FF2B5EF4-FFF2-40B4-BE49-F238E27FC236}">
                    <a16:creationId xmlns:a16="http://schemas.microsoft.com/office/drawing/2014/main" id="{1231F0D9-0842-75C3-D3CA-CC1EADBCC279}"/>
                  </a:ext>
                </a:extLst>
              </p:cNvPr>
              <p:cNvSpPr/>
              <p:nvPr/>
            </p:nvSpPr>
            <p:spPr>
              <a:xfrm>
                <a:off x="805199" y="272329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8" name="Freeform: Shape 4057">
                <a:extLst>
                  <a:ext uri="{FF2B5EF4-FFF2-40B4-BE49-F238E27FC236}">
                    <a16:creationId xmlns:a16="http://schemas.microsoft.com/office/drawing/2014/main" id="{AC939EAF-C173-B238-89F7-75CC13AEFF10}"/>
                  </a:ext>
                </a:extLst>
              </p:cNvPr>
              <p:cNvSpPr/>
              <p:nvPr/>
            </p:nvSpPr>
            <p:spPr>
              <a:xfrm>
                <a:off x="855867" y="272329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9" name="Freeform: Shape 4058">
                <a:extLst>
                  <a:ext uri="{FF2B5EF4-FFF2-40B4-BE49-F238E27FC236}">
                    <a16:creationId xmlns:a16="http://schemas.microsoft.com/office/drawing/2014/main" id="{8DAE000F-D356-33F8-9A34-C07AB0BA14FD}"/>
                  </a:ext>
                </a:extLst>
              </p:cNvPr>
              <p:cNvSpPr/>
              <p:nvPr/>
            </p:nvSpPr>
            <p:spPr>
              <a:xfrm>
                <a:off x="754531" y="281377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0" name="Freeform: Shape 4059">
                <a:extLst>
                  <a:ext uri="{FF2B5EF4-FFF2-40B4-BE49-F238E27FC236}">
                    <a16:creationId xmlns:a16="http://schemas.microsoft.com/office/drawing/2014/main" id="{AA5D3013-7D62-BD6B-E80C-0CD3CEF62668}"/>
                  </a:ext>
                </a:extLst>
              </p:cNvPr>
              <p:cNvSpPr/>
              <p:nvPr/>
            </p:nvSpPr>
            <p:spPr>
              <a:xfrm>
                <a:off x="805199" y="281377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1" name="Freeform: Shape 4060">
                <a:extLst>
                  <a:ext uri="{FF2B5EF4-FFF2-40B4-BE49-F238E27FC236}">
                    <a16:creationId xmlns:a16="http://schemas.microsoft.com/office/drawing/2014/main" id="{A73FF6CF-91EC-1AAE-D387-40051914EBE3}"/>
                  </a:ext>
                </a:extLst>
              </p:cNvPr>
              <p:cNvSpPr/>
              <p:nvPr/>
            </p:nvSpPr>
            <p:spPr>
              <a:xfrm>
                <a:off x="855867" y="281377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2" name="Freeform: Shape 4061">
                <a:extLst>
                  <a:ext uri="{FF2B5EF4-FFF2-40B4-BE49-F238E27FC236}">
                    <a16:creationId xmlns:a16="http://schemas.microsoft.com/office/drawing/2014/main" id="{FF124269-BB6C-CAFD-FD6A-2CEA968235A0}"/>
                  </a:ext>
                </a:extLst>
              </p:cNvPr>
              <p:cNvSpPr/>
              <p:nvPr/>
            </p:nvSpPr>
            <p:spPr>
              <a:xfrm>
                <a:off x="754531" y="290429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3" name="Freeform: Shape 4062">
                <a:extLst>
                  <a:ext uri="{FF2B5EF4-FFF2-40B4-BE49-F238E27FC236}">
                    <a16:creationId xmlns:a16="http://schemas.microsoft.com/office/drawing/2014/main" id="{D211D424-7E28-173D-151C-8EA5873445EA}"/>
                  </a:ext>
                </a:extLst>
              </p:cNvPr>
              <p:cNvSpPr/>
              <p:nvPr/>
            </p:nvSpPr>
            <p:spPr>
              <a:xfrm>
                <a:off x="805199" y="290429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4" name="Freeform: Shape 4063">
                <a:extLst>
                  <a:ext uri="{FF2B5EF4-FFF2-40B4-BE49-F238E27FC236}">
                    <a16:creationId xmlns:a16="http://schemas.microsoft.com/office/drawing/2014/main" id="{8EA4566F-DBD0-6319-5ED6-4EA0D2372F4E}"/>
                  </a:ext>
                </a:extLst>
              </p:cNvPr>
              <p:cNvSpPr/>
              <p:nvPr/>
            </p:nvSpPr>
            <p:spPr>
              <a:xfrm>
                <a:off x="855867" y="2904298"/>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5" name="Freeform: Shape 4064">
                <a:extLst>
                  <a:ext uri="{FF2B5EF4-FFF2-40B4-BE49-F238E27FC236}">
                    <a16:creationId xmlns:a16="http://schemas.microsoft.com/office/drawing/2014/main" id="{D74CEDFF-907F-670A-7714-A6D5F7D68E48}"/>
                  </a:ext>
                </a:extLst>
              </p:cNvPr>
              <p:cNvSpPr/>
              <p:nvPr/>
            </p:nvSpPr>
            <p:spPr>
              <a:xfrm>
                <a:off x="754531" y="2994777"/>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6" name="Freeform: Shape 4065">
                <a:extLst>
                  <a:ext uri="{FF2B5EF4-FFF2-40B4-BE49-F238E27FC236}">
                    <a16:creationId xmlns:a16="http://schemas.microsoft.com/office/drawing/2014/main" id="{4176DB26-A84C-5121-A5E5-CB82E822C6E3}"/>
                  </a:ext>
                </a:extLst>
              </p:cNvPr>
              <p:cNvSpPr/>
              <p:nvPr/>
            </p:nvSpPr>
            <p:spPr>
              <a:xfrm>
                <a:off x="805199" y="2994777"/>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7" name="Freeform: Shape 4066">
                <a:extLst>
                  <a:ext uri="{FF2B5EF4-FFF2-40B4-BE49-F238E27FC236}">
                    <a16:creationId xmlns:a16="http://schemas.microsoft.com/office/drawing/2014/main" id="{FECF2E1C-3463-9697-EAB4-A7F4C88E1F50}"/>
                  </a:ext>
                </a:extLst>
              </p:cNvPr>
              <p:cNvSpPr/>
              <p:nvPr/>
            </p:nvSpPr>
            <p:spPr>
              <a:xfrm>
                <a:off x="855867" y="2994777"/>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8" name="Freeform: Shape 4067">
                <a:extLst>
                  <a:ext uri="{FF2B5EF4-FFF2-40B4-BE49-F238E27FC236}">
                    <a16:creationId xmlns:a16="http://schemas.microsoft.com/office/drawing/2014/main" id="{BE8F871A-DFB6-6375-2B22-AA08C93D7E0D}"/>
                  </a:ext>
                </a:extLst>
              </p:cNvPr>
              <p:cNvSpPr/>
              <p:nvPr/>
            </p:nvSpPr>
            <p:spPr>
              <a:xfrm>
                <a:off x="754531" y="308530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9" name="Freeform: Shape 4068">
                <a:extLst>
                  <a:ext uri="{FF2B5EF4-FFF2-40B4-BE49-F238E27FC236}">
                    <a16:creationId xmlns:a16="http://schemas.microsoft.com/office/drawing/2014/main" id="{7DEE3E5F-9EF9-A157-9D89-506FDCBC92EB}"/>
                  </a:ext>
                </a:extLst>
              </p:cNvPr>
              <p:cNvSpPr/>
              <p:nvPr/>
            </p:nvSpPr>
            <p:spPr>
              <a:xfrm>
                <a:off x="805199" y="308530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0" name="Freeform: Shape 4069">
                <a:extLst>
                  <a:ext uri="{FF2B5EF4-FFF2-40B4-BE49-F238E27FC236}">
                    <a16:creationId xmlns:a16="http://schemas.microsoft.com/office/drawing/2014/main" id="{37FBC70C-F05F-EE9A-B969-87CA278F7158}"/>
                  </a:ext>
                </a:extLst>
              </p:cNvPr>
              <p:cNvSpPr/>
              <p:nvPr/>
            </p:nvSpPr>
            <p:spPr>
              <a:xfrm>
                <a:off x="855867" y="308530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1" name="Freeform: Shape 4070">
                <a:extLst>
                  <a:ext uri="{FF2B5EF4-FFF2-40B4-BE49-F238E27FC236}">
                    <a16:creationId xmlns:a16="http://schemas.microsoft.com/office/drawing/2014/main" id="{9F12591D-507E-2839-D5E3-B3F528F1A573}"/>
                  </a:ext>
                </a:extLst>
              </p:cNvPr>
              <p:cNvSpPr/>
              <p:nvPr/>
            </p:nvSpPr>
            <p:spPr>
              <a:xfrm>
                <a:off x="754531" y="317578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2" name="Freeform: Shape 4071">
                <a:extLst>
                  <a:ext uri="{FF2B5EF4-FFF2-40B4-BE49-F238E27FC236}">
                    <a16:creationId xmlns:a16="http://schemas.microsoft.com/office/drawing/2014/main" id="{E36397AF-43CB-328E-62D1-0264FEC4839C}"/>
                  </a:ext>
                </a:extLst>
              </p:cNvPr>
              <p:cNvSpPr/>
              <p:nvPr/>
            </p:nvSpPr>
            <p:spPr>
              <a:xfrm>
                <a:off x="805199" y="317578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3" name="Freeform: Shape 4072">
                <a:extLst>
                  <a:ext uri="{FF2B5EF4-FFF2-40B4-BE49-F238E27FC236}">
                    <a16:creationId xmlns:a16="http://schemas.microsoft.com/office/drawing/2014/main" id="{C24DA019-23AD-FA4E-1160-DDFC6812048F}"/>
                  </a:ext>
                </a:extLst>
              </p:cNvPr>
              <p:cNvSpPr/>
              <p:nvPr/>
            </p:nvSpPr>
            <p:spPr>
              <a:xfrm>
                <a:off x="855867" y="317578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4" name="Freeform: Shape 4073">
                <a:extLst>
                  <a:ext uri="{FF2B5EF4-FFF2-40B4-BE49-F238E27FC236}">
                    <a16:creationId xmlns:a16="http://schemas.microsoft.com/office/drawing/2014/main" id="{2B66D68D-4DEF-DF43-F3D4-121F1085FE64}"/>
                  </a:ext>
                </a:extLst>
              </p:cNvPr>
              <p:cNvSpPr/>
              <p:nvPr/>
            </p:nvSpPr>
            <p:spPr>
              <a:xfrm>
                <a:off x="754531" y="326630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5" name="Freeform: Shape 4074">
                <a:extLst>
                  <a:ext uri="{FF2B5EF4-FFF2-40B4-BE49-F238E27FC236}">
                    <a16:creationId xmlns:a16="http://schemas.microsoft.com/office/drawing/2014/main" id="{BB3B87CE-E789-98D4-788F-DA453ACB6D4E}"/>
                  </a:ext>
                </a:extLst>
              </p:cNvPr>
              <p:cNvSpPr/>
              <p:nvPr/>
            </p:nvSpPr>
            <p:spPr>
              <a:xfrm>
                <a:off x="805199" y="326630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6" name="Freeform: Shape 4075">
                <a:extLst>
                  <a:ext uri="{FF2B5EF4-FFF2-40B4-BE49-F238E27FC236}">
                    <a16:creationId xmlns:a16="http://schemas.microsoft.com/office/drawing/2014/main" id="{A1E78ADA-BECE-C7F3-27E0-41E8B92AF8EA}"/>
                  </a:ext>
                </a:extLst>
              </p:cNvPr>
              <p:cNvSpPr/>
              <p:nvPr/>
            </p:nvSpPr>
            <p:spPr>
              <a:xfrm>
                <a:off x="855867" y="326630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7" name="Freeform: Shape 4076">
                <a:extLst>
                  <a:ext uri="{FF2B5EF4-FFF2-40B4-BE49-F238E27FC236}">
                    <a16:creationId xmlns:a16="http://schemas.microsoft.com/office/drawing/2014/main" id="{3C99E69F-FAED-C213-74E4-65E6C0AF9195}"/>
                  </a:ext>
                </a:extLst>
              </p:cNvPr>
              <p:cNvSpPr/>
              <p:nvPr/>
            </p:nvSpPr>
            <p:spPr>
              <a:xfrm>
                <a:off x="1206337" y="27337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8" name="Freeform: Shape 4077">
                <a:extLst>
                  <a:ext uri="{FF2B5EF4-FFF2-40B4-BE49-F238E27FC236}">
                    <a16:creationId xmlns:a16="http://schemas.microsoft.com/office/drawing/2014/main" id="{F7E70257-4521-B75F-B247-F985915348DE}"/>
                  </a:ext>
                </a:extLst>
              </p:cNvPr>
              <p:cNvSpPr/>
              <p:nvPr/>
            </p:nvSpPr>
            <p:spPr>
              <a:xfrm>
                <a:off x="1257005" y="27337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9" name="Freeform: Shape 4078">
                <a:extLst>
                  <a:ext uri="{FF2B5EF4-FFF2-40B4-BE49-F238E27FC236}">
                    <a16:creationId xmlns:a16="http://schemas.microsoft.com/office/drawing/2014/main" id="{59AA75D2-C4A5-C07C-1A5C-D395D00A0A2E}"/>
                  </a:ext>
                </a:extLst>
              </p:cNvPr>
              <p:cNvSpPr/>
              <p:nvPr/>
            </p:nvSpPr>
            <p:spPr>
              <a:xfrm>
                <a:off x="1206337" y="282427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0" name="Freeform: Shape 4079">
                <a:extLst>
                  <a:ext uri="{FF2B5EF4-FFF2-40B4-BE49-F238E27FC236}">
                    <a16:creationId xmlns:a16="http://schemas.microsoft.com/office/drawing/2014/main" id="{7633E173-5770-07B9-A209-CDC899E2827C}"/>
                  </a:ext>
                </a:extLst>
              </p:cNvPr>
              <p:cNvSpPr/>
              <p:nvPr/>
            </p:nvSpPr>
            <p:spPr>
              <a:xfrm>
                <a:off x="1257005" y="282427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1" name="Freeform: Shape 4080">
                <a:extLst>
                  <a:ext uri="{FF2B5EF4-FFF2-40B4-BE49-F238E27FC236}">
                    <a16:creationId xmlns:a16="http://schemas.microsoft.com/office/drawing/2014/main" id="{FC87AC7C-1501-BBDA-CC08-EB105B800955}"/>
                  </a:ext>
                </a:extLst>
              </p:cNvPr>
              <p:cNvSpPr/>
              <p:nvPr/>
            </p:nvSpPr>
            <p:spPr>
              <a:xfrm>
                <a:off x="1206337" y="291479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2" name="Freeform: Shape 4081">
                <a:extLst>
                  <a:ext uri="{FF2B5EF4-FFF2-40B4-BE49-F238E27FC236}">
                    <a16:creationId xmlns:a16="http://schemas.microsoft.com/office/drawing/2014/main" id="{F6592506-AB67-B7D4-6709-6EF8303B1847}"/>
                  </a:ext>
                </a:extLst>
              </p:cNvPr>
              <p:cNvSpPr/>
              <p:nvPr/>
            </p:nvSpPr>
            <p:spPr>
              <a:xfrm>
                <a:off x="1257005" y="291479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3" name="Freeform: Shape 4082">
                <a:extLst>
                  <a:ext uri="{FF2B5EF4-FFF2-40B4-BE49-F238E27FC236}">
                    <a16:creationId xmlns:a16="http://schemas.microsoft.com/office/drawing/2014/main" id="{67C69D51-EF81-7CDD-0430-6F7E0022B4A2}"/>
                  </a:ext>
                </a:extLst>
              </p:cNvPr>
              <p:cNvSpPr/>
              <p:nvPr/>
            </p:nvSpPr>
            <p:spPr>
              <a:xfrm>
                <a:off x="1206337" y="300527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4" name="Freeform: Shape 4083">
                <a:extLst>
                  <a:ext uri="{FF2B5EF4-FFF2-40B4-BE49-F238E27FC236}">
                    <a16:creationId xmlns:a16="http://schemas.microsoft.com/office/drawing/2014/main" id="{A6D0A991-0717-FBB6-8D87-A6633842655C}"/>
                  </a:ext>
                </a:extLst>
              </p:cNvPr>
              <p:cNvSpPr/>
              <p:nvPr/>
            </p:nvSpPr>
            <p:spPr>
              <a:xfrm>
                <a:off x="1257005" y="300527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5" name="Freeform: Shape 4084">
                <a:extLst>
                  <a:ext uri="{FF2B5EF4-FFF2-40B4-BE49-F238E27FC236}">
                    <a16:creationId xmlns:a16="http://schemas.microsoft.com/office/drawing/2014/main" id="{EB876D43-800F-5EE2-7ED6-D40CAD98A4C6}"/>
                  </a:ext>
                </a:extLst>
              </p:cNvPr>
              <p:cNvSpPr/>
              <p:nvPr/>
            </p:nvSpPr>
            <p:spPr>
              <a:xfrm>
                <a:off x="1206337" y="3095797"/>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6" name="Freeform: Shape 4085">
                <a:extLst>
                  <a:ext uri="{FF2B5EF4-FFF2-40B4-BE49-F238E27FC236}">
                    <a16:creationId xmlns:a16="http://schemas.microsoft.com/office/drawing/2014/main" id="{CB93ED98-C621-601A-5991-877B1AE0BF4A}"/>
                  </a:ext>
                </a:extLst>
              </p:cNvPr>
              <p:cNvSpPr/>
              <p:nvPr/>
            </p:nvSpPr>
            <p:spPr>
              <a:xfrm>
                <a:off x="1257005" y="3095797"/>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7" name="Freeform: Shape 4086">
                <a:extLst>
                  <a:ext uri="{FF2B5EF4-FFF2-40B4-BE49-F238E27FC236}">
                    <a16:creationId xmlns:a16="http://schemas.microsoft.com/office/drawing/2014/main" id="{D9912F1F-F36F-1955-30ED-B4941AED1AAC}"/>
                  </a:ext>
                </a:extLst>
              </p:cNvPr>
              <p:cNvSpPr/>
              <p:nvPr/>
            </p:nvSpPr>
            <p:spPr>
              <a:xfrm>
                <a:off x="1206337" y="3186276"/>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8" name="Freeform: Shape 4087">
                <a:extLst>
                  <a:ext uri="{FF2B5EF4-FFF2-40B4-BE49-F238E27FC236}">
                    <a16:creationId xmlns:a16="http://schemas.microsoft.com/office/drawing/2014/main" id="{ECA894A8-B0BF-B298-9CB6-2842B8DEDCB5}"/>
                  </a:ext>
                </a:extLst>
              </p:cNvPr>
              <p:cNvSpPr/>
              <p:nvPr/>
            </p:nvSpPr>
            <p:spPr>
              <a:xfrm>
                <a:off x="1257005" y="3186276"/>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9" name="Freeform: Shape 4088">
                <a:extLst>
                  <a:ext uri="{FF2B5EF4-FFF2-40B4-BE49-F238E27FC236}">
                    <a16:creationId xmlns:a16="http://schemas.microsoft.com/office/drawing/2014/main" id="{DF468E57-956E-5144-2199-8673F24582F9}"/>
                  </a:ext>
                </a:extLst>
              </p:cNvPr>
              <p:cNvSpPr/>
              <p:nvPr/>
            </p:nvSpPr>
            <p:spPr>
              <a:xfrm>
                <a:off x="1206337" y="327680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90" name="Freeform: Shape 4089">
                <a:extLst>
                  <a:ext uri="{FF2B5EF4-FFF2-40B4-BE49-F238E27FC236}">
                    <a16:creationId xmlns:a16="http://schemas.microsoft.com/office/drawing/2014/main" id="{1F03EA2A-22E7-CBBD-19BA-EA9B3EAE2AFA}"/>
                  </a:ext>
                </a:extLst>
              </p:cNvPr>
              <p:cNvSpPr/>
              <p:nvPr/>
            </p:nvSpPr>
            <p:spPr>
              <a:xfrm>
                <a:off x="1257005" y="327680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91" name="Freeform: Shape 4090">
                <a:extLst>
                  <a:ext uri="{FF2B5EF4-FFF2-40B4-BE49-F238E27FC236}">
                    <a16:creationId xmlns:a16="http://schemas.microsoft.com/office/drawing/2014/main" id="{C79872C5-1D55-2EC0-DAD6-6BD93FB6D75F}"/>
                  </a:ext>
                </a:extLst>
              </p:cNvPr>
              <p:cNvSpPr/>
              <p:nvPr/>
            </p:nvSpPr>
            <p:spPr>
              <a:xfrm>
                <a:off x="927300" y="245439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92" name="Freeform: Shape 4091">
                <a:extLst>
                  <a:ext uri="{FF2B5EF4-FFF2-40B4-BE49-F238E27FC236}">
                    <a16:creationId xmlns:a16="http://schemas.microsoft.com/office/drawing/2014/main" id="{77885973-A3B7-90CA-7C2F-23B29041638B}"/>
                  </a:ext>
                </a:extLst>
              </p:cNvPr>
              <p:cNvSpPr/>
              <p:nvPr/>
            </p:nvSpPr>
            <p:spPr>
              <a:xfrm>
                <a:off x="977969" y="245439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93" name="Freeform: Shape 4092">
                <a:extLst>
                  <a:ext uri="{FF2B5EF4-FFF2-40B4-BE49-F238E27FC236}">
                    <a16:creationId xmlns:a16="http://schemas.microsoft.com/office/drawing/2014/main" id="{C74ECBD4-1069-7CCB-7720-08911ECB8BDE}"/>
                  </a:ext>
                </a:extLst>
              </p:cNvPr>
              <p:cNvSpPr/>
              <p:nvPr/>
            </p:nvSpPr>
            <p:spPr>
              <a:xfrm>
                <a:off x="1028637" y="245439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94" name="Freeform: Shape 4093">
                <a:extLst>
                  <a:ext uri="{FF2B5EF4-FFF2-40B4-BE49-F238E27FC236}">
                    <a16:creationId xmlns:a16="http://schemas.microsoft.com/office/drawing/2014/main" id="{AFCED497-AFBC-AFE0-A92A-E886B051D309}"/>
                  </a:ext>
                </a:extLst>
              </p:cNvPr>
              <p:cNvSpPr/>
              <p:nvPr/>
            </p:nvSpPr>
            <p:spPr>
              <a:xfrm>
                <a:off x="1079305" y="245439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95" name="Freeform: Shape 4094">
                <a:extLst>
                  <a:ext uri="{FF2B5EF4-FFF2-40B4-BE49-F238E27FC236}">
                    <a16:creationId xmlns:a16="http://schemas.microsoft.com/office/drawing/2014/main" id="{C81314D2-E3A2-1476-DA6D-CA4964521B4D}"/>
                  </a:ext>
                </a:extLst>
              </p:cNvPr>
              <p:cNvSpPr/>
              <p:nvPr/>
            </p:nvSpPr>
            <p:spPr>
              <a:xfrm>
                <a:off x="1129973" y="245439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51" name="Freeform: Shape 4150">
                <a:extLst>
                  <a:ext uri="{FF2B5EF4-FFF2-40B4-BE49-F238E27FC236}">
                    <a16:creationId xmlns:a16="http://schemas.microsoft.com/office/drawing/2014/main" id="{541288AE-27B8-2C62-1A31-3C26C2405446}"/>
                  </a:ext>
                </a:extLst>
              </p:cNvPr>
              <p:cNvSpPr/>
              <p:nvPr/>
            </p:nvSpPr>
            <p:spPr>
              <a:xfrm>
                <a:off x="927300" y="25475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52" name="Freeform: Shape 4151">
                <a:extLst>
                  <a:ext uri="{FF2B5EF4-FFF2-40B4-BE49-F238E27FC236}">
                    <a16:creationId xmlns:a16="http://schemas.microsoft.com/office/drawing/2014/main" id="{62EF230C-96E5-FD2A-322F-AD504C6F5AB9}"/>
                  </a:ext>
                </a:extLst>
              </p:cNvPr>
              <p:cNvSpPr/>
              <p:nvPr/>
            </p:nvSpPr>
            <p:spPr>
              <a:xfrm>
                <a:off x="977969" y="25475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53" name="Freeform: Shape 4152">
                <a:extLst>
                  <a:ext uri="{FF2B5EF4-FFF2-40B4-BE49-F238E27FC236}">
                    <a16:creationId xmlns:a16="http://schemas.microsoft.com/office/drawing/2014/main" id="{8A5740D0-5E2A-F3E2-7328-B66753FEA8B6}"/>
                  </a:ext>
                </a:extLst>
              </p:cNvPr>
              <p:cNvSpPr/>
              <p:nvPr/>
            </p:nvSpPr>
            <p:spPr>
              <a:xfrm>
                <a:off x="1028637" y="25475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54" name="Freeform: Shape 4153">
                <a:extLst>
                  <a:ext uri="{FF2B5EF4-FFF2-40B4-BE49-F238E27FC236}">
                    <a16:creationId xmlns:a16="http://schemas.microsoft.com/office/drawing/2014/main" id="{BB724FFF-097B-6172-03DB-2C60731B9582}"/>
                  </a:ext>
                </a:extLst>
              </p:cNvPr>
              <p:cNvSpPr/>
              <p:nvPr/>
            </p:nvSpPr>
            <p:spPr>
              <a:xfrm>
                <a:off x="1079305" y="25475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57" name="Freeform: Shape 4156">
                <a:extLst>
                  <a:ext uri="{FF2B5EF4-FFF2-40B4-BE49-F238E27FC236}">
                    <a16:creationId xmlns:a16="http://schemas.microsoft.com/office/drawing/2014/main" id="{1B411848-BC5A-789E-8C6C-53C887681829}"/>
                  </a:ext>
                </a:extLst>
              </p:cNvPr>
              <p:cNvSpPr/>
              <p:nvPr/>
            </p:nvSpPr>
            <p:spPr>
              <a:xfrm>
                <a:off x="1129973" y="2547540"/>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58" name="Freeform: Shape 4157">
                <a:extLst>
                  <a:ext uri="{FF2B5EF4-FFF2-40B4-BE49-F238E27FC236}">
                    <a16:creationId xmlns:a16="http://schemas.microsoft.com/office/drawing/2014/main" id="{A9C782F6-B6E0-A5B7-F344-07EB50DBC069}"/>
                  </a:ext>
                </a:extLst>
              </p:cNvPr>
              <p:cNvSpPr/>
              <p:nvPr/>
            </p:nvSpPr>
            <p:spPr>
              <a:xfrm>
                <a:off x="927300" y="264064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84" name="Freeform: Shape 383">
                <a:extLst>
                  <a:ext uri="{FF2B5EF4-FFF2-40B4-BE49-F238E27FC236}">
                    <a16:creationId xmlns:a16="http://schemas.microsoft.com/office/drawing/2014/main" id="{17BCB451-DAC5-FDD3-3F9C-CA351D7A8C5D}"/>
                  </a:ext>
                </a:extLst>
              </p:cNvPr>
              <p:cNvSpPr/>
              <p:nvPr/>
            </p:nvSpPr>
            <p:spPr>
              <a:xfrm>
                <a:off x="977969" y="264064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85" name="Freeform: Shape 384">
                <a:extLst>
                  <a:ext uri="{FF2B5EF4-FFF2-40B4-BE49-F238E27FC236}">
                    <a16:creationId xmlns:a16="http://schemas.microsoft.com/office/drawing/2014/main" id="{E3BB907C-D03D-C412-A14D-0F00C1C9CF00}"/>
                  </a:ext>
                </a:extLst>
              </p:cNvPr>
              <p:cNvSpPr/>
              <p:nvPr/>
            </p:nvSpPr>
            <p:spPr>
              <a:xfrm>
                <a:off x="1028637" y="264064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86" name="Freeform: Shape 385">
                <a:extLst>
                  <a:ext uri="{FF2B5EF4-FFF2-40B4-BE49-F238E27FC236}">
                    <a16:creationId xmlns:a16="http://schemas.microsoft.com/office/drawing/2014/main" id="{D8707A3A-69EC-5D48-AFA9-F557FD8B7CC0}"/>
                  </a:ext>
                </a:extLst>
              </p:cNvPr>
              <p:cNvSpPr/>
              <p:nvPr/>
            </p:nvSpPr>
            <p:spPr>
              <a:xfrm>
                <a:off x="1079305" y="264064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87" name="Freeform: Shape 386">
                <a:extLst>
                  <a:ext uri="{FF2B5EF4-FFF2-40B4-BE49-F238E27FC236}">
                    <a16:creationId xmlns:a16="http://schemas.microsoft.com/office/drawing/2014/main" id="{8C751C20-FE89-9298-78DC-EE933EFB9A0C}"/>
                  </a:ext>
                </a:extLst>
              </p:cNvPr>
              <p:cNvSpPr/>
              <p:nvPr/>
            </p:nvSpPr>
            <p:spPr>
              <a:xfrm>
                <a:off x="1129973" y="264064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88" name="Freeform: Shape 387">
                <a:extLst>
                  <a:ext uri="{FF2B5EF4-FFF2-40B4-BE49-F238E27FC236}">
                    <a16:creationId xmlns:a16="http://schemas.microsoft.com/office/drawing/2014/main" id="{45D9DB10-7171-9A81-85D5-7983E5E42E41}"/>
                  </a:ext>
                </a:extLst>
              </p:cNvPr>
              <p:cNvSpPr/>
              <p:nvPr/>
            </p:nvSpPr>
            <p:spPr>
              <a:xfrm>
                <a:off x="927300" y="27337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89" name="Freeform: Shape 388">
                <a:extLst>
                  <a:ext uri="{FF2B5EF4-FFF2-40B4-BE49-F238E27FC236}">
                    <a16:creationId xmlns:a16="http://schemas.microsoft.com/office/drawing/2014/main" id="{BC883422-BE31-9A15-B441-89DA973AB1E5}"/>
                  </a:ext>
                </a:extLst>
              </p:cNvPr>
              <p:cNvSpPr/>
              <p:nvPr/>
            </p:nvSpPr>
            <p:spPr>
              <a:xfrm>
                <a:off x="977969" y="27337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0" name="Freeform: Shape 389">
                <a:extLst>
                  <a:ext uri="{FF2B5EF4-FFF2-40B4-BE49-F238E27FC236}">
                    <a16:creationId xmlns:a16="http://schemas.microsoft.com/office/drawing/2014/main" id="{535F7A81-9BB1-E094-A8DD-B77A28AAD602}"/>
                  </a:ext>
                </a:extLst>
              </p:cNvPr>
              <p:cNvSpPr/>
              <p:nvPr/>
            </p:nvSpPr>
            <p:spPr>
              <a:xfrm>
                <a:off x="1028637" y="27337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1" name="Freeform: Shape 390">
                <a:extLst>
                  <a:ext uri="{FF2B5EF4-FFF2-40B4-BE49-F238E27FC236}">
                    <a16:creationId xmlns:a16="http://schemas.microsoft.com/office/drawing/2014/main" id="{DA5E71E1-D008-1A61-F511-A0DD1A54DA8F}"/>
                  </a:ext>
                </a:extLst>
              </p:cNvPr>
              <p:cNvSpPr/>
              <p:nvPr/>
            </p:nvSpPr>
            <p:spPr>
              <a:xfrm>
                <a:off x="1079305" y="27337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2" name="Freeform: Shape 391">
                <a:extLst>
                  <a:ext uri="{FF2B5EF4-FFF2-40B4-BE49-F238E27FC236}">
                    <a16:creationId xmlns:a16="http://schemas.microsoft.com/office/drawing/2014/main" id="{B7F635AE-C06E-CDC1-1E5D-047278EF0D34}"/>
                  </a:ext>
                </a:extLst>
              </p:cNvPr>
              <p:cNvSpPr/>
              <p:nvPr/>
            </p:nvSpPr>
            <p:spPr>
              <a:xfrm>
                <a:off x="1129973" y="2733791"/>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3" name="Freeform: Shape 392">
                <a:extLst>
                  <a:ext uri="{FF2B5EF4-FFF2-40B4-BE49-F238E27FC236}">
                    <a16:creationId xmlns:a16="http://schemas.microsoft.com/office/drawing/2014/main" id="{667A35F3-2503-1D5B-3B3C-43635FA163A8}"/>
                  </a:ext>
                </a:extLst>
              </p:cNvPr>
              <p:cNvSpPr/>
              <p:nvPr/>
            </p:nvSpPr>
            <p:spPr>
              <a:xfrm>
                <a:off x="927300" y="282689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4" name="Freeform: Shape 393">
                <a:extLst>
                  <a:ext uri="{FF2B5EF4-FFF2-40B4-BE49-F238E27FC236}">
                    <a16:creationId xmlns:a16="http://schemas.microsoft.com/office/drawing/2014/main" id="{8457ADBF-0548-DD8D-C359-7173019476A7}"/>
                  </a:ext>
                </a:extLst>
              </p:cNvPr>
              <p:cNvSpPr/>
              <p:nvPr/>
            </p:nvSpPr>
            <p:spPr>
              <a:xfrm>
                <a:off x="977969" y="282689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5" name="Freeform: Shape 394">
                <a:extLst>
                  <a:ext uri="{FF2B5EF4-FFF2-40B4-BE49-F238E27FC236}">
                    <a16:creationId xmlns:a16="http://schemas.microsoft.com/office/drawing/2014/main" id="{23518E6A-2FFD-B390-C800-7DDD69BD881E}"/>
                  </a:ext>
                </a:extLst>
              </p:cNvPr>
              <p:cNvSpPr/>
              <p:nvPr/>
            </p:nvSpPr>
            <p:spPr>
              <a:xfrm>
                <a:off x="1028637" y="282689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6" name="Freeform: Shape 395">
                <a:extLst>
                  <a:ext uri="{FF2B5EF4-FFF2-40B4-BE49-F238E27FC236}">
                    <a16:creationId xmlns:a16="http://schemas.microsoft.com/office/drawing/2014/main" id="{687B006C-4D56-F307-4438-35CAFDB3248B}"/>
                  </a:ext>
                </a:extLst>
              </p:cNvPr>
              <p:cNvSpPr/>
              <p:nvPr/>
            </p:nvSpPr>
            <p:spPr>
              <a:xfrm>
                <a:off x="1079305" y="282689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7" name="Freeform: Shape 396">
                <a:extLst>
                  <a:ext uri="{FF2B5EF4-FFF2-40B4-BE49-F238E27FC236}">
                    <a16:creationId xmlns:a16="http://schemas.microsoft.com/office/drawing/2014/main" id="{43D935B1-A45E-84B4-A29E-BE9A7768708A}"/>
                  </a:ext>
                </a:extLst>
              </p:cNvPr>
              <p:cNvSpPr/>
              <p:nvPr/>
            </p:nvSpPr>
            <p:spPr>
              <a:xfrm>
                <a:off x="1129973" y="2826894"/>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8" name="Freeform: Shape 397">
                <a:extLst>
                  <a:ext uri="{FF2B5EF4-FFF2-40B4-BE49-F238E27FC236}">
                    <a16:creationId xmlns:a16="http://schemas.microsoft.com/office/drawing/2014/main" id="{99EB35F4-E218-0512-FE98-B6D32F9BEAD5}"/>
                  </a:ext>
                </a:extLst>
              </p:cNvPr>
              <p:cNvSpPr/>
              <p:nvPr/>
            </p:nvSpPr>
            <p:spPr>
              <a:xfrm>
                <a:off x="927300" y="292004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99" name="Freeform: Shape 398">
                <a:extLst>
                  <a:ext uri="{FF2B5EF4-FFF2-40B4-BE49-F238E27FC236}">
                    <a16:creationId xmlns:a16="http://schemas.microsoft.com/office/drawing/2014/main" id="{A30A96B7-34F3-18D1-84C6-B64C6B3EF25A}"/>
                  </a:ext>
                </a:extLst>
              </p:cNvPr>
              <p:cNvSpPr/>
              <p:nvPr/>
            </p:nvSpPr>
            <p:spPr>
              <a:xfrm>
                <a:off x="977969" y="292004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0" name="Freeform: Shape 399">
                <a:extLst>
                  <a:ext uri="{FF2B5EF4-FFF2-40B4-BE49-F238E27FC236}">
                    <a16:creationId xmlns:a16="http://schemas.microsoft.com/office/drawing/2014/main" id="{37C636EC-9116-7E18-35EC-06368A72619D}"/>
                  </a:ext>
                </a:extLst>
              </p:cNvPr>
              <p:cNvSpPr/>
              <p:nvPr/>
            </p:nvSpPr>
            <p:spPr>
              <a:xfrm>
                <a:off x="1028637" y="292004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1" name="Freeform: Shape 400">
                <a:extLst>
                  <a:ext uri="{FF2B5EF4-FFF2-40B4-BE49-F238E27FC236}">
                    <a16:creationId xmlns:a16="http://schemas.microsoft.com/office/drawing/2014/main" id="{620050A4-2525-1FB1-8039-A30B102F40EE}"/>
                  </a:ext>
                </a:extLst>
              </p:cNvPr>
              <p:cNvSpPr/>
              <p:nvPr/>
            </p:nvSpPr>
            <p:spPr>
              <a:xfrm>
                <a:off x="1079305" y="292004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2" name="Freeform: Shape 401">
                <a:extLst>
                  <a:ext uri="{FF2B5EF4-FFF2-40B4-BE49-F238E27FC236}">
                    <a16:creationId xmlns:a16="http://schemas.microsoft.com/office/drawing/2014/main" id="{C1FCF17E-9247-5C1E-56B8-8CA7870A9538}"/>
                  </a:ext>
                </a:extLst>
              </p:cNvPr>
              <p:cNvSpPr/>
              <p:nvPr/>
            </p:nvSpPr>
            <p:spPr>
              <a:xfrm>
                <a:off x="1129973" y="292004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3" name="Freeform: Shape 402">
                <a:extLst>
                  <a:ext uri="{FF2B5EF4-FFF2-40B4-BE49-F238E27FC236}">
                    <a16:creationId xmlns:a16="http://schemas.microsoft.com/office/drawing/2014/main" id="{35FE3C9A-0A98-CADA-F8BE-205094796332}"/>
                  </a:ext>
                </a:extLst>
              </p:cNvPr>
              <p:cNvSpPr/>
              <p:nvPr/>
            </p:nvSpPr>
            <p:spPr>
              <a:xfrm>
                <a:off x="927300" y="301314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4" name="Freeform: Shape 403">
                <a:extLst>
                  <a:ext uri="{FF2B5EF4-FFF2-40B4-BE49-F238E27FC236}">
                    <a16:creationId xmlns:a16="http://schemas.microsoft.com/office/drawing/2014/main" id="{4ECEE5C0-E0A6-A4FA-E168-F2476E7EC10A}"/>
                  </a:ext>
                </a:extLst>
              </p:cNvPr>
              <p:cNvSpPr/>
              <p:nvPr/>
            </p:nvSpPr>
            <p:spPr>
              <a:xfrm>
                <a:off x="977969" y="301314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5" name="Freeform: Shape 404">
                <a:extLst>
                  <a:ext uri="{FF2B5EF4-FFF2-40B4-BE49-F238E27FC236}">
                    <a16:creationId xmlns:a16="http://schemas.microsoft.com/office/drawing/2014/main" id="{C29B8E6B-BCB8-1022-64C3-86D3CB0BBAA7}"/>
                  </a:ext>
                </a:extLst>
              </p:cNvPr>
              <p:cNvSpPr/>
              <p:nvPr/>
            </p:nvSpPr>
            <p:spPr>
              <a:xfrm>
                <a:off x="1028637" y="301314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6" name="Freeform: Shape 405">
                <a:extLst>
                  <a:ext uri="{FF2B5EF4-FFF2-40B4-BE49-F238E27FC236}">
                    <a16:creationId xmlns:a16="http://schemas.microsoft.com/office/drawing/2014/main" id="{755470D0-862E-0C56-9835-0148553FDAC0}"/>
                  </a:ext>
                </a:extLst>
              </p:cNvPr>
              <p:cNvSpPr/>
              <p:nvPr/>
            </p:nvSpPr>
            <p:spPr>
              <a:xfrm>
                <a:off x="1079305" y="301314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7" name="Freeform: Shape 406">
                <a:extLst>
                  <a:ext uri="{FF2B5EF4-FFF2-40B4-BE49-F238E27FC236}">
                    <a16:creationId xmlns:a16="http://schemas.microsoft.com/office/drawing/2014/main" id="{A4C6B5B7-4F71-6713-0E3C-F2EE1F083064}"/>
                  </a:ext>
                </a:extLst>
              </p:cNvPr>
              <p:cNvSpPr/>
              <p:nvPr/>
            </p:nvSpPr>
            <p:spPr>
              <a:xfrm>
                <a:off x="1129973" y="301314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8" name="Freeform: Shape 407">
                <a:extLst>
                  <a:ext uri="{FF2B5EF4-FFF2-40B4-BE49-F238E27FC236}">
                    <a16:creationId xmlns:a16="http://schemas.microsoft.com/office/drawing/2014/main" id="{2C3D3BD8-A6B7-A6F4-069A-09EC3120CAC6}"/>
                  </a:ext>
                </a:extLst>
              </p:cNvPr>
              <p:cNvSpPr/>
              <p:nvPr/>
            </p:nvSpPr>
            <p:spPr>
              <a:xfrm>
                <a:off x="927300" y="310629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09" name="Freeform: Shape 408">
                <a:extLst>
                  <a:ext uri="{FF2B5EF4-FFF2-40B4-BE49-F238E27FC236}">
                    <a16:creationId xmlns:a16="http://schemas.microsoft.com/office/drawing/2014/main" id="{5A2817B5-804D-935F-E43C-00F84178A9FE}"/>
                  </a:ext>
                </a:extLst>
              </p:cNvPr>
              <p:cNvSpPr/>
              <p:nvPr/>
            </p:nvSpPr>
            <p:spPr>
              <a:xfrm>
                <a:off x="977969" y="310629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0" name="Freeform: Shape 409">
                <a:extLst>
                  <a:ext uri="{FF2B5EF4-FFF2-40B4-BE49-F238E27FC236}">
                    <a16:creationId xmlns:a16="http://schemas.microsoft.com/office/drawing/2014/main" id="{54B65FAB-9BEE-04E3-C801-A3057881F709}"/>
                  </a:ext>
                </a:extLst>
              </p:cNvPr>
              <p:cNvSpPr/>
              <p:nvPr/>
            </p:nvSpPr>
            <p:spPr>
              <a:xfrm>
                <a:off x="1028637" y="310629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1" name="Freeform: Shape 410">
                <a:extLst>
                  <a:ext uri="{FF2B5EF4-FFF2-40B4-BE49-F238E27FC236}">
                    <a16:creationId xmlns:a16="http://schemas.microsoft.com/office/drawing/2014/main" id="{F697ABB6-BD07-27C1-54E7-BD635824B2BE}"/>
                  </a:ext>
                </a:extLst>
              </p:cNvPr>
              <p:cNvSpPr/>
              <p:nvPr/>
            </p:nvSpPr>
            <p:spPr>
              <a:xfrm>
                <a:off x="1079305" y="310629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2" name="Freeform: Shape 411">
                <a:extLst>
                  <a:ext uri="{FF2B5EF4-FFF2-40B4-BE49-F238E27FC236}">
                    <a16:creationId xmlns:a16="http://schemas.microsoft.com/office/drawing/2014/main" id="{3CE066F6-E8CA-685D-E5A5-B01B53964EFF}"/>
                  </a:ext>
                </a:extLst>
              </p:cNvPr>
              <p:cNvSpPr/>
              <p:nvPr/>
            </p:nvSpPr>
            <p:spPr>
              <a:xfrm>
                <a:off x="1129973" y="3106293"/>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3" name="Freeform: Shape 412">
                <a:extLst>
                  <a:ext uri="{FF2B5EF4-FFF2-40B4-BE49-F238E27FC236}">
                    <a16:creationId xmlns:a16="http://schemas.microsoft.com/office/drawing/2014/main" id="{7951B2C1-1361-A207-9D1D-3F0D86114D69}"/>
                  </a:ext>
                </a:extLst>
              </p:cNvPr>
              <p:cNvSpPr/>
              <p:nvPr/>
            </p:nvSpPr>
            <p:spPr>
              <a:xfrm>
                <a:off x="927300" y="319939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4" name="Freeform: Shape 413">
                <a:extLst>
                  <a:ext uri="{FF2B5EF4-FFF2-40B4-BE49-F238E27FC236}">
                    <a16:creationId xmlns:a16="http://schemas.microsoft.com/office/drawing/2014/main" id="{48A2E083-CC38-1FE0-E268-DBAC702A7B84}"/>
                  </a:ext>
                </a:extLst>
              </p:cNvPr>
              <p:cNvSpPr/>
              <p:nvPr/>
            </p:nvSpPr>
            <p:spPr>
              <a:xfrm>
                <a:off x="977969" y="319939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5" name="Freeform: Shape 414">
                <a:extLst>
                  <a:ext uri="{FF2B5EF4-FFF2-40B4-BE49-F238E27FC236}">
                    <a16:creationId xmlns:a16="http://schemas.microsoft.com/office/drawing/2014/main" id="{B5EABF4B-833F-96A9-3339-AF2C55670265}"/>
                  </a:ext>
                </a:extLst>
              </p:cNvPr>
              <p:cNvSpPr/>
              <p:nvPr/>
            </p:nvSpPr>
            <p:spPr>
              <a:xfrm>
                <a:off x="1028637" y="319939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6" name="Freeform: Shape 415">
                <a:extLst>
                  <a:ext uri="{FF2B5EF4-FFF2-40B4-BE49-F238E27FC236}">
                    <a16:creationId xmlns:a16="http://schemas.microsoft.com/office/drawing/2014/main" id="{8BB03C53-C203-664D-F486-6EEBD5A5BD6C}"/>
                  </a:ext>
                </a:extLst>
              </p:cNvPr>
              <p:cNvSpPr/>
              <p:nvPr/>
            </p:nvSpPr>
            <p:spPr>
              <a:xfrm>
                <a:off x="1079305" y="319939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7" name="Freeform: Shape 416">
                <a:extLst>
                  <a:ext uri="{FF2B5EF4-FFF2-40B4-BE49-F238E27FC236}">
                    <a16:creationId xmlns:a16="http://schemas.microsoft.com/office/drawing/2014/main" id="{DEDC4484-C647-125F-AD55-2268F5249D8E}"/>
                  </a:ext>
                </a:extLst>
              </p:cNvPr>
              <p:cNvSpPr/>
              <p:nvPr/>
            </p:nvSpPr>
            <p:spPr>
              <a:xfrm>
                <a:off x="1129973" y="3199395"/>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8" name="Freeform: Shape 417">
                <a:extLst>
                  <a:ext uri="{FF2B5EF4-FFF2-40B4-BE49-F238E27FC236}">
                    <a16:creationId xmlns:a16="http://schemas.microsoft.com/office/drawing/2014/main" id="{4AFECEDD-4ECF-76CC-C2A2-CD3D25743805}"/>
                  </a:ext>
                </a:extLst>
              </p:cNvPr>
              <p:cNvSpPr/>
              <p:nvPr/>
            </p:nvSpPr>
            <p:spPr>
              <a:xfrm>
                <a:off x="927300" y="329512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19" name="Freeform: Shape 418">
                <a:extLst>
                  <a:ext uri="{FF2B5EF4-FFF2-40B4-BE49-F238E27FC236}">
                    <a16:creationId xmlns:a16="http://schemas.microsoft.com/office/drawing/2014/main" id="{C4B2E467-9960-0DB8-A509-E4CFBDBD5B4F}"/>
                  </a:ext>
                </a:extLst>
              </p:cNvPr>
              <p:cNvSpPr/>
              <p:nvPr/>
            </p:nvSpPr>
            <p:spPr>
              <a:xfrm>
                <a:off x="977969" y="329512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0" name="Freeform: Shape 419">
                <a:extLst>
                  <a:ext uri="{FF2B5EF4-FFF2-40B4-BE49-F238E27FC236}">
                    <a16:creationId xmlns:a16="http://schemas.microsoft.com/office/drawing/2014/main" id="{C8F30497-6AA2-CCE8-F4C6-C3EBF1FDDB75}"/>
                  </a:ext>
                </a:extLst>
              </p:cNvPr>
              <p:cNvSpPr/>
              <p:nvPr/>
            </p:nvSpPr>
            <p:spPr>
              <a:xfrm>
                <a:off x="1028637" y="329512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1" name="Freeform: Shape 420">
                <a:extLst>
                  <a:ext uri="{FF2B5EF4-FFF2-40B4-BE49-F238E27FC236}">
                    <a16:creationId xmlns:a16="http://schemas.microsoft.com/office/drawing/2014/main" id="{1D4C05ED-E249-85D9-72AA-1FC4FE23ED96}"/>
                  </a:ext>
                </a:extLst>
              </p:cNvPr>
              <p:cNvSpPr/>
              <p:nvPr/>
            </p:nvSpPr>
            <p:spPr>
              <a:xfrm>
                <a:off x="1079305" y="329512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2" name="Freeform: Shape 421">
                <a:extLst>
                  <a:ext uri="{FF2B5EF4-FFF2-40B4-BE49-F238E27FC236}">
                    <a16:creationId xmlns:a16="http://schemas.microsoft.com/office/drawing/2014/main" id="{A8D07DD8-23B5-4EF7-0268-A7C26BEA5259}"/>
                  </a:ext>
                </a:extLst>
              </p:cNvPr>
              <p:cNvSpPr/>
              <p:nvPr/>
            </p:nvSpPr>
            <p:spPr>
              <a:xfrm>
                <a:off x="1129973" y="3295122"/>
                <a:ext cx="28138" cy="55101"/>
              </a:xfrm>
              <a:custGeom>
                <a:avLst/>
                <a:gdLst>
                  <a:gd name="connsiteX0" fmla="*/ 0 w 28138"/>
                  <a:gd name="connsiteY0" fmla="*/ 0 h 55101"/>
                  <a:gd name="connsiteX1" fmla="*/ 28139 w 28138"/>
                  <a:gd name="connsiteY1" fmla="*/ 0 h 55101"/>
                  <a:gd name="connsiteX2" fmla="*/ 28139 w 28138"/>
                  <a:gd name="connsiteY2" fmla="*/ 55102 h 55101"/>
                  <a:gd name="connsiteX3" fmla="*/ 0 w 28138"/>
                  <a:gd name="connsiteY3" fmla="*/ 55102 h 55101"/>
                </a:gdLst>
                <a:ahLst/>
                <a:cxnLst>
                  <a:cxn ang="0">
                    <a:pos x="connsiteX0" y="connsiteY0"/>
                  </a:cxn>
                  <a:cxn ang="0">
                    <a:pos x="connsiteX1" y="connsiteY1"/>
                  </a:cxn>
                  <a:cxn ang="0">
                    <a:pos x="connsiteX2" y="connsiteY2"/>
                  </a:cxn>
                  <a:cxn ang="0">
                    <a:pos x="connsiteX3" y="connsiteY3"/>
                  </a:cxn>
                </a:cxnLst>
                <a:rect l="l" t="t" r="r" b="b"/>
                <a:pathLst>
                  <a:path w="28138" h="55101">
                    <a:moveTo>
                      <a:pt x="0" y="0"/>
                    </a:moveTo>
                    <a:lnTo>
                      <a:pt x="28139" y="0"/>
                    </a:lnTo>
                    <a:lnTo>
                      <a:pt x="28139" y="55102"/>
                    </a:lnTo>
                    <a:lnTo>
                      <a:pt x="0" y="5510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3" name="Freeform: Shape 422">
                <a:extLst>
                  <a:ext uri="{FF2B5EF4-FFF2-40B4-BE49-F238E27FC236}">
                    <a16:creationId xmlns:a16="http://schemas.microsoft.com/office/drawing/2014/main" id="{412DA38D-FADD-6B3E-047F-0C60F32DC991}"/>
                  </a:ext>
                </a:extLst>
              </p:cNvPr>
              <p:cNvSpPr/>
              <p:nvPr/>
            </p:nvSpPr>
            <p:spPr>
              <a:xfrm>
                <a:off x="906083" y="2320619"/>
                <a:ext cx="4523" cy="1122752"/>
              </a:xfrm>
              <a:custGeom>
                <a:avLst/>
                <a:gdLst>
                  <a:gd name="connsiteX0" fmla="*/ 0 w 4523"/>
                  <a:gd name="connsiteY0" fmla="*/ 0 h 1122752"/>
                  <a:gd name="connsiteX1" fmla="*/ 0 w 4523"/>
                  <a:gd name="connsiteY1" fmla="*/ 1122752 h 1122752"/>
                </a:gdLst>
                <a:ahLst/>
                <a:cxnLst>
                  <a:cxn ang="0">
                    <a:pos x="connsiteX0" y="connsiteY0"/>
                  </a:cxn>
                  <a:cxn ang="0">
                    <a:pos x="connsiteX1" y="connsiteY1"/>
                  </a:cxn>
                </a:cxnLst>
                <a:rect l="l" t="t" r="r" b="b"/>
                <a:pathLst>
                  <a:path w="4523" h="1122752">
                    <a:moveTo>
                      <a:pt x="0" y="0"/>
                    </a:moveTo>
                    <a:lnTo>
                      <a:pt x="0" y="1122752"/>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 name="Freeform: Shape 423">
                <a:extLst>
                  <a:ext uri="{FF2B5EF4-FFF2-40B4-BE49-F238E27FC236}">
                    <a16:creationId xmlns:a16="http://schemas.microsoft.com/office/drawing/2014/main" id="{4A5B538A-3F0F-86F6-8BA2-6C4D6D6A323C}"/>
                  </a:ext>
                </a:extLst>
              </p:cNvPr>
              <p:cNvSpPr/>
              <p:nvPr/>
            </p:nvSpPr>
            <p:spPr>
              <a:xfrm>
                <a:off x="1336491" y="2373052"/>
                <a:ext cx="4523" cy="1054576"/>
              </a:xfrm>
              <a:custGeom>
                <a:avLst/>
                <a:gdLst>
                  <a:gd name="connsiteX0" fmla="*/ 0 w 4523"/>
                  <a:gd name="connsiteY0" fmla="*/ 0 h 1054576"/>
                  <a:gd name="connsiteX1" fmla="*/ 0 w 4523"/>
                  <a:gd name="connsiteY1" fmla="*/ 1054577 h 1054576"/>
                </a:gdLst>
                <a:ahLst/>
                <a:cxnLst>
                  <a:cxn ang="0">
                    <a:pos x="connsiteX0" y="connsiteY0"/>
                  </a:cxn>
                  <a:cxn ang="0">
                    <a:pos x="connsiteX1" y="connsiteY1"/>
                  </a:cxn>
                </a:cxnLst>
                <a:rect l="l" t="t" r="r" b="b"/>
                <a:pathLst>
                  <a:path w="4523" h="1054576">
                    <a:moveTo>
                      <a:pt x="0" y="0"/>
                    </a:moveTo>
                    <a:lnTo>
                      <a:pt x="0" y="1054577"/>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 name="Freeform: Shape 424">
                <a:extLst>
                  <a:ext uri="{FF2B5EF4-FFF2-40B4-BE49-F238E27FC236}">
                    <a16:creationId xmlns:a16="http://schemas.microsoft.com/office/drawing/2014/main" id="{56D767F3-E33B-6BC4-7569-D2653D282887}"/>
                  </a:ext>
                </a:extLst>
              </p:cNvPr>
              <p:cNvSpPr/>
              <p:nvPr/>
            </p:nvSpPr>
            <p:spPr>
              <a:xfrm>
                <a:off x="1391593" y="2373052"/>
                <a:ext cx="4523" cy="1054576"/>
              </a:xfrm>
              <a:custGeom>
                <a:avLst/>
                <a:gdLst>
                  <a:gd name="connsiteX0" fmla="*/ 0 w 4523"/>
                  <a:gd name="connsiteY0" fmla="*/ 0 h 1054576"/>
                  <a:gd name="connsiteX1" fmla="*/ 0 w 4523"/>
                  <a:gd name="connsiteY1" fmla="*/ 1054577 h 1054576"/>
                </a:gdLst>
                <a:ahLst/>
                <a:cxnLst>
                  <a:cxn ang="0">
                    <a:pos x="connsiteX0" y="connsiteY0"/>
                  </a:cxn>
                  <a:cxn ang="0">
                    <a:pos x="connsiteX1" y="connsiteY1"/>
                  </a:cxn>
                </a:cxnLst>
                <a:rect l="l" t="t" r="r" b="b"/>
                <a:pathLst>
                  <a:path w="4523" h="1054576">
                    <a:moveTo>
                      <a:pt x="0" y="0"/>
                    </a:moveTo>
                    <a:lnTo>
                      <a:pt x="0" y="1054577"/>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 name="Freeform: Shape 425">
                <a:extLst>
                  <a:ext uri="{FF2B5EF4-FFF2-40B4-BE49-F238E27FC236}">
                    <a16:creationId xmlns:a16="http://schemas.microsoft.com/office/drawing/2014/main" id="{3553F4B7-1B5B-1DF2-0F26-D5823D693EA6}"/>
                  </a:ext>
                </a:extLst>
              </p:cNvPr>
              <p:cNvSpPr/>
              <p:nvPr/>
            </p:nvSpPr>
            <p:spPr>
              <a:xfrm>
                <a:off x="1446694" y="2373052"/>
                <a:ext cx="4523" cy="1054576"/>
              </a:xfrm>
              <a:custGeom>
                <a:avLst/>
                <a:gdLst>
                  <a:gd name="connsiteX0" fmla="*/ 0 w 4523"/>
                  <a:gd name="connsiteY0" fmla="*/ 0 h 1054576"/>
                  <a:gd name="connsiteX1" fmla="*/ 0 w 4523"/>
                  <a:gd name="connsiteY1" fmla="*/ 1054577 h 1054576"/>
                </a:gdLst>
                <a:ahLst/>
                <a:cxnLst>
                  <a:cxn ang="0">
                    <a:pos x="connsiteX0" y="connsiteY0"/>
                  </a:cxn>
                  <a:cxn ang="0">
                    <a:pos x="connsiteX1" y="connsiteY1"/>
                  </a:cxn>
                </a:cxnLst>
                <a:rect l="l" t="t" r="r" b="b"/>
                <a:pathLst>
                  <a:path w="4523" h="1054576">
                    <a:moveTo>
                      <a:pt x="0" y="0"/>
                    </a:moveTo>
                    <a:lnTo>
                      <a:pt x="0" y="1054577"/>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7" name="Freeform: Shape 426">
                <a:extLst>
                  <a:ext uri="{FF2B5EF4-FFF2-40B4-BE49-F238E27FC236}">
                    <a16:creationId xmlns:a16="http://schemas.microsoft.com/office/drawing/2014/main" id="{6FB5A5F6-3AB6-D88F-E1F4-DB506E163E8D}"/>
                  </a:ext>
                </a:extLst>
              </p:cNvPr>
              <p:cNvSpPr/>
              <p:nvPr/>
            </p:nvSpPr>
            <p:spPr>
              <a:xfrm>
                <a:off x="1501751" y="2373052"/>
                <a:ext cx="4523" cy="1054576"/>
              </a:xfrm>
              <a:custGeom>
                <a:avLst/>
                <a:gdLst>
                  <a:gd name="connsiteX0" fmla="*/ 0 w 4523"/>
                  <a:gd name="connsiteY0" fmla="*/ 0 h 1054576"/>
                  <a:gd name="connsiteX1" fmla="*/ 0 w 4523"/>
                  <a:gd name="connsiteY1" fmla="*/ 1054577 h 1054576"/>
                </a:gdLst>
                <a:ahLst/>
                <a:cxnLst>
                  <a:cxn ang="0">
                    <a:pos x="connsiteX0" y="connsiteY0"/>
                  </a:cxn>
                  <a:cxn ang="0">
                    <a:pos x="connsiteX1" y="connsiteY1"/>
                  </a:cxn>
                </a:cxnLst>
                <a:rect l="l" t="t" r="r" b="b"/>
                <a:pathLst>
                  <a:path w="4523" h="1054576">
                    <a:moveTo>
                      <a:pt x="0" y="0"/>
                    </a:moveTo>
                    <a:lnTo>
                      <a:pt x="0" y="1054577"/>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8" name="Freeform: Shape 427">
                <a:extLst>
                  <a:ext uri="{FF2B5EF4-FFF2-40B4-BE49-F238E27FC236}">
                    <a16:creationId xmlns:a16="http://schemas.microsoft.com/office/drawing/2014/main" id="{39A9A6DC-D99A-1FAF-3AD0-78A00478B6A0}"/>
                  </a:ext>
                </a:extLst>
              </p:cNvPr>
              <p:cNvSpPr/>
              <p:nvPr/>
            </p:nvSpPr>
            <p:spPr>
              <a:xfrm>
                <a:off x="1556852" y="2478007"/>
                <a:ext cx="4523" cy="949621"/>
              </a:xfrm>
              <a:custGeom>
                <a:avLst/>
                <a:gdLst>
                  <a:gd name="connsiteX0" fmla="*/ 0 w 4523"/>
                  <a:gd name="connsiteY0" fmla="*/ 0 h 949621"/>
                  <a:gd name="connsiteX1" fmla="*/ 0 w 4523"/>
                  <a:gd name="connsiteY1" fmla="*/ 949621 h 949621"/>
                </a:gdLst>
                <a:ahLst/>
                <a:cxnLst>
                  <a:cxn ang="0">
                    <a:pos x="connsiteX0" y="connsiteY0"/>
                  </a:cxn>
                  <a:cxn ang="0">
                    <a:pos x="connsiteX1" y="connsiteY1"/>
                  </a:cxn>
                </a:cxnLst>
                <a:rect l="l" t="t" r="r" b="b"/>
                <a:pathLst>
                  <a:path w="4523" h="949621">
                    <a:moveTo>
                      <a:pt x="0" y="0"/>
                    </a:moveTo>
                    <a:lnTo>
                      <a:pt x="0" y="949621"/>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9" name="Freeform: Shape 428">
                <a:extLst>
                  <a:ext uri="{FF2B5EF4-FFF2-40B4-BE49-F238E27FC236}">
                    <a16:creationId xmlns:a16="http://schemas.microsoft.com/office/drawing/2014/main" id="{B7294EEA-AABB-8ECB-758F-B3817177C62C}"/>
                  </a:ext>
                </a:extLst>
              </p:cNvPr>
              <p:cNvSpPr/>
              <p:nvPr/>
            </p:nvSpPr>
            <p:spPr>
              <a:xfrm>
                <a:off x="1611954" y="2478007"/>
                <a:ext cx="4523" cy="949621"/>
              </a:xfrm>
              <a:custGeom>
                <a:avLst/>
                <a:gdLst>
                  <a:gd name="connsiteX0" fmla="*/ 0 w 4523"/>
                  <a:gd name="connsiteY0" fmla="*/ 0 h 949621"/>
                  <a:gd name="connsiteX1" fmla="*/ 0 w 4523"/>
                  <a:gd name="connsiteY1" fmla="*/ 949621 h 949621"/>
                </a:gdLst>
                <a:ahLst/>
                <a:cxnLst>
                  <a:cxn ang="0">
                    <a:pos x="connsiteX0" y="connsiteY0"/>
                  </a:cxn>
                  <a:cxn ang="0">
                    <a:pos x="connsiteX1" y="connsiteY1"/>
                  </a:cxn>
                </a:cxnLst>
                <a:rect l="l" t="t" r="r" b="b"/>
                <a:pathLst>
                  <a:path w="4523" h="949621">
                    <a:moveTo>
                      <a:pt x="0" y="0"/>
                    </a:moveTo>
                    <a:lnTo>
                      <a:pt x="0" y="949621"/>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0" name="Freeform: Shape 429">
                <a:extLst>
                  <a:ext uri="{FF2B5EF4-FFF2-40B4-BE49-F238E27FC236}">
                    <a16:creationId xmlns:a16="http://schemas.microsoft.com/office/drawing/2014/main" id="{F479F50D-199E-DE82-0908-F0218D08D664}"/>
                  </a:ext>
                </a:extLst>
              </p:cNvPr>
              <p:cNvSpPr/>
              <p:nvPr/>
            </p:nvSpPr>
            <p:spPr>
              <a:xfrm>
                <a:off x="1667056" y="2478007"/>
                <a:ext cx="4523" cy="949621"/>
              </a:xfrm>
              <a:custGeom>
                <a:avLst/>
                <a:gdLst>
                  <a:gd name="connsiteX0" fmla="*/ 0 w 4523"/>
                  <a:gd name="connsiteY0" fmla="*/ 0 h 949621"/>
                  <a:gd name="connsiteX1" fmla="*/ 0 w 4523"/>
                  <a:gd name="connsiteY1" fmla="*/ 949621 h 949621"/>
                </a:gdLst>
                <a:ahLst/>
                <a:cxnLst>
                  <a:cxn ang="0">
                    <a:pos x="connsiteX0" y="connsiteY0"/>
                  </a:cxn>
                  <a:cxn ang="0">
                    <a:pos x="connsiteX1" y="connsiteY1"/>
                  </a:cxn>
                </a:cxnLst>
                <a:rect l="l" t="t" r="r" b="b"/>
                <a:pathLst>
                  <a:path w="4523" h="949621">
                    <a:moveTo>
                      <a:pt x="0" y="0"/>
                    </a:moveTo>
                    <a:lnTo>
                      <a:pt x="0" y="949621"/>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1" name="Freeform: Shape 430">
                <a:extLst>
                  <a:ext uri="{FF2B5EF4-FFF2-40B4-BE49-F238E27FC236}">
                    <a16:creationId xmlns:a16="http://schemas.microsoft.com/office/drawing/2014/main" id="{42F4AA80-E57A-ED96-B5A7-E4759F155F42}"/>
                  </a:ext>
                </a:extLst>
              </p:cNvPr>
              <p:cNvSpPr/>
              <p:nvPr/>
            </p:nvSpPr>
            <p:spPr>
              <a:xfrm>
                <a:off x="195417" y="2121249"/>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2" name="Freeform: Shape 431">
                <a:extLst>
                  <a:ext uri="{FF2B5EF4-FFF2-40B4-BE49-F238E27FC236}">
                    <a16:creationId xmlns:a16="http://schemas.microsoft.com/office/drawing/2014/main" id="{94A3EDF0-52E2-1439-F077-481667040F4B}"/>
                  </a:ext>
                </a:extLst>
              </p:cNvPr>
              <p:cNvSpPr/>
              <p:nvPr/>
            </p:nvSpPr>
            <p:spPr>
              <a:xfrm>
                <a:off x="195417" y="2189425"/>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3" name="Freeform: Shape 432">
                <a:extLst>
                  <a:ext uri="{FF2B5EF4-FFF2-40B4-BE49-F238E27FC236}">
                    <a16:creationId xmlns:a16="http://schemas.microsoft.com/office/drawing/2014/main" id="{0A3C9A32-D38B-617E-CE44-8F7CBE9405B7}"/>
                  </a:ext>
                </a:extLst>
              </p:cNvPr>
              <p:cNvSpPr/>
              <p:nvPr/>
            </p:nvSpPr>
            <p:spPr>
              <a:xfrm>
                <a:off x="195417" y="2257646"/>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4" name="Freeform: Shape 433">
                <a:extLst>
                  <a:ext uri="{FF2B5EF4-FFF2-40B4-BE49-F238E27FC236}">
                    <a16:creationId xmlns:a16="http://schemas.microsoft.com/office/drawing/2014/main" id="{EDB0509F-4FB4-E585-D21D-5873E788D94A}"/>
                  </a:ext>
                </a:extLst>
              </p:cNvPr>
              <p:cNvSpPr/>
              <p:nvPr/>
            </p:nvSpPr>
            <p:spPr>
              <a:xfrm>
                <a:off x="195417" y="2325867"/>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5" name="Freeform: Shape 434">
                <a:extLst>
                  <a:ext uri="{FF2B5EF4-FFF2-40B4-BE49-F238E27FC236}">
                    <a16:creationId xmlns:a16="http://schemas.microsoft.com/office/drawing/2014/main" id="{57B6C4D3-0E17-B399-A765-A2069C311DA1}"/>
                  </a:ext>
                </a:extLst>
              </p:cNvPr>
              <p:cNvSpPr/>
              <p:nvPr/>
            </p:nvSpPr>
            <p:spPr>
              <a:xfrm>
                <a:off x="195417" y="2394043"/>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6" name="Freeform: Shape 435">
                <a:extLst>
                  <a:ext uri="{FF2B5EF4-FFF2-40B4-BE49-F238E27FC236}">
                    <a16:creationId xmlns:a16="http://schemas.microsoft.com/office/drawing/2014/main" id="{C5081921-26C8-9561-2980-E0A9FBEC7CBD}"/>
                  </a:ext>
                </a:extLst>
              </p:cNvPr>
              <p:cNvSpPr/>
              <p:nvPr/>
            </p:nvSpPr>
            <p:spPr>
              <a:xfrm>
                <a:off x="195417" y="2462264"/>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7" name="Freeform: Shape 436">
                <a:extLst>
                  <a:ext uri="{FF2B5EF4-FFF2-40B4-BE49-F238E27FC236}">
                    <a16:creationId xmlns:a16="http://schemas.microsoft.com/office/drawing/2014/main" id="{B3829562-E312-6D68-E57B-6969CA586122}"/>
                  </a:ext>
                </a:extLst>
              </p:cNvPr>
              <p:cNvSpPr/>
              <p:nvPr/>
            </p:nvSpPr>
            <p:spPr>
              <a:xfrm>
                <a:off x="195417" y="2530485"/>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8" name="Freeform: Shape 437">
                <a:extLst>
                  <a:ext uri="{FF2B5EF4-FFF2-40B4-BE49-F238E27FC236}">
                    <a16:creationId xmlns:a16="http://schemas.microsoft.com/office/drawing/2014/main" id="{71E535E4-D8E9-90D4-56AD-E149E32D9AFF}"/>
                  </a:ext>
                </a:extLst>
              </p:cNvPr>
              <p:cNvSpPr/>
              <p:nvPr/>
            </p:nvSpPr>
            <p:spPr>
              <a:xfrm>
                <a:off x="195417" y="2598661"/>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39" name="Freeform: Shape 438">
                <a:extLst>
                  <a:ext uri="{FF2B5EF4-FFF2-40B4-BE49-F238E27FC236}">
                    <a16:creationId xmlns:a16="http://schemas.microsoft.com/office/drawing/2014/main" id="{5522D70B-5143-5DA1-892C-A7552D4DCFB6}"/>
                  </a:ext>
                </a:extLst>
              </p:cNvPr>
              <p:cNvSpPr/>
              <p:nvPr/>
            </p:nvSpPr>
            <p:spPr>
              <a:xfrm>
                <a:off x="195417" y="2666882"/>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41" name="Freeform: Shape 440">
                <a:extLst>
                  <a:ext uri="{FF2B5EF4-FFF2-40B4-BE49-F238E27FC236}">
                    <a16:creationId xmlns:a16="http://schemas.microsoft.com/office/drawing/2014/main" id="{CDFE17CD-60D1-57B6-DF33-98F258EBDE67}"/>
                  </a:ext>
                </a:extLst>
              </p:cNvPr>
              <p:cNvSpPr/>
              <p:nvPr/>
            </p:nvSpPr>
            <p:spPr>
              <a:xfrm>
                <a:off x="195417" y="2735103"/>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42" name="Freeform: Shape 441">
                <a:extLst>
                  <a:ext uri="{FF2B5EF4-FFF2-40B4-BE49-F238E27FC236}">
                    <a16:creationId xmlns:a16="http://schemas.microsoft.com/office/drawing/2014/main" id="{607CEE41-3F3B-C416-1F51-6B2F600B84E7}"/>
                  </a:ext>
                </a:extLst>
              </p:cNvPr>
              <p:cNvSpPr/>
              <p:nvPr/>
            </p:nvSpPr>
            <p:spPr>
              <a:xfrm>
                <a:off x="195417" y="2803279"/>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43" name="Freeform: Shape 442">
                <a:extLst>
                  <a:ext uri="{FF2B5EF4-FFF2-40B4-BE49-F238E27FC236}">
                    <a16:creationId xmlns:a16="http://schemas.microsoft.com/office/drawing/2014/main" id="{E8F855A5-89D5-428F-9DDE-79A361914868}"/>
                  </a:ext>
                </a:extLst>
              </p:cNvPr>
              <p:cNvSpPr/>
              <p:nvPr/>
            </p:nvSpPr>
            <p:spPr>
              <a:xfrm>
                <a:off x="195417" y="2871500"/>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45" name="Freeform: Shape 444">
                <a:extLst>
                  <a:ext uri="{FF2B5EF4-FFF2-40B4-BE49-F238E27FC236}">
                    <a16:creationId xmlns:a16="http://schemas.microsoft.com/office/drawing/2014/main" id="{C5A5A81F-3DE5-885A-D854-6A4A255E8D83}"/>
                  </a:ext>
                </a:extLst>
              </p:cNvPr>
              <p:cNvSpPr/>
              <p:nvPr/>
            </p:nvSpPr>
            <p:spPr>
              <a:xfrm>
                <a:off x="195417" y="2939676"/>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46" name="Freeform: Shape 445">
                <a:extLst>
                  <a:ext uri="{FF2B5EF4-FFF2-40B4-BE49-F238E27FC236}">
                    <a16:creationId xmlns:a16="http://schemas.microsoft.com/office/drawing/2014/main" id="{82573634-3C38-1F1E-913F-CA33E619BC93}"/>
                  </a:ext>
                </a:extLst>
              </p:cNvPr>
              <p:cNvSpPr/>
              <p:nvPr/>
            </p:nvSpPr>
            <p:spPr>
              <a:xfrm>
                <a:off x="195417" y="3007897"/>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47" name="Freeform: Shape 446">
                <a:extLst>
                  <a:ext uri="{FF2B5EF4-FFF2-40B4-BE49-F238E27FC236}">
                    <a16:creationId xmlns:a16="http://schemas.microsoft.com/office/drawing/2014/main" id="{25418719-CEB4-AC45-1F78-5BD2550770F5}"/>
                  </a:ext>
                </a:extLst>
              </p:cNvPr>
              <p:cNvSpPr/>
              <p:nvPr/>
            </p:nvSpPr>
            <p:spPr>
              <a:xfrm>
                <a:off x="195417" y="3076118"/>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04" name="Freeform: Shape 2303">
                <a:extLst>
                  <a:ext uri="{FF2B5EF4-FFF2-40B4-BE49-F238E27FC236}">
                    <a16:creationId xmlns:a16="http://schemas.microsoft.com/office/drawing/2014/main" id="{FF5138F2-B277-C988-6E53-008043583F7A}"/>
                  </a:ext>
                </a:extLst>
              </p:cNvPr>
              <p:cNvSpPr/>
              <p:nvPr/>
            </p:nvSpPr>
            <p:spPr>
              <a:xfrm>
                <a:off x="195417" y="3144294"/>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05" name="Freeform: Shape 2304">
                <a:extLst>
                  <a:ext uri="{FF2B5EF4-FFF2-40B4-BE49-F238E27FC236}">
                    <a16:creationId xmlns:a16="http://schemas.microsoft.com/office/drawing/2014/main" id="{5E32069B-91EA-2571-7BA2-6DE6F6173CED}"/>
                  </a:ext>
                </a:extLst>
              </p:cNvPr>
              <p:cNvSpPr/>
              <p:nvPr/>
            </p:nvSpPr>
            <p:spPr>
              <a:xfrm>
                <a:off x="195417" y="3212515"/>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06" name="Freeform: Shape 2305">
                <a:extLst>
                  <a:ext uri="{FF2B5EF4-FFF2-40B4-BE49-F238E27FC236}">
                    <a16:creationId xmlns:a16="http://schemas.microsoft.com/office/drawing/2014/main" id="{A907AC94-1620-CD94-9327-CA88627E39FC}"/>
                  </a:ext>
                </a:extLst>
              </p:cNvPr>
              <p:cNvSpPr/>
              <p:nvPr/>
            </p:nvSpPr>
            <p:spPr>
              <a:xfrm>
                <a:off x="195417" y="3280736"/>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07" name="Freeform: Shape 2306">
                <a:extLst>
                  <a:ext uri="{FF2B5EF4-FFF2-40B4-BE49-F238E27FC236}">
                    <a16:creationId xmlns:a16="http://schemas.microsoft.com/office/drawing/2014/main" id="{3D3AB64E-CD87-24CE-13CB-A7038F1FB041}"/>
                  </a:ext>
                </a:extLst>
              </p:cNvPr>
              <p:cNvSpPr/>
              <p:nvPr/>
            </p:nvSpPr>
            <p:spPr>
              <a:xfrm>
                <a:off x="195417" y="3348912"/>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08" name="Freeform: Shape 2307">
                <a:extLst>
                  <a:ext uri="{FF2B5EF4-FFF2-40B4-BE49-F238E27FC236}">
                    <a16:creationId xmlns:a16="http://schemas.microsoft.com/office/drawing/2014/main" id="{9C0A22BC-8985-174E-AAB8-2C9DF574DBA6}"/>
                  </a:ext>
                </a:extLst>
              </p:cNvPr>
              <p:cNvSpPr/>
              <p:nvPr/>
            </p:nvSpPr>
            <p:spPr>
              <a:xfrm>
                <a:off x="195417" y="3417133"/>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09" name="Freeform: Shape 2308">
                <a:extLst>
                  <a:ext uri="{FF2B5EF4-FFF2-40B4-BE49-F238E27FC236}">
                    <a16:creationId xmlns:a16="http://schemas.microsoft.com/office/drawing/2014/main" id="{9307EB20-9D17-8F76-AD60-4695CA93D35D}"/>
                  </a:ext>
                </a:extLst>
              </p:cNvPr>
              <p:cNvSpPr/>
              <p:nvPr/>
            </p:nvSpPr>
            <p:spPr>
              <a:xfrm>
                <a:off x="195417" y="3485309"/>
                <a:ext cx="343638" cy="4523"/>
              </a:xfrm>
              <a:custGeom>
                <a:avLst/>
                <a:gdLst>
                  <a:gd name="connsiteX0" fmla="*/ 0 w 343638"/>
                  <a:gd name="connsiteY0" fmla="*/ 0 h 4523"/>
                  <a:gd name="connsiteX1" fmla="*/ 343639 w 343638"/>
                  <a:gd name="connsiteY1" fmla="*/ 0 h 4523"/>
                </a:gdLst>
                <a:ahLst/>
                <a:cxnLst>
                  <a:cxn ang="0">
                    <a:pos x="connsiteX0" y="connsiteY0"/>
                  </a:cxn>
                  <a:cxn ang="0">
                    <a:pos x="connsiteX1" y="connsiteY1"/>
                  </a:cxn>
                </a:cxnLst>
                <a:rect l="l" t="t" r="r" b="b"/>
                <a:pathLst>
                  <a:path w="343638" h="4523">
                    <a:moveTo>
                      <a:pt x="0" y="0"/>
                    </a:moveTo>
                    <a:lnTo>
                      <a:pt x="343639"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0" name="Freeform: Shape 2309">
                <a:extLst>
                  <a:ext uri="{FF2B5EF4-FFF2-40B4-BE49-F238E27FC236}">
                    <a16:creationId xmlns:a16="http://schemas.microsoft.com/office/drawing/2014/main" id="{BEF19B5C-134F-CE1B-1C82-1D4EDE5FB033}"/>
                  </a:ext>
                </a:extLst>
              </p:cNvPr>
              <p:cNvSpPr/>
              <p:nvPr/>
            </p:nvSpPr>
            <p:spPr>
              <a:xfrm>
                <a:off x="239978" y="2018917"/>
                <a:ext cx="4523" cy="1482134"/>
              </a:xfrm>
              <a:custGeom>
                <a:avLst/>
                <a:gdLst>
                  <a:gd name="connsiteX0" fmla="*/ 0 w 4523"/>
                  <a:gd name="connsiteY0" fmla="*/ 0 h 1482134"/>
                  <a:gd name="connsiteX1" fmla="*/ 0 w 4523"/>
                  <a:gd name="connsiteY1" fmla="*/ 1482135 h 1482134"/>
                </a:gdLst>
                <a:ahLst/>
                <a:cxnLst>
                  <a:cxn ang="0">
                    <a:pos x="connsiteX0" y="connsiteY0"/>
                  </a:cxn>
                  <a:cxn ang="0">
                    <a:pos x="connsiteX1" y="connsiteY1"/>
                  </a:cxn>
                </a:cxnLst>
                <a:rect l="l" t="t" r="r" b="b"/>
                <a:pathLst>
                  <a:path w="4523" h="1482134">
                    <a:moveTo>
                      <a:pt x="0" y="0"/>
                    </a:moveTo>
                    <a:lnTo>
                      <a:pt x="0" y="1482135"/>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1" name="Freeform: Shape 2310">
                <a:extLst>
                  <a:ext uri="{FF2B5EF4-FFF2-40B4-BE49-F238E27FC236}">
                    <a16:creationId xmlns:a16="http://schemas.microsoft.com/office/drawing/2014/main" id="{50E88B73-1BEB-1677-23DA-F4827A0D9B59}"/>
                  </a:ext>
                </a:extLst>
              </p:cNvPr>
              <p:cNvSpPr/>
              <p:nvPr/>
            </p:nvSpPr>
            <p:spPr>
              <a:xfrm>
                <a:off x="2600888" y="2310124"/>
                <a:ext cx="76092" cy="36734"/>
              </a:xfrm>
              <a:custGeom>
                <a:avLst/>
                <a:gdLst>
                  <a:gd name="connsiteX0" fmla="*/ 0 w 76092"/>
                  <a:gd name="connsiteY0" fmla="*/ 0 h 36734"/>
                  <a:gd name="connsiteX1" fmla="*/ 76093 w 76092"/>
                  <a:gd name="connsiteY1" fmla="*/ 0 h 36734"/>
                  <a:gd name="connsiteX2" fmla="*/ 76093 w 76092"/>
                  <a:gd name="connsiteY2" fmla="*/ 36734 h 36734"/>
                  <a:gd name="connsiteX3" fmla="*/ 0 w 76092"/>
                  <a:gd name="connsiteY3" fmla="*/ 36734 h 36734"/>
                </a:gdLst>
                <a:ahLst/>
                <a:cxnLst>
                  <a:cxn ang="0">
                    <a:pos x="connsiteX0" y="connsiteY0"/>
                  </a:cxn>
                  <a:cxn ang="0">
                    <a:pos x="connsiteX1" y="connsiteY1"/>
                  </a:cxn>
                  <a:cxn ang="0">
                    <a:pos x="connsiteX2" y="connsiteY2"/>
                  </a:cxn>
                  <a:cxn ang="0">
                    <a:pos x="connsiteX3" y="connsiteY3"/>
                  </a:cxn>
                </a:cxnLst>
                <a:rect l="l" t="t" r="r" b="b"/>
                <a:pathLst>
                  <a:path w="76092" h="36734">
                    <a:moveTo>
                      <a:pt x="0" y="0"/>
                    </a:moveTo>
                    <a:lnTo>
                      <a:pt x="76093" y="0"/>
                    </a:lnTo>
                    <a:lnTo>
                      <a:pt x="76093" y="36734"/>
                    </a:lnTo>
                    <a:lnTo>
                      <a:pt x="0"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2" name="Freeform: Shape 2311">
                <a:extLst>
                  <a:ext uri="{FF2B5EF4-FFF2-40B4-BE49-F238E27FC236}">
                    <a16:creationId xmlns:a16="http://schemas.microsoft.com/office/drawing/2014/main" id="{70567A5C-BD75-F192-DD40-E0AF59DC648A}"/>
                  </a:ext>
                </a:extLst>
              </p:cNvPr>
              <p:cNvSpPr/>
              <p:nvPr/>
            </p:nvSpPr>
            <p:spPr>
              <a:xfrm>
                <a:off x="2957691" y="2721983"/>
                <a:ext cx="86543" cy="36689"/>
              </a:xfrm>
              <a:custGeom>
                <a:avLst/>
                <a:gdLst>
                  <a:gd name="connsiteX0" fmla="*/ 86543 w 86543"/>
                  <a:gd name="connsiteY0" fmla="*/ 0 h 36689"/>
                  <a:gd name="connsiteX1" fmla="*/ 0 w 86543"/>
                  <a:gd name="connsiteY1" fmla="*/ 0 h 36689"/>
                  <a:gd name="connsiteX2" fmla="*/ 0 w 86543"/>
                  <a:gd name="connsiteY2" fmla="*/ 36689 h 36689"/>
                  <a:gd name="connsiteX3" fmla="*/ 86543 w 86543"/>
                  <a:gd name="connsiteY3" fmla="*/ 36689 h 36689"/>
                </a:gdLst>
                <a:ahLst/>
                <a:cxnLst>
                  <a:cxn ang="0">
                    <a:pos x="connsiteX0" y="connsiteY0"/>
                  </a:cxn>
                  <a:cxn ang="0">
                    <a:pos x="connsiteX1" y="connsiteY1"/>
                  </a:cxn>
                  <a:cxn ang="0">
                    <a:pos x="connsiteX2" y="connsiteY2"/>
                  </a:cxn>
                  <a:cxn ang="0">
                    <a:pos x="connsiteX3" y="connsiteY3"/>
                  </a:cxn>
                </a:cxnLst>
                <a:rect l="l" t="t" r="r" b="b"/>
                <a:pathLst>
                  <a:path w="86543" h="36689">
                    <a:moveTo>
                      <a:pt x="86543" y="0"/>
                    </a:moveTo>
                    <a:lnTo>
                      <a:pt x="0" y="0"/>
                    </a:lnTo>
                    <a:lnTo>
                      <a:pt x="0" y="36689"/>
                    </a:lnTo>
                    <a:lnTo>
                      <a:pt x="86543" y="36689"/>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3" name="Freeform: Shape 2312">
                <a:extLst>
                  <a:ext uri="{FF2B5EF4-FFF2-40B4-BE49-F238E27FC236}">
                    <a16:creationId xmlns:a16="http://schemas.microsoft.com/office/drawing/2014/main" id="{05682E31-6784-0CB9-6679-9F97E8B6E0CB}"/>
                  </a:ext>
                </a:extLst>
              </p:cNvPr>
              <p:cNvSpPr/>
              <p:nvPr/>
            </p:nvSpPr>
            <p:spPr>
              <a:xfrm>
                <a:off x="2957691" y="2808527"/>
                <a:ext cx="86543" cy="36734"/>
              </a:xfrm>
              <a:custGeom>
                <a:avLst/>
                <a:gdLst>
                  <a:gd name="connsiteX0" fmla="*/ 86543 w 86543"/>
                  <a:gd name="connsiteY0" fmla="*/ 0 h 36734"/>
                  <a:gd name="connsiteX1" fmla="*/ 0 w 86543"/>
                  <a:gd name="connsiteY1" fmla="*/ 0 h 36734"/>
                  <a:gd name="connsiteX2" fmla="*/ 0 w 86543"/>
                  <a:gd name="connsiteY2" fmla="*/ 36734 h 36734"/>
                  <a:gd name="connsiteX3" fmla="*/ 86543 w 86543"/>
                  <a:gd name="connsiteY3" fmla="*/ 36734 h 36734"/>
                </a:gdLst>
                <a:ahLst/>
                <a:cxnLst>
                  <a:cxn ang="0">
                    <a:pos x="connsiteX0" y="connsiteY0"/>
                  </a:cxn>
                  <a:cxn ang="0">
                    <a:pos x="connsiteX1" y="connsiteY1"/>
                  </a:cxn>
                  <a:cxn ang="0">
                    <a:pos x="connsiteX2" y="connsiteY2"/>
                  </a:cxn>
                  <a:cxn ang="0">
                    <a:pos x="connsiteX3" y="connsiteY3"/>
                  </a:cxn>
                </a:cxnLst>
                <a:rect l="l" t="t" r="r" b="b"/>
                <a:pathLst>
                  <a:path w="86543" h="36734">
                    <a:moveTo>
                      <a:pt x="86543" y="0"/>
                    </a:moveTo>
                    <a:lnTo>
                      <a:pt x="0" y="0"/>
                    </a:lnTo>
                    <a:lnTo>
                      <a:pt x="0" y="36734"/>
                    </a:lnTo>
                    <a:lnTo>
                      <a:pt x="86543"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4" name="Freeform: Shape 2313">
                <a:extLst>
                  <a:ext uri="{FF2B5EF4-FFF2-40B4-BE49-F238E27FC236}">
                    <a16:creationId xmlns:a16="http://schemas.microsoft.com/office/drawing/2014/main" id="{F344D902-AD0F-C9D7-82F2-AF54C925BEAF}"/>
                  </a:ext>
                </a:extLst>
              </p:cNvPr>
              <p:cNvSpPr/>
              <p:nvPr/>
            </p:nvSpPr>
            <p:spPr>
              <a:xfrm>
                <a:off x="2957691" y="2895115"/>
                <a:ext cx="86543" cy="36689"/>
              </a:xfrm>
              <a:custGeom>
                <a:avLst/>
                <a:gdLst>
                  <a:gd name="connsiteX0" fmla="*/ 86543 w 86543"/>
                  <a:gd name="connsiteY0" fmla="*/ 0 h 36689"/>
                  <a:gd name="connsiteX1" fmla="*/ 0 w 86543"/>
                  <a:gd name="connsiteY1" fmla="*/ 0 h 36689"/>
                  <a:gd name="connsiteX2" fmla="*/ 0 w 86543"/>
                  <a:gd name="connsiteY2" fmla="*/ 36689 h 36689"/>
                  <a:gd name="connsiteX3" fmla="*/ 86543 w 86543"/>
                  <a:gd name="connsiteY3" fmla="*/ 36689 h 36689"/>
                </a:gdLst>
                <a:ahLst/>
                <a:cxnLst>
                  <a:cxn ang="0">
                    <a:pos x="connsiteX0" y="connsiteY0"/>
                  </a:cxn>
                  <a:cxn ang="0">
                    <a:pos x="connsiteX1" y="connsiteY1"/>
                  </a:cxn>
                  <a:cxn ang="0">
                    <a:pos x="connsiteX2" y="connsiteY2"/>
                  </a:cxn>
                  <a:cxn ang="0">
                    <a:pos x="connsiteX3" y="connsiteY3"/>
                  </a:cxn>
                </a:cxnLst>
                <a:rect l="l" t="t" r="r" b="b"/>
                <a:pathLst>
                  <a:path w="86543" h="36689">
                    <a:moveTo>
                      <a:pt x="86543" y="0"/>
                    </a:moveTo>
                    <a:lnTo>
                      <a:pt x="0" y="0"/>
                    </a:lnTo>
                    <a:lnTo>
                      <a:pt x="0" y="36689"/>
                    </a:lnTo>
                    <a:lnTo>
                      <a:pt x="86543" y="36689"/>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5" name="Freeform: Shape 2314">
                <a:extLst>
                  <a:ext uri="{FF2B5EF4-FFF2-40B4-BE49-F238E27FC236}">
                    <a16:creationId xmlns:a16="http://schemas.microsoft.com/office/drawing/2014/main" id="{AEC2B5A2-514B-0D01-288D-C336C8E06F7B}"/>
                  </a:ext>
                </a:extLst>
              </p:cNvPr>
              <p:cNvSpPr/>
              <p:nvPr/>
            </p:nvSpPr>
            <p:spPr>
              <a:xfrm>
                <a:off x="2957691" y="2981658"/>
                <a:ext cx="86543" cy="36734"/>
              </a:xfrm>
              <a:custGeom>
                <a:avLst/>
                <a:gdLst>
                  <a:gd name="connsiteX0" fmla="*/ 86543 w 86543"/>
                  <a:gd name="connsiteY0" fmla="*/ 0 h 36734"/>
                  <a:gd name="connsiteX1" fmla="*/ 0 w 86543"/>
                  <a:gd name="connsiteY1" fmla="*/ 0 h 36734"/>
                  <a:gd name="connsiteX2" fmla="*/ 0 w 86543"/>
                  <a:gd name="connsiteY2" fmla="*/ 36735 h 36734"/>
                  <a:gd name="connsiteX3" fmla="*/ 86543 w 86543"/>
                  <a:gd name="connsiteY3" fmla="*/ 36735 h 36734"/>
                </a:gdLst>
                <a:ahLst/>
                <a:cxnLst>
                  <a:cxn ang="0">
                    <a:pos x="connsiteX0" y="connsiteY0"/>
                  </a:cxn>
                  <a:cxn ang="0">
                    <a:pos x="connsiteX1" y="connsiteY1"/>
                  </a:cxn>
                  <a:cxn ang="0">
                    <a:pos x="connsiteX2" y="connsiteY2"/>
                  </a:cxn>
                  <a:cxn ang="0">
                    <a:pos x="connsiteX3" y="connsiteY3"/>
                  </a:cxn>
                </a:cxnLst>
                <a:rect l="l" t="t" r="r" b="b"/>
                <a:pathLst>
                  <a:path w="86543" h="36734">
                    <a:moveTo>
                      <a:pt x="86543" y="0"/>
                    </a:moveTo>
                    <a:lnTo>
                      <a:pt x="0" y="0"/>
                    </a:lnTo>
                    <a:lnTo>
                      <a:pt x="0" y="36735"/>
                    </a:lnTo>
                    <a:lnTo>
                      <a:pt x="86543" y="36735"/>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6" name="Freeform: Shape 2315">
                <a:extLst>
                  <a:ext uri="{FF2B5EF4-FFF2-40B4-BE49-F238E27FC236}">
                    <a16:creationId xmlns:a16="http://schemas.microsoft.com/office/drawing/2014/main" id="{7FEFCE6A-F1F5-8DAC-A160-05A57CA4743B}"/>
                  </a:ext>
                </a:extLst>
              </p:cNvPr>
              <p:cNvSpPr/>
              <p:nvPr/>
            </p:nvSpPr>
            <p:spPr>
              <a:xfrm>
                <a:off x="2957691" y="3068246"/>
                <a:ext cx="86543" cy="36689"/>
              </a:xfrm>
              <a:custGeom>
                <a:avLst/>
                <a:gdLst>
                  <a:gd name="connsiteX0" fmla="*/ 86543 w 86543"/>
                  <a:gd name="connsiteY0" fmla="*/ 0 h 36689"/>
                  <a:gd name="connsiteX1" fmla="*/ 0 w 86543"/>
                  <a:gd name="connsiteY1" fmla="*/ 0 h 36689"/>
                  <a:gd name="connsiteX2" fmla="*/ 0 w 86543"/>
                  <a:gd name="connsiteY2" fmla="*/ 36689 h 36689"/>
                  <a:gd name="connsiteX3" fmla="*/ 86543 w 86543"/>
                  <a:gd name="connsiteY3" fmla="*/ 36689 h 36689"/>
                </a:gdLst>
                <a:ahLst/>
                <a:cxnLst>
                  <a:cxn ang="0">
                    <a:pos x="connsiteX0" y="connsiteY0"/>
                  </a:cxn>
                  <a:cxn ang="0">
                    <a:pos x="connsiteX1" y="connsiteY1"/>
                  </a:cxn>
                  <a:cxn ang="0">
                    <a:pos x="connsiteX2" y="connsiteY2"/>
                  </a:cxn>
                  <a:cxn ang="0">
                    <a:pos x="connsiteX3" y="connsiteY3"/>
                  </a:cxn>
                </a:cxnLst>
                <a:rect l="l" t="t" r="r" b="b"/>
                <a:pathLst>
                  <a:path w="86543" h="36689">
                    <a:moveTo>
                      <a:pt x="86543" y="0"/>
                    </a:moveTo>
                    <a:lnTo>
                      <a:pt x="0" y="0"/>
                    </a:lnTo>
                    <a:lnTo>
                      <a:pt x="0" y="36689"/>
                    </a:lnTo>
                    <a:lnTo>
                      <a:pt x="86543" y="36689"/>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7" name="Freeform: Shape 2316">
                <a:extLst>
                  <a:ext uri="{FF2B5EF4-FFF2-40B4-BE49-F238E27FC236}">
                    <a16:creationId xmlns:a16="http://schemas.microsoft.com/office/drawing/2014/main" id="{DA401B3C-3A98-8C3E-F37A-0355A2845D17}"/>
                  </a:ext>
                </a:extLst>
              </p:cNvPr>
              <p:cNvSpPr/>
              <p:nvPr/>
            </p:nvSpPr>
            <p:spPr>
              <a:xfrm>
                <a:off x="2957691" y="3154789"/>
                <a:ext cx="86543" cy="36734"/>
              </a:xfrm>
              <a:custGeom>
                <a:avLst/>
                <a:gdLst>
                  <a:gd name="connsiteX0" fmla="*/ 86543 w 86543"/>
                  <a:gd name="connsiteY0" fmla="*/ 0 h 36734"/>
                  <a:gd name="connsiteX1" fmla="*/ 0 w 86543"/>
                  <a:gd name="connsiteY1" fmla="*/ 0 h 36734"/>
                  <a:gd name="connsiteX2" fmla="*/ 0 w 86543"/>
                  <a:gd name="connsiteY2" fmla="*/ 36734 h 36734"/>
                  <a:gd name="connsiteX3" fmla="*/ 86543 w 86543"/>
                  <a:gd name="connsiteY3" fmla="*/ 36734 h 36734"/>
                </a:gdLst>
                <a:ahLst/>
                <a:cxnLst>
                  <a:cxn ang="0">
                    <a:pos x="connsiteX0" y="connsiteY0"/>
                  </a:cxn>
                  <a:cxn ang="0">
                    <a:pos x="connsiteX1" y="connsiteY1"/>
                  </a:cxn>
                  <a:cxn ang="0">
                    <a:pos x="connsiteX2" y="connsiteY2"/>
                  </a:cxn>
                  <a:cxn ang="0">
                    <a:pos x="connsiteX3" y="connsiteY3"/>
                  </a:cxn>
                </a:cxnLst>
                <a:rect l="l" t="t" r="r" b="b"/>
                <a:pathLst>
                  <a:path w="86543" h="36734">
                    <a:moveTo>
                      <a:pt x="86543" y="0"/>
                    </a:moveTo>
                    <a:lnTo>
                      <a:pt x="0" y="0"/>
                    </a:lnTo>
                    <a:lnTo>
                      <a:pt x="0" y="36734"/>
                    </a:lnTo>
                    <a:lnTo>
                      <a:pt x="86543"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8" name="Freeform: Shape 2317">
                <a:extLst>
                  <a:ext uri="{FF2B5EF4-FFF2-40B4-BE49-F238E27FC236}">
                    <a16:creationId xmlns:a16="http://schemas.microsoft.com/office/drawing/2014/main" id="{9AC1DD5C-7805-F854-0A95-BA40F09C630C}"/>
                  </a:ext>
                </a:extLst>
              </p:cNvPr>
              <p:cNvSpPr/>
              <p:nvPr/>
            </p:nvSpPr>
            <p:spPr>
              <a:xfrm>
                <a:off x="2957691" y="3241377"/>
                <a:ext cx="86543" cy="36734"/>
              </a:xfrm>
              <a:custGeom>
                <a:avLst/>
                <a:gdLst>
                  <a:gd name="connsiteX0" fmla="*/ 86543 w 86543"/>
                  <a:gd name="connsiteY0" fmla="*/ 0 h 36734"/>
                  <a:gd name="connsiteX1" fmla="*/ 0 w 86543"/>
                  <a:gd name="connsiteY1" fmla="*/ 0 h 36734"/>
                  <a:gd name="connsiteX2" fmla="*/ 0 w 86543"/>
                  <a:gd name="connsiteY2" fmla="*/ 36734 h 36734"/>
                  <a:gd name="connsiteX3" fmla="*/ 86543 w 86543"/>
                  <a:gd name="connsiteY3" fmla="*/ 36734 h 36734"/>
                </a:gdLst>
                <a:ahLst/>
                <a:cxnLst>
                  <a:cxn ang="0">
                    <a:pos x="connsiteX0" y="connsiteY0"/>
                  </a:cxn>
                  <a:cxn ang="0">
                    <a:pos x="connsiteX1" y="connsiteY1"/>
                  </a:cxn>
                  <a:cxn ang="0">
                    <a:pos x="connsiteX2" y="connsiteY2"/>
                  </a:cxn>
                  <a:cxn ang="0">
                    <a:pos x="connsiteX3" y="connsiteY3"/>
                  </a:cxn>
                </a:cxnLst>
                <a:rect l="l" t="t" r="r" b="b"/>
                <a:pathLst>
                  <a:path w="86543" h="36734">
                    <a:moveTo>
                      <a:pt x="86543" y="0"/>
                    </a:moveTo>
                    <a:lnTo>
                      <a:pt x="0" y="0"/>
                    </a:lnTo>
                    <a:lnTo>
                      <a:pt x="0" y="36734"/>
                    </a:lnTo>
                    <a:lnTo>
                      <a:pt x="86543"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19" name="Freeform: Shape 2318">
                <a:extLst>
                  <a:ext uri="{FF2B5EF4-FFF2-40B4-BE49-F238E27FC236}">
                    <a16:creationId xmlns:a16="http://schemas.microsoft.com/office/drawing/2014/main" id="{C8C0FC1C-1168-379E-45A6-85508B7D79BE}"/>
                  </a:ext>
                </a:extLst>
              </p:cNvPr>
              <p:cNvSpPr/>
              <p:nvPr/>
            </p:nvSpPr>
            <p:spPr>
              <a:xfrm>
                <a:off x="2957691" y="3327921"/>
                <a:ext cx="86543" cy="36734"/>
              </a:xfrm>
              <a:custGeom>
                <a:avLst/>
                <a:gdLst>
                  <a:gd name="connsiteX0" fmla="*/ 86543 w 86543"/>
                  <a:gd name="connsiteY0" fmla="*/ 0 h 36734"/>
                  <a:gd name="connsiteX1" fmla="*/ 0 w 86543"/>
                  <a:gd name="connsiteY1" fmla="*/ 0 h 36734"/>
                  <a:gd name="connsiteX2" fmla="*/ 0 w 86543"/>
                  <a:gd name="connsiteY2" fmla="*/ 36734 h 36734"/>
                  <a:gd name="connsiteX3" fmla="*/ 86543 w 86543"/>
                  <a:gd name="connsiteY3" fmla="*/ 36734 h 36734"/>
                </a:gdLst>
                <a:ahLst/>
                <a:cxnLst>
                  <a:cxn ang="0">
                    <a:pos x="connsiteX0" y="connsiteY0"/>
                  </a:cxn>
                  <a:cxn ang="0">
                    <a:pos x="connsiteX1" y="connsiteY1"/>
                  </a:cxn>
                  <a:cxn ang="0">
                    <a:pos x="connsiteX2" y="connsiteY2"/>
                  </a:cxn>
                  <a:cxn ang="0">
                    <a:pos x="connsiteX3" y="connsiteY3"/>
                  </a:cxn>
                </a:cxnLst>
                <a:rect l="l" t="t" r="r" b="b"/>
                <a:pathLst>
                  <a:path w="86543" h="36734">
                    <a:moveTo>
                      <a:pt x="86543" y="0"/>
                    </a:moveTo>
                    <a:lnTo>
                      <a:pt x="0" y="0"/>
                    </a:lnTo>
                    <a:lnTo>
                      <a:pt x="0" y="36734"/>
                    </a:lnTo>
                    <a:lnTo>
                      <a:pt x="86543"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0" name="Freeform: Shape 2319">
                <a:extLst>
                  <a:ext uri="{FF2B5EF4-FFF2-40B4-BE49-F238E27FC236}">
                    <a16:creationId xmlns:a16="http://schemas.microsoft.com/office/drawing/2014/main" id="{39F57E6C-97E1-DAA0-02B6-90981E082D8D}"/>
                  </a:ext>
                </a:extLst>
              </p:cNvPr>
              <p:cNvSpPr/>
              <p:nvPr/>
            </p:nvSpPr>
            <p:spPr>
              <a:xfrm>
                <a:off x="2600888" y="2409786"/>
                <a:ext cx="76092" cy="36734"/>
              </a:xfrm>
              <a:custGeom>
                <a:avLst/>
                <a:gdLst>
                  <a:gd name="connsiteX0" fmla="*/ 0 w 76092"/>
                  <a:gd name="connsiteY0" fmla="*/ 0 h 36734"/>
                  <a:gd name="connsiteX1" fmla="*/ 76093 w 76092"/>
                  <a:gd name="connsiteY1" fmla="*/ 0 h 36734"/>
                  <a:gd name="connsiteX2" fmla="*/ 76093 w 76092"/>
                  <a:gd name="connsiteY2" fmla="*/ 36734 h 36734"/>
                  <a:gd name="connsiteX3" fmla="*/ 0 w 76092"/>
                  <a:gd name="connsiteY3" fmla="*/ 36734 h 36734"/>
                </a:gdLst>
                <a:ahLst/>
                <a:cxnLst>
                  <a:cxn ang="0">
                    <a:pos x="connsiteX0" y="connsiteY0"/>
                  </a:cxn>
                  <a:cxn ang="0">
                    <a:pos x="connsiteX1" y="connsiteY1"/>
                  </a:cxn>
                  <a:cxn ang="0">
                    <a:pos x="connsiteX2" y="connsiteY2"/>
                  </a:cxn>
                  <a:cxn ang="0">
                    <a:pos x="connsiteX3" y="connsiteY3"/>
                  </a:cxn>
                </a:cxnLst>
                <a:rect l="l" t="t" r="r" b="b"/>
                <a:pathLst>
                  <a:path w="76092" h="36734">
                    <a:moveTo>
                      <a:pt x="0" y="0"/>
                    </a:moveTo>
                    <a:lnTo>
                      <a:pt x="76093" y="0"/>
                    </a:lnTo>
                    <a:lnTo>
                      <a:pt x="76093" y="36734"/>
                    </a:lnTo>
                    <a:lnTo>
                      <a:pt x="0"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1" name="Freeform: Shape 2320">
                <a:extLst>
                  <a:ext uri="{FF2B5EF4-FFF2-40B4-BE49-F238E27FC236}">
                    <a16:creationId xmlns:a16="http://schemas.microsoft.com/office/drawing/2014/main" id="{2FF6824E-E404-7E01-F6DA-82254CF86D0E}"/>
                  </a:ext>
                </a:extLst>
              </p:cNvPr>
              <p:cNvSpPr/>
              <p:nvPr/>
            </p:nvSpPr>
            <p:spPr>
              <a:xfrm>
                <a:off x="2600888" y="2509494"/>
                <a:ext cx="76092" cy="36734"/>
              </a:xfrm>
              <a:custGeom>
                <a:avLst/>
                <a:gdLst>
                  <a:gd name="connsiteX0" fmla="*/ 0 w 76092"/>
                  <a:gd name="connsiteY0" fmla="*/ 0 h 36734"/>
                  <a:gd name="connsiteX1" fmla="*/ 76093 w 76092"/>
                  <a:gd name="connsiteY1" fmla="*/ 0 h 36734"/>
                  <a:gd name="connsiteX2" fmla="*/ 76093 w 76092"/>
                  <a:gd name="connsiteY2" fmla="*/ 36734 h 36734"/>
                  <a:gd name="connsiteX3" fmla="*/ 0 w 76092"/>
                  <a:gd name="connsiteY3" fmla="*/ 36734 h 36734"/>
                </a:gdLst>
                <a:ahLst/>
                <a:cxnLst>
                  <a:cxn ang="0">
                    <a:pos x="connsiteX0" y="connsiteY0"/>
                  </a:cxn>
                  <a:cxn ang="0">
                    <a:pos x="connsiteX1" y="connsiteY1"/>
                  </a:cxn>
                  <a:cxn ang="0">
                    <a:pos x="connsiteX2" y="connsiteY2"/>
                  </a:cxn>
                  <a:cxn ang="0">
                    <a:pos x="connsiteX3" y="connsiteY3"/>
                  </a:cxn>
                </a:cxnLst>
                <a:rect l="l" t="t" r="r" b="b"/>
                <a:pathLst>
                  <a:path w="76092" h="36734">
                    <a:moveTo>
                      <a:pt x="0" y="0"/>
                    </a:moveTo>
                    <a:lnTo>
                      <a:pt x="76093" y="0"/>
                    </a:lnTo>
                    <a:lnTo>
                      <a:pt x="76093" y="36734"/>
                    </a:lnTo>
                    <a:lnTo>
                      <a:pt x="0"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2" name="Freeform: Shape 2321">
                <a:extLst>
                  <a:ext uri="{FF2B5EF4-FFF2-40B4-BE49-F238E27FC236}">
                    <a16:creationId xmlns:a16="http://schemas.microsoft.com/office/drawing/2014/main" id="{D8676765-DB32-AB73-DB3B-04501947A652}"/>
                  </a:ext>
                </a:extLst>
              </p:cNvPr>
              <p:cNvSpPr/>
              <p:nvPr/>
            </p:nvSpPr>
            <p:spPr>
              <a:xfrm>
                <a:off x="2600888" y="2609156"/>
                <a:ext cx="76092" cy="36734"/>
              </a:xfrm>
              <a:custGeom>
                <a:avLst/>
                <a:gdLst>
                  <a:gd name="connsiteX0" fmla="*/ 0 w 76092"/>
                  <a:gd name="connsiteY0" fmla="*/ 0 h 36734"/>
                  <a:gd name="connsiteX1" fmla="*/ 76093 w 76092"/>
                  <a:gd name="connsiteY1" fmla="*/ 0 h 36734"/>
                  <a:gd name="connsiteX2" fmla="*/ 76093 w 76092"/>
                  <a:gd name="connsiteY2" fmla="*/ 36734 h 36734"/>
                  <a:gd name="connsiteX3" fmla="*/ 0 w 76092"/>
                  <a:gd name="connsiteY3" fmla="*/ 36734 h 36734"/>
                </a:gdLst>
                <a:ahLst/>
                <a:cxnLst>
                  <a:cxn ang="0">
                    <a:pos x="connsiteX0" y="connsiteY0"/>
                  </a:cxn>
                  <a:cxn ang="0">
                    <a:pos x="connsiteX1" y="connsiteY1"/>
                  </a:cxn>
                  <a:cxn ang="0">
                    <a:pos x="connsiteX2" y="connsiteY2"/>
                  </a:cxn>
                  <a:cxn ang="0">
                    <a:pos x="connsiteX3" y="connsiteY3"/>
                  </a:cxn>
                </a:cxnLst>
                <a:rect l="l" t="t" r="r" b="b"/>
                <a:pathLst>
                  <a:path w="76092" h="36734">
                    <a:moveTo>
                      <a:pt x="0" y="0"/>
                    </a:moveTo>
                    <a:lnTo>
                      <a:pt x="76093" y="0"/>
                    </a:lnTo>
                    <a:lnTo>
                      <a:pt x="76093" y="36734"/>
                    </a:lnTo>
                    <a:lnTo>
                      <a:pt x="0"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3" name="Freeform: Shape 2322">
                <a:extLst>
                  <a:ext uri="{FF2B5EF4-FFF2-40B4-BE49-F238E27FC236}">
                    <a16:creationId xmlns:a16="http://schemas.microsoft.com/office/drawing/2014/main" id="{A3484EA2-2784-3D46-3913-7D1389B35AC2}"/>
                  </a:ext>
                </a:extLst>
              </p:cNvPr>
              <p:cNvSpPr/>
              <p:nvPr/>
            </p:nvSpPr>
            <p:spPr>
              <a:xfrm>
                <a:off x="2600888" y="2708864"/>
                <a:ext cx="76092" cy="36734"/>
              </a:xfrm>
              <a:custGeom>
                <a:avLst/>
                <a:gdLst>
                  <a:gd name="connsiteX0" fmla="*/ 0 w 76092"/>
                  <a:gd name="connsiteY0" fmla="*/ 0 h 36734"/>
                  <a:gd name="connsiteX1" fmla="*/ 76093 w 76092"/>
                  <a:gd name="connsiteY1" fmla="*/ 0 h 36734"/>
                  <a:gd name="connsiteX2" fmla="*/ 76093 w 76092"/>
                  <a:gd name="connsiteY2" fmla="*/ 36734 h 36734"/>
                  <a:gd name="connsiteX3" fmla="*/ 0 w 76092"/>
                  <a:gd name="connsiteY3" fmla="*/ 36734 h 36734"/>
                </a:gdLst>
                <a:ahLst/>
                <a:cxnLst>
                  <a:cxn ang="0">
                    <a:pos x="connsiteX0" y="connsiteY0"/>
                  </a:cxn>
                  <a:cxn ang="0">
                    <a:pos x="connsiteX1" y="connsiteY1"/>
                  </a:cxn>
                  <a:cxn ang="0">
                    <a:pos x="connsiteX2" y="connsiteY2"/>
                  </a:cxn>
                  <a:cxn ang="0">
                    <a:pos x="connsiteX3" y="connsiteY3"/>
                  </a:cxn>
                </a:cxnLst>
                <a:rect l="l" t="t" r="r" b="b"/>
                <a:pathLst>
                  <a:path w="76092" h="36734">
                    <a:moveTo>
                      <a:pt x="0" y="0"/>
                    </a:moveTo>
                    <a:lnTo>
                      <a:pt x="76093" y="0"/>
                    </a:lnTo>
                    <a:lnTo>
                      <a:pt x="76093" y="36734"/>
                    </a:lnTo>
                    <a:lnTo>
                      <a:pt x="0"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4" name="Freeform: Shape 2323">
                <a:extLst>
                  <a:ext uri="{FF2B5EF4-FFF2-40B4-BE49-F238E27FC236}">
                    <a16:creationId xmlns:a16="http://schemas.microsoft.com/office/drawing/2014/main" id="{2C334462-975B-13AF-1967-502D5790C949}"/>
                  </a:ext>
                </a:extLst>
              </p:cNvPr>
              <p:cNvSpPr/>
              <p:nvPr/>
            </p:nvSpPr>
            <p:spPr>
              <a:xfrm>
                <a:off x="2600888" y="2808527"/>
                <a:ext cx="76092" cy="36734"/>
              </a:xfrm>
              <a:custGeom>
                <a:avLst/>
                <a:gdLst>
                  <a:gd name="connsiteX0" fmla="*/ 0 w 76092"/>
                  <a:gd name="connsiteY0" fmla="*/ 0 h 36734"/>
                  <a:gd name="connsiteX1" fmla="*/ 76093 w 76092"/>
                  <a:gd name="connsiteY1" fmla="*/ 0 h 36734"/>
                  <a:gd name="connsiteX2" fmla="*/ 76093 w 76092"/>
                  <a:gd name="connsiteY2" fmla="*/ 36734 h 36734"/>
                  <a:gd name="connsiteX3" fmla="*/ 0 w 76092"/>
                  <a:gd name="connsiteY3" fmla="*/ 36734 h 36734"/>
                </a:gdLst>
                <a:ahLst/>
                <a:cxnLst>
                  <a:cxn ang="0">
                    <a:pos x="connsiteX0" y="connsiteY0"/>
                  </a:cxn>
                  <a:cxn ang="0">
                    <a:pos x="connsiteX1" y="connsiteY1"/>
                  </a:cxn>
                  <a:cxn ang="0">
                    <a:pos x="connsiteX2" y="connsiteY2"/>
                  </a:cxn>
                  <a:cxn ang="0">
                    <a:pos x="connsiteX3" y="connsiteY3"/>
                  </a:cxn>
                </a:cxnLst>
                <a:rect l="l" t="t" r="r" b="b"/>
                <a:pathLst>
                  <a:path w="76092" h="36734">
                    <a:moveTo>
                      <a:pt x="0" y="0"/>
                    </a:moveTo>
                    <a:lnTo>
                      <a:pt x="76093" y="0"/>
                    </a:lnTo>
                    <a:lnTo>
                      <a:pt x="76093" y="36734"/>
                    </a:lnTo>
                    <a:lnTo>
                      <a:pt x="0"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5" name="Freeform: Shape 2324">
                <a:extLst>
                  <a:ext uri="{FF2B5EF4-FFF2-40B4-BE49-F238E27FC236}">
                    <a16:creationId xmlns:a16="http://schemas.microsoft.com/office/drawing/2014/main" id="{E8030BE7-EA29-FBB4-5AF9-EBB9174B2BCF}"/>
                  </a:ext>
                </a:extLst>
              </p:cNvPr>
              <p:cNvSpPr/>
              <p:nvPr/>
            </p:nvSpPr>
            <p:spPr>
              <a:xfrm>
                <a:off x="2600888" y="2908234"/>
                <a:ext cx="76092" cy="36689"/>
              </a:xfrm>
              <a:custGeom>
                <a:avLst/>
                <a:gdLst>
                  <a:gd name="connsiteX0" fmla="*/ 0 w 76092"/>
                  <a:gd name="connsiteY0" fmla="*/ 0 h 36689"/>
                  <a:gd name="connsiteX1" fmla="*/ 76093 w 76092"/>
                  <a:gd name="connsiteY1" fmla="*/ 0 h 36689"/>
                  <a:gd name="connsiteX2" fmla="*/ 76093 w 76092"/>
                  <a:gd name="connsiteY2" fmla="*/ 36689 h 36689"/>
                  <a:gd name="connsiteX3" fmla="*/ 0 w 76092"/>
                  <a:gd name="connsiteY3" fmla="*/ 36689 h 36689"/>
                </a:gdLst>
                <a:ahLst/>
                <a:cxnLst>
                  <a:cxn ang="0">
                    <a:pos x="connsiteX0" y="connsiteY0"/>
                  </a:cxn>
                  <a:cxn ang="0">
                    <a:pos x="connsiteX1" y="connsiteY1"/>
                  </a:cxn>
                  <a:cxn ang="0">
                    <a:pos x="connsiteX2" y="connsiteY2"/>
                  </a:cxn>
                  <a:cxn ang="0">
                    <a:pos x="connsiteX3" y="connsiteY3"/>
                  </a:cxn>
                </a:cxnLst>
                <a:rect l="l" t="t" r="r" b="b"/>
                <a:pathLst>
                  <a:path w="76092" h="36689">
                    <a:moveTo>
                      <a:pt x="0" y="0"/>
                    </a:moveTo>
                    <a:lnTo>
                      <a:pt x="76093" y="0"/>
                    </a:lnTo>
                    <a:lnTo>
                      <a:pt x="76093" y="36689"/>
                    </a:lnTo>
                    <a:lnTo>
                      <a:pt x="0" y="36689"/>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6" name="Freeform: Shape 2325">
                <a:extLst>
                  <a:ext uri="{FF2B5EF4-FFF2-40B4-BE49-F238E27FC236}">
                    <a16:creationId xmlns:a16="http://schemas.microsoft.com/office/drawing/2014/main" id="{54ECA15B-9080-FAB2-57CB-9842FB01B880}"/>
                  </a:ext>
                </a:extLst>
              </p:cNvPr>
              <p:cNvSpPr/>
              <p:nvPr/>
            </p:nvSpPr>
            <p:spPr>
              <a:xfrm>
                <a:off x="2600888" y="3007897"/>
                <a:ext cx="76092" cy="36734"/>
              </a:xfrm>
              <a:custGeom>
                <a:avLst/>
                <a:gdLst>
                  <a:gd name="connsiteX0" fmla="*/ 0 w 76092"/>
                  <a:gd name="connsiteY0" fmla="*/ 0 h 36734"/>
                  <a:gd name="connsiteX1" fmla="*/ 76093 w 76092"/>
                  <a:gd name="connsiteY1" fmla="*/ 0 h 36734"/>
                  <a:gd name="connsiteX2" fmla="*/ 76093 w 76092"/>
                  <a:gd name="connsiteY2" fmla="*/ 36734 h 36734"/>
                  <a:gd name="connsiteX3" fmla="*/ 0 w 76092"/>
                  <a:gd name="connsiteY3" fmla="*/ 36734 h 36734"/>
                </a:gdLst>
                <a:ahLst/>
                <a:cxnLst>
                  <a:cxn ang="0">
                    <a:pos x="connsiteX0" y="connsiteY0"/>
                  </a:cxn>
                  <a:cxn ang="0">
                    <a:pos x="connsiteX1" y="connsiteY1"/>
                  </a:cxn>
                  <a:cxn ang="0">
                    <a:pos x="connsiteX2" y="connsiteY2"/>
                  </a:cxn>
                  <a:cxn ang="0">
                    <a:pos x="connsiteX3" y="connsiteY3"/>
                  </a:cxn>
                </a:cxnLst>
                <a:rect l="l" t="t" r="r" b="b"/>
                <a:pathLst>
                  <a:path w="76092" h="36734">
                    <a:moveTo>
                      <a:pt x="0" y="0"/>
                    </a:moveTo>
                    <a:lnTo>
                      <a:pt x="76093" y="0"/>
                    </a:lnTo>
                    <a:lnTo>
                      <a:pt x="76093" y="36734"/>
                    </a:lnTo>
                    <a:lnTo>
                      <a:pt x="0"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7" name="Freeform: Shape 2326">
                <a:extLst>
                  <a:ext uri="{FF2B5EF4-FFF2-40B4-BE49-F238E27FC236}">
                    <a16:creationId xmlns:a16="http://schemas.microsoft.com/office/drawing/2014/main" id="{1C1CAB5F-EB40-C8C4-D26D-B318FE9AD162}"/>
                  </a:ext>
                </a:extLst>
              </p:cNvPr>
              <p:cNvSpPr/>
              <p:nvPr/>
            </p:nvSpPr>
            <p:spPr>
              <a:xfrm>
                <a:off x="2600888" y="3107604"/>
                <a:ext cx="76092" cy="36689"/>
              </a:xfrm>
              <a:custGeom>
                <a:avLst/>
                <a:gdLst>
                  <a:gd name="connsiteX0" fmla="*/ 0 w 76092"/>
                  <a:gd name="connsiteY0" fmla="*/ 0 h 36689"/>
                  <a:gd name="connsiteX1" fmla="*/ 76093 w 76092"/>
                  <a:gd name="connsiteY1" fmla="*/ 0 h 36689"/>
                  <a:gd name="connsiteX2" fmla="*/ 76093 w 76092"/>
                  <a:gd name="connsiteY2" fmla="*/ 36689 h 36689"/>
                  <a:gd name="connsiteX3" fmla="*/ 0 w 76092"/>
                  <a:gd name="connsiteY3" fmla="*/ 36689 h 36689"/>
                </a:gdLst>
                <a:ahLst/>
                <a:cxnLst>
                  <a:cxn ang="0">
                    <a:pos x="connsiteX0" y="connsiteY0"/>
                  </a:cxn>
                  <a:cxn ang="0">
                    <a:pos x="connsiteX1" y="connsiteY1"/>
                  </a:cxn>
                  <a:cxn ang="0">
                    <a:pos x="connsiteX2" y="connsiteY2"/>
                  </a:cxn>
                  <a:cxn ang="0">
                    <a:pos x="connsiteX3" y="connsiteY3"/>
                  </a:cxn>
                </a:cxnLst>
                <a:rect l="l" t="t" r="r" b="b"/>
                <a:pathLst>
                  <a:path w="76092" h="36689">
                    <a:moveTo>
                      <a:pt x="0" y="0"/>
                    </a:moveTo>
                    <a:lnTo>
                      <a:pt x="76093" y="0"/>
                    </a:lnTo>
                    <a:lnTo>
                      <a:pt x="76093" y="36689"/>
                    </a:lnTo>
                    <a:lnTo>
                      <a:pt x="0" y="36689"/>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8" name="Freeform: Shape 2327">
                <a:extLst>
                  <a:ext uri="{FF2B5EF4-FFF2-40B4-BE49-F238E27FC236}">
                    <a16:creationId xmlns:a16="http://schemas.microsoft.com/office/drawing/2014/main" id="{01E66024-EAA0-14B5-D46D-1447256DF583}"/>
                  </a:ext>
                </a:extLst>
              </p:cNvPr>
              <p:cNvSpPr/>
              <p:nvPr/>
            </p:nvSpPr>
            <p:spPr>
              <a:xfrm>
                <a:off x="2600888" y="3207267"/>
                <a:ext cx="76092" cy="36734"/>
              </a:xfrm>
              <a:custGeom>
                <a:avLst/>
                <a:gdLst>
                  <a:gd name="connsiteX0" fmla="*/ 0 w 76092"/>
                  <a:gd name="connsiteY0" fmla="*/ 0 h 36734"/>
                  <a:gd name="connsiteX1" fmla="*/ 76093 w 76092"/>
                  <a:gd name="connsiteY1" fmla="*/ 0 h 36734"/>
                  <a:gd name="connsiteX2" fmla="*/ 76093 w 76092"/>
                  <a:gd name="connsiteY2" fmla="*/ 36734 h 36734"/>
                  <a:gd name="connsiteX3" fmla="*/ 0 w 76092"/>
                  <a:gd name="connsiteY3" fmla="*/ 36734 h 36734"/>
                </a:gdLst>
                <a:ahLst/>
                <a:cxnLst>
                  <a:cxn ang="0">
                    <a:pos x="connsiteX0" y="connsiteY0"/>
                  </a:cxn>
                  <a:cxn ang="0">
                    <a:pos x="connsiteX1" y="connsiteY1"/>
                  </a:cxn>
                  <a:cxn ang="0">
                    <a:pos x="connsiteX2" y="connsiteY2"/>
                  </a:cxn>
                  <a:cxn ang="0">
                    <a:pos x="connsiteX3" y="connsiteY3"/>
                  </a:cxn>
                </a:cxnLst>
                <a:rect l="l" t="t" r="r" b="b"/>
                <a:pathLst>
                  <a:path w="76092" h="36734">
                    <a:moveTo>
                      <a:pt x="0" y="0"/>
                    </a:moveTo>
                    <a:lnTo>
                      <a:pt x="76093" y="0"/>
                    </a:lnTo>
                    <a:lnTo>
                      <a:pt x="76093" y="36734"/>
                    </a:lnTo>
                    <a:lnTo>
                      <a:pt x="0" y="36734"/>
                    </a:lnTo>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29" name="Freeform: Shape 2328">
                <a:extLst>
                  <a:ext uri="{FF2B5EF4-FFF2-40B4-BE49-F238E27FC236}">
                    <a16:creationId xmlns:a16="http://schemas.microsoft.com/office/drawing/2014/main" id="{A7E261DA-E56E-FD55-2FD7-B2FB366585AF}"/>
                  </a:ext>
                </a:extLst>
              </p:cNvPr>
              <p:cNvSpPr/>
              <p:nvPr/>
            </p:nvSpPr>
            <p:spPr>
              <a:xfrm>
                <a:off x="2149715" y="2548852"/>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0" name="Freeform: Shape 2329">
                <a:extLst>
                  <a:ext uri="{FF2B5EF4-FFF2-40B4-BE49-F238E27FC236}">
                    <a16:creationId xmlns:a16="http://schemas.microsoft.com/office/drawing/2014/main" id="{F64B4BD7-742D-DA2D-0F31-02B3BA1E4BE7}"/>
                  </a:ext>
                </a:extLst>
              </p:cNvPr>
              <p:cNvSpPr/>
              <p:nvPr/>
            </p:nvSpPr>
            <p:spPr>
              <a:xfrm>
                <a:off x="2149715" y="2603909"/>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1" name="Freeform: Shape 2330">
                <a:extLst>
                  <a:ext uri="{FF2B5EF4-FFF2-40B4-BE49-F238E27FC236}">
                    <a16:creationId xmlns:a16="http://schemas.microsoft.com/office/drawing/2014/main" id="{D925841E-535A-CACA-F144-168711F17CCA}"/>
                  </a:ext>
                </a:extLst>
              </p:cNvPr>
              <p:cNvSpPr/>
              <p:nvPr/>
            </p:nvSpPr>
            <p:spPr>
              <a:xfrm>
                <a:off x="2149715" y="2659010"/>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2" name="Freeform: Shape 2331">
                <a:extLst>
                  <a:ext uri="{FF2B5EF4-FFF2-40B4-BE49-F238E27FC236}">
                    <a16:creationId xmlns:a16="http://schemas.microsoft.com/office/drawing/2014/main" id="{8A26BDE4-8316-8F56-EB77-21AF6308D3FC}"/>
                  </a:ext>
                </a:extLst>
              </p:cNvPr>
              <p:cNvSpPr/>
              <p:nvPr/>
            </p:nvSpPr>
            <p:spPr>
              <a:xfrm>
                <a:off x="2149715" y="2714112"/>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3" name="Freeform: Shape 2332">
                <a:extLst>
                  <a:ext uri="{FF2B5EF4-FFF2-40B4-BE49-F238E27FC236}">
                    <a16:creationId xmlns:a16="http://schemas.microsoft.com/office/drawing/2014/main" id="{C689E419-CB88-DC44-909D-E4A12AD5CFD4}"/>
                  </a:ext>
                </a:extLst>
              </p:cNvPr>
              <p:cNvSpPr/>
              <p:nvPr/>
            </p:nvSpPr>
            <p:spPr>
              <a:xfrm>
                <a:off x="2149715" y="2769168"/>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4" name="Freeform: Shape 2333">
                <a:extLst>
                  <a:ext uri="{FF2B5EF4-FFF2-40B4-BE49-F238E27FC236}">
                    <a16:creationId xmlns:a16="http://schemas.microsoft.com/office/drawing/2014/main" id="{7862E67D-20E6-2D56-9EFA-1E9A75857D74}"/>
                  </a:ext>
                </a:extLst>
              </p:cNvPr>
              <p:cNvSpPr/>
              <p:nvPr/>
            </p:nvSpPr>
            <p:spPr>
              <a:xfrm>
                <a:off x="2149715" y="2824270"/>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5" name="Freeform: Shape 2334">
                <a:extLst>
                  <a:ext uri="{FF2B5EF4-FFF2-40B4-BE49-F238E27FC236}">
                    <a16:creationId xmlns:a16="http://schemas.microsoft.com/office/drawing/2014/main" id="{CFB94458-C7F5-C455-9B8C-B348681CE213}"/>
                  </a:ext>
                </a:extLst>
              </p:cNvPr>
              <p:cNvSpPr/>
              <p:nvPr/>
            </p:nvSpPr>
            <p:spPr>
              <a:xfrm>
                <a:off x="2149715" y="2879372"/>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6" name="Freeform: Shape 2335">
                <a:extLst>
                  <a:ext uri="{FF2B5EF4-FFF2-40B4-BE49-F238E27FC236}">
                    <a16:creationId xmlns:a16="http://schemas.microsoft.com/office/drawing/2014/main" id="{7DA1AD93-1564-1445-DCAA-39283CB02CC6}"/>
                  </a:ext>
                </a:extLst>
              </p:cNvPr>
              <p:cNvSpPr/>
              <p:nvPr/>
            </p:nvSpPr>
            <p:spPr>
              <a:xfrm>
                <a:off x="2149715" y="2934428"/>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7" name="Freeform: Shape 2336">
                <a:extLst>
                  <a:ext uri="{FF2B5EF4-FFF2-40B4-BE49-F238E27FC236}">
                    <a16:creationId xmlns:a16="http://schemas.microsoft.com/office/drawing/2014/main" id="{EF13E0C7-A2FF-811F-8270-CC7A06F429C5}"/>
                  </a:ext>
                </a:extLst>
              </p:cNvPr>
              <p:cNvSpPr/>
              <p:nvPr/>
            </p:nvSpPr>
            <p:spPr>
              <a:xfrm>
                <a:off x="2149715" y="2989530"/>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8" name="Freeform: Shape 2337">
                <a:extLst>
                  <a:ext uri="{FF2B5EF4-FFF2-40B4-BE49-F238E27FC236}">
                    <a16:creationId xmlns:a16="http://schemas.microsoft.com/office/drawing/2014/main" id="{CE86770A-2C07-5856-917A-1F772F27AB84}"/>
                  </a:ext>
                </a:extLst>
              </p:cNvPr>
              <p:cNvSpPr/>
              <p:nvPr/>
            </p:nvSpPr>
            <p:spPr>
              <a:xfrm>
                <a:off x="2149715" y="3044631"/>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39" name="Freeform: Shape 2338">
                <a:extLst>
                  <a:ext uri="{FF2B5EF4-FFF2-40B4-BE49-F238E27FC236}">
                    <a16:creationId xmlns:a16="http://schemas.microsoft.com/office/drawing/2014/main" id="{6C637827-BEEA-96D1-643C-A3D11F79E79A}"/>
                  </a:ext>
                </a:extLst>
              </p:cNvPr>
              <p:cNvSpPr/>
              <p:nvPr/>
            </p:nvSpPr>
            <p:spPr>
              <a:xfrm>
                <a:off x="2149715" y="3099733"/>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40" name="Freeform: Shape 2339">
                <a:extLst>
                  <a:ext uri="{FF2B5EF4-FFF2-40B4-BE49-F238E27FC236}">
                    <a16:creationId xmlns:a16="http://schemas.microsoft.com/office/drawing/2014/main" id="{225A0AC7-3128-2E6A-FDF3-07826FEDB49E}"/>
                  </a:ext>
                </a:extLst>
              </p:cNvPr>
              <p:cNvSpPr/>
              <p:nvPr/>
            </p:nvSpPr>
            <p:spPr>
              <a:xfrm>
                <a:off x="2149715" y="3154789"/>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41" name="Freeform: Shape 2340">
                <a:extLst>
                  <a:ext uri="{FF2B5EF4-FFF2-40B4-BE49-F238E27FC236}">
                    <a16:creationId xmlns:a16="http://schemas.microsoft.com/office/drawing/2014/main" id="{D10F1545-EDAA-60B3-1C4B-F30598F8531E}"/>
                  </a:ext>
                </a:extLst>
              </p:cNvPr>
              <p:cNvSpPr/>
              <p:nvPr/>
            </p:nvSpPr>
            <p:spPr>
              <a:xfrm>
                <a:off x="2149715" y="3209891"/>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34" name="Freeform: Shape 4233">
                <a:extLst>
                  <a:ext uri="{FF2B5EF4-FFF2-40B4-BE49-F238E27FC236}">
                    <a16:creationId xmlns:a16="http://schemas.microsoft.com/office/drawing/2014/main" id="{3EFCEF93-D708-1449-340F-D76FF129D1C8}"/>
                  </a:ext>
                </a:extLst>
              </p:cNvPr>
              <p:cNvSpPr/>
              <p:nvPr/>
            </p:nvSpPr>
            <p:spPr>
              <a:xfrm>
                <a:off x="2149715" y="3264992"/>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35" name="Freeform: Shape 4234">
                <a:extLst>
                  <a:ext uri="{FF2B5EF4-FFF2-40B4-BE49-F238E27FC236}">
                    <a16:creationId xmlns:a16="http://schemas.microsoft.com/office/drawing/2014/main" id="{6C305B99-4379-4BD0-18D9-7AB798282747}"/>
                  </a:ext>
                </a:extLst>
              </p:cNvPr>
              <p:cNvSpPr/>
              <p:nvPr/>
            </p:nvSpPr>
            <p:spPr>
              <a:xfrm>
                <a:off x="2149715" y="3320049"/>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36" name="Freeform: Shape 4235">
                <a:extLst>
                  <a:ext uri="{FF2B5EF4-FFF2-40B4-BE49-F238E27FC236}">
                    <a16:creationId xmlns:a16="http://schemas.microsoft.com/office/drawing/2014/main" id="{419B928D-CEF2-875E-4324-B261D2C05E2E}"/>
                  </a:ext>
                </a:extLst>
              </p:cNvPr>
              <p:cNvSpPr/>
              <p:nvPr/>
            </p:nvSpPr>
            <p:spPr>
              <a:xfrm>
                <a:off x="2149715" y="3375151"/>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37" name="Freeform: Shape 4236">
                <a:extLst>
                  <a:ext uri="{FF2B5EF4-FFF2-40B4-BE49-F238E27FC236}">
                    <a16:creationId xmlns:a16="http://schemas.microsoft.com/office/drawing/2014/main" id="{B0D39D68-0DB1-9BDC-9976-7B3468156606}"/>
                  </a:ext>
                </a:extLst>
              </p:cNvPr>
              <p:cNvSpPr/>
              <p:nvPr/>
            </p:nvSpPr>
            <p:spPr>
              <a:xfrm>
                <a:off x="2149715" y="3430252"/>
                <a:ext cx="330519" cy="31486"/>
              </a:xfrm>
              <a:custGeom>
                <a:avLst/>
                <a:gdLst>
                  <a:gd name="connsiteX0" fmla="*/ 0 w 330519"/>
                  <a:gd name="connsiteY0" fmla="*/ 0 h 31486"/>
                  <a:gd name="connsiteX1" fmla="*/ 330519 w 330519"/>
                  <a:gd name="connsiteY1" fmla="*/ 0 h 31486"/>
                  <a:gd name="connsiteX2" fmla="*/ 330519 w 330519"/>
                  <a:gd name="connsiteY2" fmla="*/ 31487 h 31486"/>
                  <a:gd name="connsiteX3" fmla="*/ 0 w 330519"/>
                  <a:gd name="connsiteY3" fmla="*/ 31487 h 31486"/>
                </a:gdLst>
                <a:ahLst/>
                <a:cxnLst>
                  <a:cxn ang="0">
                    <a:pos x="connsiteX0" y="connsiteY0"/>
                  </a:cxn>
                  <a:cxn ang="0">
                    <a:pos x="connsiteX1" y="connsiteY1"/>
                  </a:cxn>
                  <a:cxn ang="0">
                    <a:pos x="connsiteX2" y="connsiteY2"/>
                  </a:cxn>
                  <a:cxn ang="0">
                    <a:pos x="connsiteX3" y="connsiteY3"/>
                  </a:cxn>
                </a:cxnLst>
                <a:rect l="l" t="t" r="r" b="b"/>
                <a:pathLst>
                  <a:path w="330519" h="31486">
                    <a:moveTo>
                      <a:pt x="0" y="0"/>
                    </a:moveTo>
                    <a:lnTo>
                      <a:pt x="330519" y="0"/>
                    </a:lnTo>
                    <a:lnTo>
                      <a:pt x="330519" y="31487"/>
                    </a:lnTo>
                    <a:lnTo>
                      <a:pt x="0" y="31487"/>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39" name="Freeform: Shape 4238">
                <a:extLst>
                  <a:ext uri="{FF2B5EF4-FFF2-40B4-BE49-F238E27FC236}">
                    <a16:creationId xmlns:a16="http://schemas.microsoft.com/office/drawing/2014/main" id="{C70EDAFF-6679-804A-3C18-3C056746E551}"/>
                  </a:ext>
                </a:extLst>
              </p:cNvPr>
              <p:cNvSpPr/>
              <p:nvPr/>
            </p:nvSpPr>
            <p:spPr>
              <a:xfrm>
                <a:off x="2724210" y="2223535"/>
                <a:ext cx="4523" cy="1217212"/>
              </a:xfrm>
              <a:custGeom>
                <a:avLst/>
                <a:gdLst>
                  <a:gd name="connsiteX0" fmla="*/ 0 w 4523"/>
                  <a:gd name="connsiteY0" fmla="*/ 0 h 1217212"/>
                  <a:gd name="connsiteX1" fmla="*/ 0 w 4523"/>
                  <a:gd name="connsiteY1" fmla="*/ 1217212 h 1217212"/>
                </a:gdLst>
                <a:ahLst/>
                <a:cxnLst>
                  <a:cxn ang="0">
                    <a:pos x="connsiteX0" y="connsiteY0"/>
                  </a:cxn>
                  <a:cxn ang="0">
                    <a:pos x="connsiteX1" y="connsiteY1"/>
                  </a:cxn>
                </a:cxnLst>
                <a:rect l="l" t="t" r="r" b="b"/>
                <a:pathLst>
                  <a:path w="4523" h="1217212">
                    <a:moveTo>
                      <a:pt x="0" y="0"/>
                    </a:moveTo>
                    <a:lnTo>
                      <a:pt x="0" y="1217212"/>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0" name="Freeform: Shape 4239">
                <a:extLst>
                  <a:ext uri="{FF2B5EF4-FFF2-40B4-BE49-F238E27FC236}">
                    <a16:creationId xmlns:a16="http://schemas.microsoft.com/office/drawing/2014/main" id="{BD9FE7C1-12BC-1FEB-4333-DDA2A17B6CB1}"/>
                  </a:ext>
                </a:extLst>
              </p:cNvPr>
              <p:cNvSpPr/>
              <p:nvPr/>
            </p:nvSpPr>
            <p:spPr>
              <a:xfrm>
                <a:off x="2792386" y="1992724"/>
                <a:ext cx="4523" cy="1448023"/>
              </a:xfrm>
              <a:custGeom>
                <a:avLst/>
                <a:gdLst>
                  <a:gd name="connsiteX0" fmla="*/ 0 w 4523"/>
                  <a:gd name="connsiteY0" fmla="*/ 0 h 1448023"/>
                  <a:gd name="connsiteX1" fmla="*/ 0 w 4523"/>
                  <a:gd name="connsiteY1" fmla="*/ 1448024 h 1448023"/>
                </a:gdLst>
                <a:ahLst/>
                <a:cxnLst>
                  <a:cxn ang="0">
                    <a:pos x="connsiteX0" y="connsiteY0"/>
                  </a:cxn>
                  <a:cxn ang="0">
                    <a:pos x="connsiteX1" y="connsiteY1"/>
                  </a:cxn>
                </a:cxnLst>
                <a:rect l="l" t="t" r="r" b="b"/>
                <a:pathLst>
                  <a:path w="4523" h="1448023">
                    <a:moveTo>
                      <a:pt x="0" y="0"/>
                    </a:moveTo>
                    <a:lnTo>
                      <a:pt x="0" y="1448024"/>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1" name="Freeform: Shape 4240">
                <a:extLst>
                  <a:ext uri="{FF2B5EF4-FFF2-40B4-BE49-F238E27FC236}">
                    <a16:creationId xmlns:a16="http://schemas.microsoft.com/office/drawing/2014/main" id="{EA38D54B-4BEF-15CC-9699-40779D69F7C5}"/>
                  </a:ext>
                </a:extLst>
              </p:cNvPr>
              <p:cNvSpPr/>
              <p:nvPr/>
            </p:nvSpPr>
            <p:spPr>
              <a:xfrm>
                <a:off x="1842811" y="3162661"/>
                <a:ext cx="165259" cy="86588"/>
              </a:xfrm>
              <a:custGeom>
                <a:avLst/>
                <a:gdLst>
                  <a:gd name="connsiteX0" fmla="*/ 0 w 165259"/>
                  <a:gd name="connsiteY0" fmla="*/ 0 h 86588"/>
                  <a:gd name="connsiteX1" fmla="*/ 165260 w 165259"/>
                  <a:gd name="connsiteY1" fmla="*/ 0 h 86588"/>
                  <a:gd name="connsiteX2" fmla="*/ 165260 w 165259"/>
                  <a:gd name="connsiteY2" fmla="*/ 86588 h 86588"/>
                  <a:gd name="connsiteX3" fmla="*/ 0 w 165259"/>
                  <a:gd name="connsiteY3" fmla="*/ 86588 h 86588"/>
                </a:gdLst>
                <a:ahLst/>
                <a:cxnLst>
                  <a:cxn ang="0">
                    <a:pos x="connsiteX0" y="connsiteY0"/>
                  </a:cxn>
                  <a:cxn ang="0">
                    <a:pos x="connsiteX1" y="connsiteY1"/>
                  </a:cxn>
                  <a:cxn ang="0">
                    <a:pos x="connsiteX2" y="connsiteY2"/>
                  </a:cxn>
                  <a:cxn ang="0">
                    <a:pos x="connsiteX3" y="connsiteY3"/>
                  </a:cxn>
                </a:cxnLst>
                <a:rect l="l" t="t" r="r" b="b"/>
                <a:pathLst>
                  <a:path w="165259" h="86588">
                    <a:moveTo>
                      <a:pt x="0" y="0"/>
                    </a:moveTo>
                    <a:lnTo>
                      <a:pt x="165260" y="0"/>
                    </a:lnTo>
                    <a:lnTo>
                      <a:pt x="165260" y="86588"/>
                    </a:lnTo>
                    <a:lnTo>
                      <a:pt x="0" y="86588"/>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2" name="Freeform: Shape 4241">
                <a:extLst>
                  <a:ext uri="{FF2B5EF4-FFF2-40B4-BE49-F238E27FC236}">
                    <a16:creationId xmlns:a16="http://schemas.microsoft.com/office/drawing/2014/main" id="{1B86FDED-FCAB-907F-52B7-C54CB248F2DE}"/>
                  </a:ext>
                </a:extLst>
              </p:cNvPr>
              <p:cNvSpPr/>
              <p:nvPr/>
            </p:nvSpPr>
            <p:spPr>
              <a:xfrm>
                <a:off x="1882124" y="3010521"/>
                <a:ext cx="86588" cy="152140"/>
              </a:xfrm>
              <a:custGeom>
                <a:avLst/>
                <a:gdLst>
                  <a:gd name="connsiteX0" fmla="*/ 0 w 86588"/>
                  <a:gd name="connsiteY0" fmla="*/ 0 h 152140"/>
                  <a:gd name="connsiteX1" fmla="*/ 86588 w 86588"/>
                  <a:gd name="connsiteY1" fmla="*/ 0 h 152140"/>
                  <a:gd name="connsiteX2" fmla="*/ 86588 w 86588"/>
                  <a:gd name="connsiteY2" fmla="*/ 152140 h 152140"/>
                  <a:gd name="connsiteX3" fmla="*/ 0 w 86588"/>
                  <a:gd name="connsiteY3" fmla="*/ 152140 h 152140"/>
                </a:gdLst>
                <a:ahLst/>
                <a:cxnLst>
                  <a:cxn ang="0">
                    <a:pos x="connsiteX0" y="connsiteY0"/>
                  </a:cxn>
                  <a:cxn ang="0">
                    <a:pos x="connsiteX1" y="connsiteY1"/>
                  </a:cxn>
                  <a:cxn ang="0">
                    <a:pos x="connsiteX2" y="connsiteY2"/>
                  </a:cxn>
                  <a:cxn ang="0">
                    <a:pos x="connsiteX3" y="connsiteY3"/>
                  </a:cxn>
                </a:cxnLst>
                <a:rect l="l" t="t" r="r" b="b"/>
                <a:pathLst>
                  <a:path w="86588" h="152140">
                    <a:moveTo>
                      <a:pt x="0" y="0"/>
                    </a:moveTo>
                    <a:lnTo>
                      <a:pt x="86588" y="0"/>
                    </a:lnTo>
                    <a:lnTo>
                      <a:pt x="86588" y="152140"/>
                    </a:lnTo>
                    <a:lnTo>
                      <a:pt x="0" y="152140"/>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3" name="Freeform: Shape 4242">
                <a:extLst>
                  <a:ext uri="{FF2B5EF4-FFF2-40B4-BE49-F238E27FC236}">
                    <a16:creationId xmlns:a16="http://schemas.microsoft.com/office/drawing/2014/main" id="{823C7764-6A95-CA4F-7C96-D63E3C015D58}"/>
                  </a:ext>
                </a:extLst>
              </p:cNvPr>
              <p:cNvSpPr/>
              <p:nvPr/>
            </p:nvSpPr>
            <p:spPr>
              <a:xfrm>
                <a:off x="1186115" y="2689683"/>
                <a:ext cx="4523" cy="751608"/>
              </a:xfrm>
              <a:custGeom>
                <a:avLst/>
                <a:gdLst>
                  <a:gd name="connsiteX0" fmla="*/ 0 w 4523"/>
                  <a:gd name="connsiteY0" fmla="*/ 0 h 751608"/>
                  <a:gd name="connsiteX1" fmla="*/ 0 w 4523"/>
                  <a:gd name="connsiteY1" fmla="*/ 751608 h 751608"/>
                </a:gdLst>
                <a:ahLst/>
                <a:cxnLst>
                  <a:cxn ang="0">
                    <a:pos x="connsiteX0" y="connsiteY0"/>
                  </a:cxn>
                  <a:cxn ang="0">
                    <a:pos x="connsiteX1" y="connsiteY1"/>
                  </a:cxn>
                </a:cxnLst>
                <a:rect l="l" t="t" r="r" b="b"/>
                <a:pathLst>
                  <a:path w="4523" h="751608">
                    <a:moveTo>
                      <a:pt x="0" y="0"/>
                    </a:moveTo>
                    <a:lnTo>
                      <a:pt x="0" y="751608"/>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4" name="Freeform: Shape 4243">
                <a:extLst>
                  <a:ext uri="{FF2B5EF4-FFF2-40B4-BE49-F238E27FC236}">
                    <a16:creationId xmlns:a16="http://schemas.microsoft.com/office/drawing/2014/main" id="{DF4730D5-922D-6AA4-8F33-D6668496CD70}"/>
                  </a:ext>
                </a:extLst>
              </p:cNvPr>
              <p:cNvSpPr/>
              <p:nvPr/>
            </p:nvSpPr>
            <p:spPr>
              <a:xfrm>
                <a:off x="1734055" y="2607347"/>
                <a:ext cx="401318" cy="4523"/>
              </a:xfrm>
              <a:custGeom>
                <a:avLst/>
                <a:gdLst>
                  <a:gd name="connsiteX0" fmla="*/ 401319 w 401318"/>
                  <a:gd name="connsiteY0" fmla="*/ 0 h 4523"/>
                  <a:gd name="connsiteX1" fmla="*/ 0 w 401318"/>
                  <a:gd name="connsiteY1" fmla="*/ 0 h 4523"/>
                </a:gdLst>
                <a:ahLst/>
                <a:cxnLst>
                  <a:cxn ang="0">
                    <a:pos x="connsiteX0" y="connsiteY0"/>
                  </a:cxn>
                  <a:cxn ang="0">
                    <a:pos x="connsiteX1" y="connsiteY1"/>
                  </a:cxn>
                </a:cxnLst>
                <a:rect l="l" t="t" r="r" b="b"/>
                <a:pathLst>
                  <a:path w="401318" h="4523">
                    <a:moveTo>
                      <a:pt x="401319" y="0"/>
                    </a:moveTo>
                    <a:lnTo>
                      <a:pt x="0"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5" name="Freeform: Shape 4244">
                <a:extLst>
                  <a:ext uri="{FF2B5EF4-FFF2-40B4-BE49-F238E27FC236}">
                    <a16:creationId xmlns:a16="http://schemas.microsoft.com/office/drawing/2014/main" id="{515BBFD3-C67E-AC28-4123-92FAC6008BEE}"/>
                  </a:ext>
                </a:extLst>
              </p:cNvPr>
              <p:cNvSpPr/>
              <p:nvPr/>
            </p:nvSpPr>
            <p:spPr>
              <a:xfrm>
                <a:off x="1734055" y="2652179"/>
                <a:ext cx="401318" cy="4523"/>
              </a:xfrm>
              <a:custGeom>
                <a:avLst/>
                <a:gdLst>
                  <a:gd name="connsiteX0" fmla="*/ 401319 w 401318"/>
                  <a:gd name="connsiteY0" fmla="*/ 0 h 4523"/>
                  <a:gd name="connsiteX1" fmla="*/ 0 w 401318"/>
                  <a:gd name="connsiteY1" fmla="*/ 0 h 4523"/>
                </a:gdLst>
                <a:ahLst/>
                <a:cxnLst>
                  <a:cxn ang="0">
                    <a:pos x="connsiteX0" y="connsiteY0"/>
                  </a:cxn>
                  <a:cxn ang="0">
                    <a:pos x="connsiteX1" y="connsiteY1"/>
                  </a:cxn>
                </a:cxnLst>
                <a:rect l="l" t="t" r="r" b="b"/>
                <a:pathLst>
                  <a:path w="401318" h="4523">
                    <a:moveTo>
                      <a:pt x="401319" y="0"/>
                    </a:moveTo>
                    <a:lnTo>
                      <a:pt x="0" y="0"/>
                    </a:lnTo>
                  </a:path>
                </a:pathLst>
              </a:custGeom>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6" name="Freeform: Shape 4245">
                <a:extLst>
                  <a:ext uri="{FF2B5EF4-FFF2-40B4-BE49-F238E27FC236}">
                    <a16:creationId xmlns:a16="http://schemas.microsoft.com/office/drawing/2014/main" id="{E10EFB44-2BB0-F7B0-B1B0-523D4E435D42}"/>
                  </a:ext>
                </a:extLst>
              </p:cNvPr>
              <p:cNvSpPr/>
              <p:nvPr/>
            </p:nvSpPr>
            <p:spPr>
              <a:xfrm>
                <a:off x="1751970" y="268579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7" name="Freeform: Shape 4246">
                <a:extLst>
                  <a:ext uri="{FF2B5EF4-FFF2-40B4-BE49-F238E27FC236}">
                    <a16:creationId xmlns:a16="http://schemas.microsoft.com/office/drawing/2014/main" id="{7FED64E1-7742-C5BD-D8EB-0295CB331B13}"/>
                  </a:ext>
                </a:extLst>
              </p:cNvPr>
              <p:cNvSpPr/>
              <p:nvPr/>
            </p:nvSpPr>
            <p:spPr>
              <a:xfrm>
                <a:off x="1827475" y="268579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8" name="Freeform: Shape 4247">
                <a:extLst>
                  <a:ext uri="{FF2B5EF4-FFF2-40B4-BE49-F238E27FC236}">
                    <a16:creationId xmlns:a16="http://schemas.microsoft.com/office/drawing/2014/main" id="{05F7EFC0-674A-AFEF-483C-AB628CA4FD87}"/>
                  </a:ext>
                </a:extLst>
              </p:cNvPr>
              <p:cNvSpPr/>
              <p:nvPr/>
            </p:nvSpPr>
            <p:spPr>
              <a:xfrm>
                <a:off x="1902979" y="268579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49" name="Freeform: Shape 4248">
                <a:extLst>
                  <a:ext uri="{FF2B5EF4-FFF2-40B4-BE49-F238E27FC236}">
                    <a16:creationId xmlns:a16="http://schemas.microsoft.com/office/drawing/2014/main" id="{C800DAB3-F540-8AF8-5A26-C865CB70CB81}"/>
                  </a:ext>
                </a:extLst>
              </p:cNvPr>
              <p:cNvSpPr/>
              <p:nvPr/>
            </p:nvSpPr>
            <p:spPr>
              <a:xfrm>
                <a:off x="1978484" y="268579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0" name="Freeform: Shape 4249">
                <a:extLst>
                  <a:ext uri="{FF2B5EF4-FFF2-40B4-BE49-F238E27FC236}">
                    <a16:creationId xmlns:a16="http://schemas.microsoft.com/office/drawing/2014/main" id="{7B3A2CFD-93CC-4AD0-7BA1-A5FA9B7891D1}"/>
                  </a:ext>
                </a:extLst>
              </p:cNvPr>
              <p:cNvSpPr/>
              <p:nvPr/>
            </p:nvSpPr>
            <p:spPr>
              <a:xfrm>
                <a:off x="2053988" y="268579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1" name="Freeform: Shape 4250">
                <a:extLst>
                  <a:ext uri="{FF2B5EF4-FFF2-40B4-BE49-F238E27FC236}">
                    <a16:creationId xmlns:a16="http://schemas.microsoft.com/office/drawing/2014/main" id="{9C7B41A5-1A1D-F2FC-5F61-A2E691C26269}"/>
                  </a:ext>
                </a:extLst>
              </p:cNvPr>
              <p:cNvSpPr/>
              <p:nvPr/>
            </p:nvSpPr>
            <p:spPr>
              <a:xfrm>
                <a:off x="1751970" y="2755280"/>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2" name="Freeform: Shape 4251">
                <a:extLst>
                  <a:ext uri="{FF2B5EF4-FFF2-40B4-BE49-F238E27FC236}">
                    <a16:creationId xmlns:a16="http://schemas.microsoft.com/office/drawing/2014/main" id="{6E779808-8D8C-EA37-C7CB-F487C6ECBF54}"/>
                  </a:ext>
                </a:extLst>
              </p:cNvPr>
              <p:cNvSpPr/>
              <p:nvPr/>
            </p:nvSpPr>
            <p:spPr>
              <a:xfrm>
                <a:off x="1827475" y="2755280"/>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3" name="Freeform: Shape 4252">
                <a:extLst>
                  <a:ext uri="{FF2B5EF4-FFF2-40B4-BE49-F238E27FC236}">
                    <a16:creationId xmlns:a16="http://schemas.microsoft.com/office/drawing/2014/main" id="{2FAF0FFD-2E31-B8B0-12F1-FCD799D05214}"/>
                  </a:ext>
                </a:extLst>
              </p:cNvPr>
              <p:cNvSpPr/>
              <p:nvPr/>
            </p:nvSpPr>
            <p:spPr>
              <a:xfrm>
                <a:off x="1902979" y="2755280"/>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4" name="Freeform: Shape 4253">
                <a:extLst>
                  <a:ext uri="{FF2B5EF4-FFF2-40B4-BE49-F238E27FC236}">
                    <a16:creationId xmlns:a16="http://schemas.microsoft.com/office/drawing/2014/main" id="{9554CF24-2B9D-933B-B7D7-A3F49C58EC39}"/>
                  </a:ext>
                </a:extLst>
              </p:cNvPr>
              <p:cNvSpPr/>
              <p:nvPr/>
            </p:nvSpPr>
            <p:spPr>
              <a:xfrm>
                <a:off x="1978484" y="2755280"/>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5" name="Freeform: Shape 4254">
                <a:extLst>
                  <a:ext uri="{FF2B5EF4-FFF2-40B4-BE49-F238E27FC236}">
                    <a16:creationId xmlns:a16="http://schemas.microsoft.com/office/drawing/2014/main" id="{F8B3D241-CD87-53F9-1C55-D2AD87B383A9}"/>
                  </a:ext>
                </a:extLst>
              </p:cNvPr>
              <p:cNvSpPr/>
              <p:nvPr/>
            </p:nvSpPr>
            <p:spPr>
              <a:xfrm>
                <a:off x="2053988" y="2755280"/>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6" name="Freeform: Shape 4255">
                <a:extLst>
                  <a:ext uri="{FF2B5EF4-FFF2-40B4-BE49-F238E27FC236}">
                    <a16:creationId xmlns:a16="http://schemas.microsoft.com/office/drawing/2014/main" id="{28794615-4294-E44F-A223-E10A3D9413C1}"/>
                  </a:ext>
                </a:extLst>
              </p:cNvPr>
              <p:cNvSpPr/>
              <p:nvPr/>
            </p:nvSpPr>
            <p:spPr>
              <a:xfrm>
                <a:off x="1751970" y="2824768"/>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7" name="Freeform: Shape 4256">
                <a:extLst>
                  <a:ext uri="{FF2B5EF4-FFF2-40B4-BE49-F238E27FC236}">
                    <a16:creationId xmlns:a16="http://schemas.microsoft.com/office/drawing/2014/main" id="{6D0146DD-2C78-9A8F-FC9B-BE263B21442C}"/>
                  </a:ext>
                </a:extLst>
              </p:cNvPr>
              <p:cNvSpPr/>
              <p:nvPr/>
            </p:nvSpPr>
            <p:spPr>
              <a:xfrm>
                <a:off x="1827475" y="2824768"/>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8" name="Freeform: Shape 4257">
                <a:extLst>
                  <a:ext uri="{FF2B5EF4-FFF2-40B4-BE49-F238E27FC236}">
                    <a16:creationId xmlns:a16="http://schemas.microsoft.com/office/drawing/2014/main" id="{FD5F18D3-49DB-0400-8CEB-522681405D3C}"/>
                  </a:ext>
                </a:extLst>
              </p:cNvPr>
              <p:cNvSpPr/>
              <p:nvPr/>
            </p:nvSpPr>
            <p:spPr>
              <a:xfrm>
                <a:off x="1902979" y="2824768"/>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59" name="Freeform: Shape 4258">
                <a:extLst>
                  <a:ext uri="{FF2B5EF4-FFF2-40B4-BE49-F238E27FC236}">
                    <a16:creationId xmlns:a16="http://schemas.microsoft.com/office/drawing/2014/main" id="{3A9EF239-2A86-6691-0810-36D8C5A18C26}"/>
                  </a:ext>
                </a:extLst>
              </p:cNvPr>
              <p:cNvSpPr/>
              <p:nvPr/>
            </p:nvSpPr>
            <p:spPr>
              <a:xfrm>
                <a:off x="1978484" y="2824768"/>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0" name="Freeform: Shape 4259">
                <a:extLst>
                  <a:ext uri="{FF2B5EF4-FFF2-40B4-BE49-F238E27FC236}">
                    <a16:creationId xmlns:a16="http://schemas.microsoft.com/office/drawing/2014/main" id="{1A5D4B3F-97C0-8849-486B-309869B20865}"/>
                  </a:ext>
                </a:extLst>
              </p:cNvPr>
              <p:cNvSpPr/>
              <p:nvPr/>
            </p:nvSpPr>
            <p:spPr>
              <a:xfrm>
                <a:off x="2053988" y="2824768"/>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1" name="Freeform: Shape 4260">
                <a:extLst>
                  <a:ext uri="{FF2B5EF4-FFF2-40B4-BE49-F238E27FC236}">
                    <a16:creationId xmlns:a16="http://schemas.microsoft.com/office/drawing/2014/main" id="{3EBC8E67-CE4E-6182-1FAA-D09608D8491C}"/>
                  </a:ext>
                </a:extLst>
              </p:cNvPr>
              <p:cNvSpPr/>
              <p:nvPr/>
            </p:nvSpPr>
            <p:spPr>
              <a:xfrm>
                <a:off x="1751970" y="295035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2" name="Freeform: Shape 4261">
                <a:extLst>
                  <a:ext uri="{FF2B5EF4-FFF2-40B4-BE49-F238E27FC236}">
                    <a16:creationId xmlns:a16="http://schemas.microsoft.com/office/drawing/2014/main" id="{598BA3F6-2E16-F5E7-B326-0EAF5478F02E}"/>
                  </a:ext>
                </a:extLst>
              </p:cNvPr>
              <p:cNvSpPr/>
              <p:nvPr/>
            </p:nvSpPr>
            <p:spPr>
              <a:xfrm>
                <a:off x="1827475" y="295035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3" name="Freeform: Shape 4262">
                <a:extLst>
                  <a:ext uri="{FF2B5EF4-FFF2-40B4-BE49-F238E27FC236}">
                    <a16:creationId xmlns:a16="http://schemas.microsoft.com/office/drawing/2014/main" id="{A4DF9267-5B44-78B3-95CB-FFE36657458F}"/>
                  </a:ext>
                </a:extLst>
              </p:cNvPr>
              <p:cNvSpPr/>
              <p:nvPr/>
            </p:nvSpPr>
            <p:spPr>
              <a:xfrm>
                <a:off x="1902979" y="295035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4" name="Freeform: Shape 4263">
                <a:extLst>
                  <a:ext uri="{FF2B5EF4-FFF2-40B4-BE49-F238E27FC236}">
                    <a16:creationId xmlns:a16="http://schemas.microsoft.com/office/drawing/2014/main" id="{9A83C219-5507-EB9F-15CD-FC703F71CB1C}"/>
                  </a:ext>
                </a:extLst>
              </p:cNvPr>
              <p:cNvSpPr/>
              <p:nvPr/>
            </p:nvSpPr>
            <p:spPr>
              <a:xfrm>
                <a:off x="1978484" y="295035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265" name="Freeform: Shape 4264">
                <a:extLst>
                  <a:ext uri="{FF2B5EF4-FFF2-40B4-BE49-F238E27FC236}">
                    <a16:creationId xmlns:a16="http://schemas.microsoft.com/office/drawing/2014/main" id="{CB3EA9E0-F6DE-39ED-BCCF-5B5B799E15EE}"/>
                  </a:ext>
                </a:extLst>
              </p:cNvPr>
              <p:cNvSpPr/>
              <p:nvPr/>
            </p:nvSpPr>
            <p:spPr>
              <a:xfrm>
                <a:off x="2053988" y="2950352"/>
                <a:ext cx="61208" cy="44832"/>
              </a:xfrm>
              <a:custGeom>
                <a:avLst/>
                <a:gdLst>
                  <a:gd name="connsiteX0" fmla="*/ 0 w 61208"/>
                  <a:gd name="connsiteY0" fmla="*/ 0 h 44832"/>
                  <a:gd name="connsiteX1" fmla="*/ 61209 w 61208"/>
                  <a:gd name="connsiteY1" fmla="*/ 0 h 44832"/>
                  <a:gd name="connsiteX2" fmla="*/ 61209 w 61208"/>
                  <a:gd name="connsiteY2" fmla="*/ 44832 h 44832"/>
                  <a:gd name="connsiteX3" fmla="*/ 0 w 61208"/>
                  <a:gd name="connsiteY3" fmla="*/ 44832 h 44832"/>
                </a:gdLst>
                <a:ahLst/>
                <a:cxnLst>
                  <a:cxn ang="0">
                    <a:pos x="connsiteX0" y="connsiteY0"/>
                  </a:cxn>
                  <a:cxn ang="0">
                    <a:pos x="connsiteX1" y="connsiteY1"/>
                  </a:cxn>
                  <a:cxn ang="0">
                    <a:pos x="connsiteX2" y="connsiteY2"/>
                  </a:cxn>
                  <a:cxn ang="0">
                    <a:pos x="connsiteX3" y="connsiteY3"/>
                  </a:cxn>
                </a:cxnLst>
                <a:rect l="l" t="t" r="r" b="b"/>
                <a:pathLst>
                  <a:path w="61208" h="44832">
                    <a:moveTo>
                      <a:pt x="0" y="0"/>
                    </a:moveTo>
                    <a:lnTo>
                      <a:pt x="61209" y="0"/>
                    </a:lnTo>
                    <a:lnTo>
                      <a:pt x="61209" y="44832"/>
                    </a:lnTo>
                    <a:lnTo>
                      <a:pt x="0" y="44832"/>
                    </a:lnTo>
                    <a:close/>
                  </a:path>
                </a:pathLst>
              </a:custGeom>
              <a:noFill/>
              <a:ln w="4521" cap="flat">
                <a:solidFill>
                  <a:schemeClr val="accent5">
                    <a:lumMod val="60000"/>
                    <a:lumOff val="40000"/>
                    <a:alpha val="23922"/>
                  </a:schemeClr>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grpSp>
      <p:pic>
        <p:nvPicPr>
          <p:cNvPr id="44" name="Picture 43" descr="A picture containing logo&#10;&#10;Description automatically generated">
            <a:extLst>
              <a:ext uri="{FF2B5EF4-FFF2-40B4-BE49-F238E27FC236}">
                <a16:creationId xmlns:a16="http://schemas.microsoft.com/office/drawing/2014/main" id="{C7155FE7-EF8E-5D64-BCD0-0A61F0C09119}"/>
              </a:ext>
            </a:extLst>
          </p:cNvPr>
          <p:cNvPicPr>
            <a:picLocks noChangeAspect="1"/>
          </p:cNvPicPr>
          <p:nvPr/>
        </p:nvPicPr>
        <p:blipFill>
          <a:blip r:embed="rId5" cstate="screen">
            <a:extLst>
              <a:ext uri="{28A0092B-C50C-407E-A947-70E740481C1C}">
                <a14:useLocalDpi xmlns:a14="http://schemas.microsoft.com/office/drawing/2010/main" val="0"/>
              </a:ext>
            </a:extLst>
          </a:blip>
          <a:stretch>
            <a:fillRect/>
          </a:stretch>
        </p:blipFill>
        <p:spPr>
          <a:xfrm>
            <a:off x="13052" y="3122513"/>
            <a:ext cx="2319273" cy="651170"/>
          </a:xfrm>
          <a:prstGeom prst="rect">
            <a:avLst/>
          </a:prstGeom>
        </p:spPr>
      </p:pic>
      <p:sp>
        <p:nvSpPr>
          <p:cNvPr id="4270" name="Rectangle 4269">
            <a:extLst>
              <a:ext uri="{FF2B5EF4-FFF2-40B4-BE49-F238E27FC236}">
                <a16:creationId xmlns:a16="http://schemas.microsoft.com/office/drawing/2014/main" id="{722F5C23-DF67-C3E7-82A6-590808065750}"/>
              </a:ext>
            </a:extLst>
          </p:cNvPr>
          <p:cNvSpPr/>
          <p:nvPr/>
        </p:nvSpPr>
        <p:spPr>
          <a:xfrm rot="5400000">
            <a:off x="5949085" y="2790813"/>
            <a:ext cx="306335" cy="7849928"/>
          </a:xfrm>
          <a:prstGeom prst="rect">
            <a:avLst/>
          </a:prstGeom>
          <a:solidFill>
            <a:srgbClr val="DFE5F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6" name="Picture 5">
            <a:extLst>
              <a:ext uri="{FF2B5EF4-FFF2-40B4-BE49-F238E27FC236}">
                <a16:creationId xmlns:a16="http://schemas.microsoft.com/office/drawing/2014/main" id="{A0AF916C-0EFB-7713-E552-8AF467ED04CA}"/>
              </a:ext>
            </a:extLst>
          </p:cNvPr>
          <p:cNvPicPr>
            <a:picLocks noChangeAspect="1"/>
          </p:cNvPicPr>
          <p:nvPr/>
        </p:nvPicPr>
        <p:blipFill rotWithShape="1">
          <a:blip r:embed="rId6" cstate="screen">
            <a:extLst>
              <a:ext uri="{28A0092B-C50C-407E-A947-70E740481C1C}">
                <a14:useLocalDpi xmlns:a14="http://schemas.microsoft.com/office/drawing/2010/main" val="0"/>
              </a:ext>
            </a:extLst>
          </a:blip>
          <a:srcRect/>
          <a:stretch/>
        </p:blipFill>
        <p:spPr>
          <a:xfrm>
            <a:off x="7677565" y="3380731"/>
            <a:ext cx="4514435" cy="3496933"/>
          </a:xfrm>
          <a:prstGeom prst="rect">
            <a:avLst/>
          </a:prstGeom>
        </p:spPr>
      </p:pic>
      <p:pic>
        <p:nvPicPr>
          <p:cNvPr id="4271" name="Graphic 4270" descr="Forest scene with solid fill">
            <a:extLst>
              <a:ext uri="{FF2B5EF4-FFF2-40B4-BE49-F238E27FC236}">
                <a16:creationId xmlns:a16="http://schemas.microsoft.com/office/drawing/2014/main" id="{135802C4-0702-664B-2C36-CC19A9F31415}"/>
              </a:ext>
            </a:extLst>
          </p:cNvPr>
          <p:cNvPicPr>
            <a:picLocks noChangeAspect="1"/>
          </p:cNvPicPr>
          <p:nvPr/>
        </p:nvPicPr>
        <p:blipFill rotWithShape="1">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rcRect l="60339" t="-9350" b="-1"/>
          <a:stretch/>
        </p:blipFill>
        <p:spPr>
          <a:xfrm flipH="1">
            <a:off x="11944262" y="211103"/>
            <a:ext cx="242112" cy="667533"/>
          </a:xfrm>
          <a:prstGeom prst="rect">
            <a:avLst/>
          </a:prstGeom>
        </p:spPr>
      </p:pic>
      <p:pic>
        <p:nvPicPr>
          <p:cNvPr id="1078" name="Graphic 1077" descr="Cloud outline">
            <a:extLst>
              <a:ext uri="{FF2B5EF4-FFF2-40B4-BE49-F238E27FC236}">
                <a16:creationId xmlns:a16="http://schemas.microsoft.com/office/drawing/2014/main" id="{7B038D3C-0DF7-F0C7-33BB-FD39CCF42294}"/>
              </a:ext>
            </a:extLst>
          </p:cNvPr>
          <p:cNvPicPr>
            <a:picLocks noChangeAspect="1"/>
          </p:cNvPicPr>
          <p:nvPr/>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2896049" y="2618877"/>
            <a:ext cx="229888" cy="229888"/>
          </a:xfrm>
          <a:prstGeom prst="rect">
            <a:avLst/>
          </a:prstGeom>
        </p:spPr>
      </p:pic>
      <p:pic>
        <p:nvPicPr>
          <p:cNvPr id="1079" name="Graphic 1078" descr="Cloud outline">
            <a:extLst>
              <a:ext uri="{FF2B5EF4-FFF2-40B4-BE49-F238E27FC236}">
                <a16:creationId xmlns:a16="http://schemas.microsoft.com/office/drawing/2014/main" id="{FE3895F8-1C04-2EC1-9585-FB49E26D552A}"/>
              </a:ext>
            </a:extLst>
          </p:cNvPr>
          <p:cNvPicPr>
            <a:picLocks noChangeAspect="1"/>
          </p:cNvPicPr>
          <p:nvPr/>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1301337" y="66411"/>
            <a:ext cx="370237" cy="370237"/>
          </a:xfrm>
          <a:prstGeom prst="rect">
            <a:avLst/>
          </a:prstGeom>
        </p:spPr>
      </p:pic>
      <p:sp>
        <p:nvSpPr>
          <p:cNvPr id="1080" name="Moon 1079">
            <a:extLst>
              <a:ext uri="{FF2B5EF4-FFF2-40B4-BE49-F238E27FC236}">
                <a16:creationId xmlns:a16="http://schemas.microsoft.com/office/drawing/2014/main" id="{2196C630-BA2F-F495-1E73-5EB98BA1457C}"/>
              </a:ext>
            </a:extLst>
          </p:cNvPr>
          <p:cNvSpPr/>
          <p:nvPr/>
        </p:nvSpPr>
        <p:spPr>
          <a:xfrm rot="3026178">
            <a:off x="9083009" y="2834176"/>
            <a:ext cx="903438" cy="1026842"/>
          </a:xfrm>
          <a:prstGeom prst="moon">
            <a:avLst>
              <a:gd name="adj" fmla="val 75102"/>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81" name="Rectangle: Rounded Corners 1080">
            <a:extLst>
              <a:ext uri="{FF2B5EF4-FFF2-40B4-BE49-F238E27FC236}">
                <a16:creationId xmlns:a16="http://schemas.microsoft.com/office/drawing/2014/main" id="{89EBA513-605E-1880-6D8B-B191201A0C5D}"/>
              </a:ext>
            </a:extLst>
          </p:cNvPr>
          <p:cNvSpPr/>
          <p:nvPr/>
        </p:nvSpPr>
        <p:spPr>
          <a:xfrm>
            <a:off x="8762099" y="991620"/>
            <a:ext cx="3429901" cy="2387096"/>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82" name="Rectangle: Rounded Corners 1081">
            <a:extLst>
              <a:ext uri="{FF2B5EF4-FFF2-40B4-BE49-F238E27FC236}">
                <a16:creationId xmlns:a16="http://schemas.microsoft.com/office/drawing/2014/main" id="{6E4F798F-FC6B-0CC0-5DB5-29F3EE09B499}"/>
              </a:ext>
            </a:extLst>
          </p:cNvPr>
          <p:cNvSpPr/>
          <p:nvPr/>
        </p:nvSpPr>
        <p:spPr>
          <a:xfrm>
            <a:off x="3404506" y="476394"/>
            <a:ext cx="6147589" cy="3319367"/>
          </a:xfrm>
          <a:prstGeom prst="roundRect">
            <a:avLst>
              <a:gd name="adj" fmla="val 14421"/>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83" name="Rectangle: Rounded Corners 1082">
            <a:extLst>
              <a:ext uri="{FF2B5EF4-FFF2-40B4-BE49-F238E27FC236}">
                <a16:creationId xmlns:a16="http://schemas.microsoft.com/office/drawing/2014/main" id="{6689C6E0-508F-35D6-3FEF-36EBF3A08F59}"/>
              </a:ext>
            </a:extLst>
          </p:cNvPr>
          <p:cNvSpPr/>
          <p:nvPr/>
        </p:nvSpPr>
        <p:spPr>
          <a:xfrm>
            <a:off x="3490452" y="587541"/>
            <a:ext cx="5933347" cy="2448796"/>
          </a:xfrm>
          <a:prstGeom prst="roundRect">
            <a:avLst>
              <a:gd name="adj" fmla="val 17751"/>
            </a:avLst>
          </a:prstGeom>
          <a:solidFill>
            <a:srgbClr val="ECEAE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84" name="Rectangle: Rounded Corners 1083">
            <a:extLst>
              <a:ext uri="{FF2B5EF4-FFF2-40B4-BE49-F238E27FC236}">
                <a16:creationId xmlns:a16="http://schemas.microsoft.com/office/drawing/2014/main" id="{794C98B8-3ED9-3E0E-6FAB-DBD0F707534E}"/>
              </a:ext>
            </a:extLst>
          </p:cNvPr>
          <p:cNvSpPr/>
          <p:nvPr/>
        </p:nvSpPr>
        <p:spPr>
          <a:xfrm>
            <a:off x="2326625" y="3399262"/>
            <a:ext cx="7105499" cy="3260627"/>
          </a:xfrm>
          <a:prstGeom prst="roundRect">
            <a:avLst>
              <a:gd name="adj" fmla="val 21542"/>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85" name="Rectangle: Rounded Corners 1084">
            <a:extLst>
              <a:ext uri="{FF2B5EF4-FFF2-40B4-BE49-F238E27FC236}">
                <a16:creationId xmlns:a16="http://schemas.microsoft.com/office/drawing/2014/main" id="{44F1112A-BAC6-F1B0-F308-FE72CD23B393}"/>
              </a:ext>
            </a:extLst>
          </p:cNvPr>
          <p:cNvSpPr/>
          <p:nvPr/>
        </p:nvSpPr>
        <p:spPr>
          <a:xfrm>
            <a:off x="0" y="3462026"/>
            <a:ext cx="2673155" cy="3415638"/>
          </a:xfrm>
          <a:prstGeom prst="roundRect">
            <a:avLst>
              <a:gd name="adj" fmla="val 0"/>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86" name="Rectangle: Rounded Corners 1085">
            <a:extLst>
              <a:ext uri="{FF2B5EF4-FFF2-40B4-BE49-F238E27FC236}">
                <a16:creationId xmlns:a16="http://schemas.microsoft.com/office/drawing/2014/main" id="{0831431D-5790-6E30-18D7-F042293DFC66}"/>
              </a:ext>
            </a:extLst>
          </p:cNvPr>
          <p:cNvSpPr/>
          <p:nvPr/>
        </p:nvSpPr>
        <p:spPr>
          <a:xfrm>
            <a:off x="2326624" y="3141823"/>
            <a:ext cx="1645364" cy="1131653"/>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87" name="Rectangle: Rounded Corners 1086">
            <a:extLst>
              <a:ext uri="{FF2B5EF4-FFF2-40B4-BE49-F238E27FC236}">
                <a16:creationId xmlns:a16="http://schemas.microsoft.com/office/drawing/2014/main" id="{EDFFAD94-3A24-57A7-4CE3-58F465836362}"/>
              </a:ext>
            </a:extLst>
          </p:cNvPr>
          <p:cNvSpPr/>
          <p:nvPr/>
        </p:nvSpPr>
        <p:spPr>
          <a:xfrm>
            <a:off x="9502988" y="793119"/>
            <a:ext cx="2689011" cy="339643"/>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01" name="Rectangle: Rounded Corners 3200">
            <a:extLst>
              <a:ext uri="{FF2B5EF4-FFF2-40B4-BE49-F238E27FC236}">
                <a16:creationId xmlns:a16="http://schemas.microsoft.com/office/drawing/2014/main" id="{0480760F-84DD-6FDE-27BF-0A62A10158E6}"/>
              </a:ext>
            </a:extLst>
          </p:cNvPr>
          <p:cNvSpPr/>
          <p:nvPr/>
        </p:nvSpPr>
        <p:spPr>
          <a:xfrm>
            <a:off x="7732772" y="274116"/>
            <a:ext cx="1086786" cy="293105"/>
          </a:xfrm>
          <a:prstGeom prst="roundRect">
            <a:avLst>
              <a:gd name="adj" fmla="val 0"/>
            </a:avLst>
          </a:prstGeom>
          <a:solidFill>
            <a:srgbClr val="00338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02" name="Freeform: Shape 3201">
            <a:extLst>
              <a:ext uri="{FF2B5EF4-FFF2-40B4-BE49-F238E27FC236}">
                <a16:creationId xmlns:a16="http://schemas.microsoft.com/office/drawing/2014/main" id="{9CC20C24-8483-5B4B-AB21-3B0613CAD2B9}"/>
              </a:ext>
            </a:extLst>
          </p:cNvPr>
          <p:cNvSpPr/>
          <p:nvPr/>
        </p:nvSpPr>
        <p:spPr>
          <a:xfrm>
            <a:off x="7723875" y="356968"/>
            <a:ext cx="1123760" cy="328478"/>
          </a:xfrm>
          <a:custGeom>
            <a:avLst/>
            <a:gdLst>
              <a:gd name="connsiteX0" fmla="*/ 838200 w 838200"/>
              <a:gd name="connsiteY0" fmla="*/ 270191 h 420940"/>
              <a:gd name="connsiteX1" fmla="*/ 660083 w 838200"/>
              <a:gd name="connsiteY1" fmla="*/ 270191 h 420940"/>
              <a:gd name="connsiteX2" fmla="*/ 660083 w 838200"/>
              <a:gd name="connsiteY2" fmla="*/ 253304 h 420940"/>
              <a:gd name="connsiteX3" fmla="*/ 838200 w 838200"/>
              <a:gd name="connsiteY3" fmla="*/ 253304 h 420940"/>
              <a:gd name="connsiteX4" fmla="*/ 838200 w 838200"/>
              <a:gd name="connsiteY4" fmla="*/ 236417 h 420940"/>
              <a:gd name="connsiteX5" fmla="*/ 806768 w 838200"/>
              <a:gd name="connsiteY5" fmla="*/ 236417 h 420940"/>
              <a:gd name="connsiteX6" fmla="*/ 806768 w 838200"/>
              <a:gd name="connsiteY6" fmla="*/ 150066 h 420940"/>
              <a:gd name="connsiteX7" fmla="*/ 838200 w 838200"/>
              <a:gd name="connsiteY7" fmla="*/ 151982 h 420940"/>
              <a:gd name="connsiteX8" fmla="*/ 838200 w 838200"/>
              <a:gd name="connsiteY8" fmla="*/ 135096 h 420940"/>
              <a:gd name="connsiteX9" fmla="*/ 641862 w 838200"/>
              <a:gd name="connsiteY9" fmla="*/ 0 h 420940"/>
              <a:gd name="connsiteX10" fmla="*/ 615438 w 838200"/>
              <a:gd name="connsiteY10" fmla="*/ 0 h 420940"/>
              <a:gd name="connsiteX11" fmla="*/ 387976 w 838200"/>
              <a:gd name="connsiteY11" fmla="*/ 133140 h 420940"/>
              <a:gd name="connsiteX12" fmla="*/ 222762 w 838200"/>
              <a:gd name="connsiteY12" fmla="*/ 0 h 420940"/>
              <a:gd name="connsiteX13" fmla="*/ 196338 w 838200"/>
              <a:gd name="connsiteY13" fmla="*/ 0 h 420940"/>
              <a:gd name="connsiteX14" fmla="*/ 0 w 838200"/>
              <a:gd name="connsiteY14" fmla="*/ 135096 h 420940"/>
              <a:gd name="connsiteX15" fmla="*/ 0 w 838200"/>
              <a:gd name="connsiteY15" fmla="*/ 151982 h 420940"/>
              <a:gd name="connsiteX16" fmla="*/ 31433 w 838200"/>
              <a:gd name="connsiteY16" fmla="*/ 150066 h 420940"/>
              <a:gd name="connsiteX17" fmla="*/ 31433 w 838200"/>
              <a:gd name="connsiteY17" fmla="*/ 236417 h 420940"/>
              <a:gd name="connsiteX18" fmla="*/ 0 w 838200"/>
              <a:gd name="connsiteY18" fmla="*/ 236417 h 420940"/>
              <a:gd name="connsiteX19" fmla="*/ 0 w 838200"/>
              <a:gd name="connsiteY19" fmla="*/ 253304 h 420940"/>
              <a:gd name="connsiteX20" fmla="*/ 178118 w 838200"/>
              <a:gd name="connsiteY20" fmla="*/ 253304 h 420940"/>
              <a:gd name="connsiteX21" fmla="*/ 178118 w 838200"/>
              <a:gd name="connsiteY21" fmla="*/ 270191 h 420940"/>
              <a:gd name="connsiteX22" fmla="*/ 0 w 838200"/>
              <a:gd name="connsiteY22" fmla="*/ 270191 h 420940"/>
              <a:gd name="connsiteX23" fmla="*/ 0 w 838200"/>
              <a:gd name="connsiteY23" fmla="*/ 287078 h 420940"/>
              <a:gd name="connsiteX24" fmla="*/ 178118 w 838200"/>
              <a:gd name="connsiteY24" fmla="*/ 287078 h 420940"/>
              <a:gd name="connsiteX25" fmla="*/ 178118 w 838200"/>
              <a:gd name="connsiteY25" fmla="*/ 416263 h 420940"/>
              <a:gd name="connsiteX26" fmla="*/ 180213 w 838200"/>
              <a:gd name="connsiteY26" fmla="*/ 416879 h 420940"/>
              <a:gd name="connsiteX27" fmla="*/ 199073 w 838200"/>
              <a:gd name="connsiteY27" fmla="*/ 420932 h 420940"/>
              <a:gd name="connsiteX28" fmla="*/ 199073 w 838200"/>
              <a:gd name="connsiteY28" fmla="*/ 49757 h 420940"/>
              <a:gd name="connsiteX29" fmla="*/ 209456 w 838200"/>
              <a:gd name="connsiteY29" fmla="*/ 28818 h 420940"/>
              <a:gd name="connsiteX30" fmla="*/ 209644 w 838200"/>
              <a:gd name="connsiteY30" fmla="*/ 28818 h 420940"/>
              <a:gd name="connsiteX31" fmla="*/ 220028 w 838200"/>
              <a:gd name="connsiteY31" fmla="*/ 49757 h 420940"/>
              <a:gd name="connsiteX32" fmla="*/ 220028 w 838200"/>
              <a:gd name="connsiteY32" fmla="*/ 420122 h 420940"/>
              <a:gd name="connsiteX33" fmla="*/ 232883 w 838200"/>
              <a:gd name="connsiteY33" fmla="*/ 416913 h 420940"/>
              <a:gd name="connsiteX34" fmla="*/ 240983 w 838200"/>
              <a:gd name="connsiteY34" fmla="*/ 414532 h 420940"/>
              <a:gd name="connsiteX35" fmla="*/ 240983 w 838200"/>
              <a:gd name="connsiteY35" fmla="*/ 287078 h 420940"/>
              <a:gd name="connsiteX36" fmla="*/ 597218 w 838200"/>
              <a:gd name="connsiteY36" fmla="*/ 287078 h 420940"/>
              <a:gd name="connsiteX37" fmla="*/ 597218 w 838200"/>
              <a:gd name="connsiteY37" fmla="*/ 416263 h 420940"/>
              <a:gd name="connsiteX38" fmla="*/ 599313 w 838200"/>
              <a:gd name="connsiteY38" fmla="*/ 416888 h 420940"/>
              <a:gd name="connsiteX39" fmla="*/ 618173 w 838200"/>
              <a:gd name="connsiteY39" fmla="*/ 420941 h 420940"/>
              <a:gd name="connsiteX40" fmla="*/ 618173 w 838200"/>
              <a:gd name="connsiteY40" fmla="*/ 49757 h 420940"/>
              <a:gd name="connsiteX41" fmla="*/ 628556 w 838200"/>
              <a:gd name="connsiteY41" fmla="*/ 28818 h 420940"/>
              <a:gd name="connsiteX42" fmla="*/ 628744 w 838200"/>
              <a:gd name="connsiteY42" fmla="*/ 28818 h 420940"/>
              <a:gd name="connsiteX43" fmla="*/ 639128 w 838200"/>
              <a:gd name="connsiteY43" fmla="*/ 49757 h 420940"/>
              <a:gd name="connsiteX44" fmla="*/ 639128 w 838200"/>
              <a:gd name="connsiteY44" fmla="*/ 420130 h 420940"/>
              <a:gd name="connsiteX45" fmla="*/ 652004 w 838200"/>
              <a:gd name="connsiteY45" fmla="*/ 416913 h 420940"/>
              <a:gd name="connsiteX46" fmla="*/ 660083 w 838200"/>
              <a:gd name="connsiteY46" fmla="*/ 414541 h 420940"/>
              <a:gd name="connsiteX47" fmla="*/ 660083 w 838200"/>
              <a:gd name="connsiteY47" fmla="*/ 287078 h 420940"/>
              <a:gd name="connsiteX48" fmla="*/ 838200 w 838200"/>
              <a:gd name="connsiteY48" fmla="*/ 287078 h 420940"/>
              <a:gd name="connsiteX49" fmla="*/ 722948 w 838200"/>
              <a:gd name="connsiteY49" fmla="*/ 125580 h 420940"/>
              <a:gd name="connsiteX50" fmla="*/ 785813 w 838200"/>
              <a:gd name="connsiteY50" fmla="*/ 146916 h 420940"/>
              <a:gd name="connsiteX51" fmla="*/ 785813 w 838200"/>
              <a:gd name="connsiteY51" fmla="*/ 236417 h 420940"/>
              <a:gd name="connsiteX52" fmla="*/ 722948 w 838200"/>
              <a:gd name="connsiteY52" fmla="*/ 236417 h 420940"/>
              <a:gd name="connsiteX53" fmla="*/ 660083 w 838200"/>
              <a:gd name="connsiteY53" fmla="*/ 78296 h 420940"/>
              <a:gd name="connsiteX54" fmla="*/ 701993 w 838200"/>
              <a:gd name="connsiteY54" fmla="*/ 113624 h 420940"/>
              <a:gd name="connsiteX55" fmla="*/ 701993 w 838200"/>
              <a:gd name="connsiteY55" fmla="*/ 236417 h 420940"/>
              <a:gd name="connsiteX56" fmla="*/ 660083 w 838200"/>
              <a:gd name="connsiteY56" fmla="*/ 236417 h 420940"/>
              <a:gd name="connsiteX57" fmla="*/ 115253 w 838200"/>
              <a:gd name="connsiteY57" fmla="*/ 236417 h 420940"/>
              <a:gd name="connsiteX58" fmla="*/ 52388 w 838200"/>
              <a:gd name="connsiteY58" fmla="*/ 236417 h 420940"/>
              <a:gd name="connsiteX59" fmla="*/ 52388 w 838200"/>
              <a:gd name="connsiteY59" fmla="*/ 146916 h 420940"/>
              <a:gd name="connsiteX60" fmla="*/ 115253 w 838200"/>
              <a:gd name="connsiteY60" fmla="*/ 125622 h 420940"/>
              <a:gd name="connsiteX61" fmla="*/ 178118 w 838200"/>
              <a:gd name="connsiteY61" fmla="*/ 236417 h 420940"/>
              <a:gd name="connsiteX62" fmla="*/ 136208 w 838200"/>
              <a:gd name="connsiteY62" fmla="*/ 236417 h 420940"/>
              <a:gd name="connsiteX63" fmla="*/ 136208 w 838200"/>
              <a:gd name="connsiteY63" fmla="*/ 113632 h 420940"/>
              <a:gd name="connsiteX64" fmla="*/ 178118 w 838200"/>
              <a:gd name="connsiteY64" fmla="*/ 78305 h 420940"/>
              <a:gd name="connsiteX65" fmla="*/ 471488 w 838200"/>
              <a:gd name="connsiteY65" fmla="*/ 146916 h 420940"/>
              <a:gd name="connsiteX66" fmla="*/ 534353 w 838200"/>
              <a:gd name="connsiteY66" fmla="*/ 125622 h 420940"/>
              <a:gd name="connsiteX67" fmla="*/ 534353 w 838200"/>
              <a:gd name="connsiteY67" fmla="*/ 236417 h 420940"/>
              <a:gd name="connsiteX68" fmla="*/ 471488 w 838200"/>
              <a:gd name="connsiteY68" fmla="*/ 236417 h 420940"/>
              <a:gd name="connsiteX69" fmla="*/ 387668 w 838200"/>
              <a:gd name="connsiteY69" fmla="*/ 150108 h 420940"/>
              <a:gd name="connsiteX70" fmla="*/ 450533 w 838200"/>
              <a:gd name="connsiteY70" fmla="*/ 150108 h 420940"/>
              <a:gd name="connsiteX71" fmla="*/ 450533 w 838200"/>
              <a:gd name="connsiteY71" fmla="*/ 236417 h 420940"/>
              <a:gd name="connsiteX72" fmla="*/ 387668 w 838200"/>
              <a:gd name="connsiteY72" fmla="*/ 236417 h 420940"/>
              <a:gd name="connsiteX73" fmla="*/ 303848 w 838200"/>
              <a:gd name="connsiteY73" fmla="*/ 125622 h 420940"/>
              <a:gd name="connsiteX74" fmla="*/ 366713 w 838200"/>
              <a:gd name="connsiteY74" fmla="*/ 146916 h 420940"/>
              <a:gd name="connsiteX75" fmla="*/ 366713 w 838200"/>
              <a:gd name="connsiteY75" fmla="*/ 236417 h 420940"/>
              <a:gd name="connsiteX76" fmla="*/ 303848 w 838200"/>
              <a:gd name="connsiteY76" fmla="*/ 236417 h 420940"/>
              <a:gd name="connsiteX77" fmla="*/ 240983 w 838200"/>
              <a:gd name="connsiteY77" fmla="*/ 78339 h 420940"/>
              <a:gd name="connsiteX78" fmla="*/ 282893 w 838200"/>
              <a:gd name="connsiteY78" fmla="*/ 113666 h 420940"/>
              <a:gd name="connsiteX79" fmla="*/ 282893 w 838200"/>
              <a:gd name="connsiteY79" fmla="*/ 236417 h 420940"/>
              <a:gd name="connsiteX80" fmla="*/ 240983 w 838200"/>
              <a:gd name="connsiteY80" fmla="*/ 236417 h 420940"/>
              <a:gd name="connsiteX81" fmla="*/ 597218 w 838200"/>
              <a:gd name="connsiteY81" fmla="*/ 270191 h 420940"/>
              <a:gd name="connsiteX82" fmla="*/ 240983 w 838200"/>
              <a:gd name="connsiteY82" fmla="*/ 270191 h 420940"/>
              <a:gd name="connsiteX83" fmla="*/ 240983 w 838200"/>
              <a:gd name="connsiteY83" fmla="*/ 253304 h 420940"/>
              <a:gd name="connsiteX84" fmla="*/ 597218 w 838200"/>
              <a:gd name="connsiteY84" fmla="*/ 253304 h 420940"/>
              <a:gd name="connsiteX85" fmla="*/ 597218 w 838200"/>
              <a:gd name="connsiteY85" fmla="*/ 236417 h 420940"/>
              <a:gd name="connsiteX86" fmla="*/ 555308 w 838200"/>
              <a:gd name="connsiteY86" fmla="*/ 236417 h 420940"/>
              <a:gd name="connsiteX87" fmla="*/ 555308 w 838200"/>
              <a:gd name="connsiteY87" fmla="*/ 113632 h 420940"/>
              <a:gd name="connsiteX88" fmla="*/ 597218 w 838200"/>
              <a:gd name="connsiteY88" fmla="*/ 78305 h 4209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Lst>
            <a:rect l="l" t="t" r="r" b="b"/>
            <a:pathLst>
              <a:path w="838200" h="420940">
                <a:moveTo>
                  <a:pt x="838200" y="270191"/>
                </a:moveTo>
                <a:lnTo>
                  <a:pt x="660083" y="270191"/>
                </a:lnTo>
                <a:lnTo>
                  <a:pt x="660083" y="253304"/>
                </a:lnTo>
                <a:lnTo>
                  <a:pt x="838200" y="253304"/>
                </a:lnTo>
                <a:lnTo>
                  <a:pt x="838200" y="236417"/>
                </a:lnTo>
                <a:lnTo>
                  <a:pt x="806768" y="236417"/>
                </a:lnTo>
                <a:lnTo>
                  <a:pt x="806768" y="150066"/>
                </a:lnTo>
                <a:cubicBezTo>
                  <a:pt x="817175" y="151308"/>
                  <a:pt x="827680" y="151949"/>
                  <a:pt x="838200" y="151982"/>
                </a:cubicBezTo>
                <a:lnTo>
                  <a:pt x="838200" y="135096"/>
                </a:lnTo>
                <a:cubicBezTo>
                  <a:pt x="740498" y="134960"/>
                  <a:pt x="657341" y="77740"/>
                  <a:pt x="641862" y="0"/>
                </a:cubicBezTo>
                <a:lnTo>
                  <a:pt x="615438" y="0"/>
                </a:lnTo>
                <a:cubicBezTo>
                  <a:pt x="598248" y="87384"/>
                  <a:pt x="496409" y="146992"/>
                  <a:pt x="387976" y="133140"/>
                </a:cubicBezTo>
                <a:cubicBezTo>
                  <a:pt x="302937" y="122276"/>
                  <a:pt x="236242" y="68530"/>
                  <a:pt x="222762" y="0"/>
                </a:cubicBezTo>
                <a:lnTo>
                  <a:pt x="196338" y="0"/>
                </a:lnTo>
                <a:cubicBezTo>
                  <a:pt x="180859" y="77740"/>
                  <a:pt x="97702" y="134960"/>
                  <a:pt x="0" y="135096"/>
                </a:cubicBezTo>
                <a:lnTo>
                  <a:pt x="0" y="151982"/>
                </a:lnTo>
                <a:cubicBezTo>
                  <a:pt x="10521" y="151949"/>
                  <a:pt x="21025" y="151308"/>
                  <a:pt x="31433" y="150066"/>
                </a:cubicBezTo>
                <a:lnTo>
                  <a:pt x="31433" y="236417"/>
                </a:lnTo>
                <a:lnTo>
                  <a:pt x="0" y="236417"/>
                </a:lnTo>
                <a:lnTo>
                  <a:pt x="0" y="253304"/>
                </a:lnTo>
                <a:lnTo>
                  <a:pt x="178118" y="253304"/>
                </a:lnTo>
                <a:lnTo>
                  <a:pt x="178118" y="270191"/>
                </a:lnTo>
                <a:lnTo>
                  <a:pt x="0" y="270191"/>
                </a:lnTo>
                <a:lnTo>
                  <a:pt x="0" y="287078"/>
                </a:lnTo>
                <a:lnTo>
                  <a:pt x="178118" y="287078"/>
                </a:lnTo>
                <a:lnTo>
                  <a:pt x="178118" y="416263"/>
                </a:lnTo>
                <a:cubicBezTo>
                  <a:pt x="178809" y="416491"/>
                  <a:pt x="179532" y="416643"/>
                  <a:pt x="180213" y="416879"/>
                </a:cubicBezTo>
                <a:cubicBezTo>
                  <a:pt x="186326" y="418709"/>
                  <a:pt x="192640" y="420066"/>
                  <a:pt x="199073" y="420932"/>
                </a:cubicBezTo>
                <a:lnTo>
                  <a:pt x="199073" y="49757"/>
                </a:lnTo>
                <a:cubicBezTo>
                  <a:pt x="203090" y="42965"/>
                  <a:pt x="206558" y="35970"/>
                  <a:pt x="209456" y="28818"/>
                </a:cubicBezTo>
                <a:cubicBezTo>
                  <a:pt x="209456" y="28691"/>
                  <a:pt x="209592" y="28691"/>
                  <a:pt x="209644" y="28818"/>
                </a:cubicBezTo>
                <a:cubicBezTo>
                  <a:pt x="212542" y="35970"/>
                  <a:pt x="216010" y="42965"/>
                  <a:pt x="220028" y="49757"/>
                </a:cubicBezTo>
                <a:lnTo>
                  <a:pt x="220028" y="420122"/>
                </a:lnTo>
                <a:cubicBezTo>
                  <a:pt x="224391" y="419270"/>
                  <a:pt x="228685" y="418198"/>
                  <a:pt x="232883" y="416913"/>
                </a:cubicBezTo>
                <a:cubicBezTo>
                  <a:pt x="235534" y="416018"/>
                  <a:pt x="238290" y="415334"/>
                  <a:pt x="240983" y="414532"/>
                </a:cubicBezTo>
                <a:lnTo>
                  <a:pt x="240983" y="287078"/>
                </a:lnTo>
                <a:lnTo>
                  <a:pt x="597218" y="287078"/>
                </a:lnTo>
                <a:lnTo>
                  <a:pt x="597218" y="416263"/>
                </a:lnTo>
                <a:cubicBezTo>
                  <a:pt x="597920" y="416491"/>
                  <a:pt x="598642" y="416651"/>
                  <a:pt x="599313" y="416888"/>
                </a:cubicBezTo>
                <a:cubicBezTo>
                  <a:pt x="605427" y="418716"/>
                  <a:pt x="611741" y="420073"/>
                  <a:pt x="618173" y="420941"/>
                </a:cubicBezTo>
                <a:lnTo>
                  <a:pt x="618173" y="49757"/>
                </a:lnTo>
                <a:cubicBezTo>
                  <a:pt x="622190" y="42965"/>
                  <a:pt x="625658" y="35970"/>
                  <a:pt x="628556" y="28818"/>
                </a:cubicBezTo>
                <a:cubicBezTo>
                  <a:pt x="628556" y="28691"/>
                  <a:pt x="628692" y="28691"/>
                  <a:pt x="628744" y="28818"/>
                </a:cubicBezTo>
                <a:cubicBezTo>
                  <a:pt x="631642" y="35970"/>
                  <a:pt x="635110" y="42965"/>
                  <a:pt x="639128" y="49757"/>
                </a:cubicBezTo>
                <a:lnTo>
                  <a:pt x="639128" y="420130"/>
                </a:lnTo>
                <a:cubicBezTo>
                  <a:pt x="643500" y="419279"/>
                  <a:pt x="647801" y="418205"/>
                  <a:pt x="652004" y="416913"/>
                </a:cubicBezTo>
                <a:cubicBezTo>
                  <a:pt x="654645" y="416018"/>
                  <a:pt x="657390" y="415334"/>
                  <a:pt x="660083" y="414541"/>
                </a:cubicBezTo>
                <a:lnTo>
                  <a:pt x="660083" y="287078"/>
                </a:lnTo>
                <a:lnTo>
                  <a:pt x="838200" y="287078"/>
                </a:lnTo>
                <a:close/>
                <a:moveTo>
                  <a:pt x="722948" y="125580"/>
                </a:moveTo>
                <a:cubicBezTo>
                  <a:pt x="742390" y="135296"/>
                  <a:pt x="763602" y="142496"/>
                  <a:pt x="785813" y="146916"/>
                </a:cubicBezTo>
                <a:lnTo>
                  <a:pt x="785813" y="236417"/>
                </a:lnTo>
                <a:lnTo>
                  <a:pt x="722948" y="236417"/>
                </a:lnTo>
                <a:close/>
                <a:moveTo>
                  <a:pt x="660083" y="78296"/>
                </a:moveTo>
                <a:cubicBezTo>
                  <a:pt x="671992" y="91554"/>
                  <a:pt x="686093" y="103439"/>
                  <a:pt x="701993" y="113624"/>
                </a:cubicBezTo>
                <a:lnTo>
                  <a:pt x="701993" y="236417"/>
                </a:lnTo>
                <a:lnTo>
                  <a:pt x="660083" y="236417"/>
                </a:lnTo>
                <a:close/>
                <a:moveTo>
                  <a:pt x="115253" y="236417"/>
                </a:moveTo>
                <a:lnTo>
                  <a:pt x="52388" y="236417"/>
                </a:lnTo>
                <a:lnTo>
                  <a:pt x="52388" y="146916"/>
                </a:lnTo>
                <a:cubicBezTo>
                  <a:pt x="74595" y="142509"/>
                  <a:pt x="95807" y="135323"/>
                  <a:pt x="115253" y="125622"/>
                </a:cubicBezTo>
                <a:close/>
                <a:moveTo>
                  <a:pt x="178118" y="236417"/>
                </a:moveTo>
                <a:lnTo>
                  <a:pt x="136208" y="236417"/>
                </a:lnTo>
                <a:lnTo>
                  <a:pt x="136208" y="113632"/>
                </a:lnTo>
                <a:cubicBezTo>
                  <a:pt x="152107" y="103448"/>
                  <a:pt x="166208" y="91563"/>
                  <a:pt x="178118" y="78305"/>
                </a:cubicBezTo>
                <a:close/>
                <a:moveTo>
                  <a:pt x="471488" y="146916"/>
                </a:moveTo>
                <a:cubicBezTo>
                  <a:pt x="493695" y="142509"/>
                  <a:pt x="514907" y="135323"/>
                  <a:pt x="534353" y="125622"/>
                </a:cubicBezTo>
                <a:lnTo>
                  <a:pt x="534353" y="236417"/>
                </a:lnTo>
                <a:lnTo>
                  <a:pt x="471488" y="236417"/>
                </a:lnTo>
                <a:close/>
                <a:moveTo>
                  <a:pt x="387668" y="150108"/>
                </a:moveTo>
                <a:cubicBezTo>
                  <a:pt x="408502" y="152664"/>
                  <a:pt x="429698" y="152664"/>
                  <a:pt x="450533" y="150108"/>
                </a:cubicBezTo>
                <a:lnTo>
                  <a:pt x="450533" y="236417"/>
                </a:lnTo>
                <a:lnTo>
                  <a:pt x="387668" y="236417"/>
                </a:lnTo>
                <a:close/>
                <a:moveTo>
                  <a:pt x="303848" y="125622"/>
                </a:moveTo>
                <a:cubicBezTo>
                  <a:pt x="323293" y="135323"/>
                  <a:pt x="344505" y="142509"/>
                  <a:pt x="366713" y="146916"/>
                </a:cubicBezTo>
                <a:lnTo>
                  <a:pt x="366713" y="236417"/>
                </a:lnTo>
                <a:lnTo>
                  <a:pt x="303848" y="236417"/>
                </a:lnTo>
                <a:close/>
                <a:moveTo>
                  <a:pt x="240983" y="78339"/>
                </a:moveTo>
                <a:cubicBezTo>
                  <a:pt x="252892" y="91596"/>
                  <a:pt x="266993" y="103481"/>
                  <a:pt x="282893" y="113666"/>
                </a:cubicBezTo>
                <a:lnTo>
                  <a:pt x="282893" y="236417"/>
                </a:lnTo>
                <a:lnTo>
                  <a:pt x="240983" y="236417"/>
                </a:lnTo>
                <a:close/>
                <a:moveTo>
                  <a:pt x="597218" y="270191"/>
                </a:moveTo>
                <a:lnTo>
                  <a:pt x="240983" y="270191"/>
                </a:lnTo>
                <a:lnTo>
                  <a:pt x="240983" y="253304"/>
                </a:lnTo>
                <a:lnTo>
                  <a:pt x="597218" y="253304"/>
                </a:lnTo>
                <a:close/>
                <a:moveTo>
                  <a:pt x="597218" y="236417"/>
                </a:moveTo>
                <a:lnTo>
                  <a:pt x="555308" y="236417"/>
                </a:lnTo>
                <a:lnTo>
                  <a:pt x="555308" y="113632"/>
                </a:lnTo>
                <a:cubicBezTo>
                  <a:pt x="571207" y="103448"/>
                  <a:pt x="585308" y="91563"/>
                  <a:pt x="597218" y="78305"/>
                </a:cubicBezTo>
                <a:close/>
              </a:path>
            </a:pathLst>
          </a:custGeom>
          <a:solidFill>
            <a:schemeClr val="bg1"/>
          </a:solidFill>
          <a:ln w="9525" cap="flat">
            <a:solidFill>
              <a:schemeClr val="bg1"/>
            </a:solid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203" name="TextBox 3202">
            <a:extLst>
              <a:ext uri="{FF2B5EF4-FFF2-40B4-BE49-F238E27FC236}">
                <a16:creationId xmlns:a16="http://schemas.microsoft.com/office/drawing/2014/main" id="{1FC4750C-C049-99C4-A171-25582F57F0AE}"/>
              </a:ext>
            </a:extLst>
          </p:cNvPr>
          <p:cNvSpPr txBox="1"/>
          <p:nvPr/>
        </p:nvSpPr>
        <p:spPr>
          <a:xfrm>
            <a:off x="112678" y="4651210"/>
            <a:ext cx="2190345" cy="1077218"/>
          </a:xfrm>
          <a:prstGeom prst="rect">
            <a:avLst/>
          </a:prstGeom>
          <a:noFill/>
        </p:spPr>
        <p:txBody>
          <a:bodyPr wrap="square" rtlCol="0">
            <a:spAutoFit/>
          </a:bodyPr>
          <a:lstStyle/>
          <a:p>
            <a:pPr marR="0" lvl="0" algn="l" defTabSz="914400" rtl="0" eaLnBrk="1" fontAlgn="auto" latinLnBrk="0" hangingPunct="1">
              <a:lnSpc>
                <a:spcPct val="100000"/>
              </a:lnSpc>
              <a:spcBef>
                <a:spcPts val="600"/>
              </a:spcBef>
              <a:spcAft>
                <a:spcPts val="0"/>
              </a:spcAft>
              <a:buClrTx/>
              <a:buSzTx/>
              <a:tabLst/>
              <a:defRPr/>
            </a:pPr>
            <a:endPar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endParaRP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t the request of the client, Aptara develops a dashboard in Flex for an internal group</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Signaled the start of a great L&amp;D journey</a:t>
            </a:r>
          </a:p>
        </p:txBody>
      </p:sp>
      <p:sp>
        <p:nvSpPr>
          <p:cNvPr id="3204" name="Rectangle: Rounded Corners 3203">
            <a:extLst>
              <a:ext uri="{FF2B5EF4-FFF2-40B4-BE49-F238E27FC236}">
                <a16:creationId xmlns:a16="http://schemas.microsoft.com/office/drawing/2014/main" id="{F870FC97-0272-6E96-4957-484D43700E6B}"/>
              </a:ext>
            </a:extLst>
          </p:cNvPr>
          <p:cNvSpPr/>
          <p:nvPr/>
        </p:nvSpPr>
        <p:spPr>
          <a:xfrm>
            <a:off x="2349204" y="5566654"/>
            <a:ext cx="2373441" cy="1036842"/>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05" name="TextBox 3204">
            <a:extLst>
              <a:ext uri="{FF2B5EF4-FFF2-40B4-BE49-F238E27FC236}">
                <a16:creationId xmlns:a16="http://schemas.microsoft.com/office/drawing/2014/main" id="{5FF38F79-673E-1CEF-3EBF-262324163AB1}"/>
              </a:ext>
            </a:extLst>
          </p:cNvPr>
          <p:cNvSpPr txBox="1"/>
          <p:nvPr/>
        </p:nvSpPr>
        <p:spPr>
          <a:xfrm>
            <a:off x="4540322" y="3357851"/>
            <a:ext cx="2158474" cy="461665"/>
          </a:xfrm>
          <a:prstGeom prst="rect">
            <a:avLst/>
          </a:prstGeom>
          <a:noFill/>
        </p:spPr>
        <p:txBody>
          <a:bodyPr wrap="square" rtlCol="0" anchor="ctr">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effectLst/>
                <a:uLnTx/>
                <a:uFillTx/>
                <a:latin typeface="Georgia Pro Cond Semibold" panose="020B0604020202020204" pitchFamily="18" charset="0"/>
                <a:ea typeface="+mn-ea"/>
                <a:cs typeface="Times New Roman" panose="02020603050405020304" pitchFamily="18" charset="0"/>
              </a:rPr>
              <a:t>2011 - 2013 </a:t>
            </a:r>
          </a:p>
        </p:txBody>
      </p:sp>
      <p:sp>
        <p:nvSpPr>
          <p:cNvPr id="3206" name="TextBox 3205">
            <a:extLst>
              <a:ext uri="{FF2B5EF4-FFF2-40B4-BE49-F238E27FC236}">
                <a16:creationId xmlns:a16="http://schemas.microsoft.com/office/drawing/2014/main" id="{DDA19212-EEA0-4C7D-A3F6-E14500A34757}"/>
              </a:ext>
            </a:extLst>
          </p:cNvPr>
          <p:cNvSpPr txBox="1"/>
          <p:nvPr/>
        </p:nvSpPr>
        <p:spPr>
          <a:xfrm>
            <a:off x="7272144" y="3357851"/>
            <a:ext cx="1875831" cy="461665"/>
          </a:xfrm>
          <a:prstGeom prst="rect">
            <a:avLst/>
          </a:prstGeom>
          <a:noFill/>
        </p:spPr>
        <p:txBody>
          <a:bodyPr wrap="square" rtlCol="0" anchor="ctr">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effectLst/>
                <a:uLnTx/>
                <a:uFillTx/>
                <a:latin typeface="Georgia Pro Cond Semibold" panose="020B0604020202020204" pitchFamily="18" charset="0"/>
                <a:ea typeface="+mn-ea"/>
                <a:cs typeface="Times New Roman" panose="02020603050405020304" pitchFamily="18" charset="0"/>
              </a:rPr>
              <a:t>2014 - 2018</a:t>
            </a:r>
          </a:p>
        </p:txBody>
      </p:sp>
      <p:sp>
        <p:nvSpPr>
          <p:cNvPr id="3207" name="TextBox 3206">
            <a:extLst>
              <a:ext uri="{FF2B5EF4-FFF2-40B4-BE49-F238E27FC236}">
                <a16:creationId xmlns:a16="http://schemas.microsoft.com/office/drawing/2014/main" id="{0D1C6EFE-3E35-93B4-15CA-AC089772A208}"/>
              </a:ext>
            </a:extLst>
          </p:cNvPr>
          <p:cNvSpPr txBox="1"/>
          <p:nvPr/>
        </p:nvSpPr>
        <p:spPr>
          <a:xfrm>
            <a:off x="7272145" y="4076785"/>
            <a:ext cx="2078954" cy="2492075"/>
          </a:xfrm>
          <a:prstGeom prst="rect">
            <a:avLst/>
          </a:prstGeom>
          <a:noFill/>
        </p:spPr>
        <p:txBody>
          <a:bodyPr wrap="square" numCol="1" spcCol="252000" rtlCol="0">
            <a:noAutofit/>
          </a:bodyPr>
          <a:lstStyle/>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ptara partners with Global L&amp;D, Canada</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Partnership expands with Digital Marketing, Canada, for an app</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Partnership with Executive Education Group</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First project with </a:t>
            </a:r>
          </a:p>
          <a:p>
            <a:pPr marL="358775" marR="0" lvl="1" indent="-185738" algn="l" defTabSz="914400" rtl="0" eaLnBrk="1" fontAlgn="auto" latinLnBrk="0" hangingPunct="1">
              <a:lnSpc>
                <a:spcPct val="100000"/>
              </a:lnSpc>
              <a:spcBef>
                <a:spcPts val="200"/>
              </a:spcBef>
              <a:spcAft>
                <a:spcPts val="0"/>
              </a:spcAft>
              <a:buClrTx/>
              <a:buSzPct val="70000"/>
              <a:buFont typeface="Courier New" panose="02070309020205020404" pitchFamily="49" charset="0"/>
              <a:buChar char="o"/>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India group</a:t>
            </a:r>
          </a:p>
          <a:p>
            <a:pPr marL="358775" marR="0" lvl="1" indent="-185738" algn="l" defTabSz="914400" rtl="0" eaLnBrk="1" fontAlgn="auto" latinLnBrk="0" hangingPunct="1">
              <a:lnSpc>
                <a:spcPct val="100000"/>
              </a:lnSpc>
              <a:spcBef>
                <a:spcPts val="200"/>
              </a:spcBef>
              <a:spcAft>
                <a:spcPts val="0"/>
              </a:spcAft>
              <a:buClrTx/>
              <a:buSzPct val="70000"/>
              <a:buFont typeface="Courier New" panose="02070309020205020404" pitchFamily="49" charset="0"/>
              <a:buChar char="o"/>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Deal Advisory Group</a:t>
            </a:r>
          </a:p>
          <a:p>
            <a:pPr marL="358775" marR="0" lvl="1" indent="-185738" algn="l" defTabSz="914400" rtl="0" eaLnBrk="1" fontAlgn="auto" latinLnBrk="0" hangingPunct="1">
              <a:lnSpc>
                <a:spcPct val="100000"/>
              </a:lnSpc>
              <a:spcBef>
                <a:spcPts val="200"/>
              </a:spcBef>
              <a:spcAft>
                <a:spcPts val="0"/>
              </a:spcAft>
              <a:buClrTx/>
              <a:buSzPct val="70000"/>
              <a:buFont typeface="Courier New" panose="02070309020205020404" pitchFamily="49" charset="0"/>
              <a:buChar char="o"/>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Canadian Business School</a:t>
            </a:r>
          </a:p>
          <a:p>
            <a:pPr marL="358775" marR="0" lvl="1" indent="-185738" algn="l" defTabSz="914400" rtl="0" eaLnBrk="1" fontAlgn="auto" latinLnBrk="0" hangingPunct="1">
              <a:lnSpc>
                <a:spcPct val="100000"/>
              </a:lnSpc>
              <a:spcBef>
                <a:spcPts val="200"/>
              </a:spcBef>
              <a:spcAft>
                <a:spcPts val="0"/>
              </a:spcAft>
              <a:buClrTx/>
              <a:buSzPct val="70000"/>
              <a:buFont typeface="Courier New" panose="02070309020205020404" pitchFamily="49" charset="0"/>
              <a:buChar char="o"/>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Learning Academy India</a:t>
            </a:r>
          </a:p>
        </p:txBody>
      </p:sp>
      <p:sp>
        <p:nvSpPr>
          <p:cNvPr id="3209" name="TextBox 3208">
            <a:extLst>
              <a:ext uri="{FF2B5EF4-FFF2-40B4-BE49-F238E27FC236}">
                <a16:creationId xmlns:a16="http://schemas.microsoft.com/office/drawing/2014/main" id="{CCA73D1A-A83C-88A3-53B8-57655C57E119}"/>
              </a:ext>
            </a:extLst>
          </p:cNvPr>
          <p:cNvSpPr txBox="1"/>
          <p:nvPr/>
        </p:nvSpPr>
        <p:spPr>
          <a:xfrm>
            <a:off x="7283825" y="3787924"/>
            <a:ext cx="1430097" cy="292388"/>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0" i="0" u="none" strike="noStrike" kern="1200" cap="none" spc="0" normalizeH="0" baseline="0" noProof="0">
                <a:ln>
                  <a:noFill/>
                </a:ln>
                <a:solidFill>
                  <a:srgbClr val="00A2DF"/>
                </a:solidFill>
                <a:effectLst/>
                <a:uLnTx/>
                <a:uFillTx/>
                <a:latin typeface="Georgia Pro Cond Semibold" panose="020B0604020202020204" pitchFamily="18" charset="0"/>
                <a:ea typeface="+mn-ea"/>
                <a:cs typeface="Times New Roman" panose="02020603050405020304" pitchFamily="18" charset="0"/>
              </a:rPr>
              <a:t>MANY </a:t>
            </a:r>
            <a:r>
              <a:rPr kumimoji="0" lang="en-US" sz="1300" b="1" i="0" u="none" strike="noStrike" kern="1200" cap="none" spc="0" normalizeH="0" baseline="0" noProof="0">
                <a:ln>
                  <a:noFill/>
                </a:ln>
                <a:solidFill>
                  <a:srgbClr val="00A2DF"/>
                </a:solidFill>
                <a:effectLst/>
                <a:uLnTx/>
                <a:uFillTx/>
                <a:latin typeface="Georgia Pro Cond Black" panose="02040A06050405020203" pitchFamily="18" charset="0"/>
                <a:ea typeface="+mn-ea"/>
                <a:cs typeface="Times New Roman" panose="02020603050405020304" pitchFamily="18" charset="0"/>
              </a:rPr>
              <a:t>FIRSTS</a:t>
            </a:r>
          </a:p>
        </p:txBody>
      </p:sp>
      <p:sp>
        <p:nvSpPr>
          <p:cNvPr id="3210" name="TextBox 3209">
            <a:extLst>
              <a:ext uri="{FF2B5EF4-FFF2-40B4-BE49-F238E27FC236}">
                <a16:creationId xmlns:a16="http://schemas.microsoft.com/office/drawing/2014/main" id="{283515F7-2225-6A11-1C3C-462C8F38380F}"/>
              </a:ext>
            </a:extLst>
          </p:cNvPr>
          <p:cNvSpPr txBox="1"/>
          <p:nvPr/>
        </p:nvSpPr>
        <p:spPr>
          <a:xfrm>
            <a:off x="2363119" y="3357851"/>
            <a:ext cx="1844899" cy="461665"/>
          </a:xfrm>
          <a:prstGeom prst="rect">
            <a:avLst/>
          </a:prstGeom>
          <a:noFill/>
        </p:spPr>
        <p:txBody>
          <a:bodyPr wrap="square" anchor="ctr">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0" normalizeH="0" baseline="0" noProof="0">
                <a:ln>
                  <a:noFill/>
                </a:ln>
                <a:effectLst/>
                <a:uLnTx/>
                <a:uFillTx/>
                <a:latin typeface="Georgia Pro Cond Semibold" panose="020B0604020202020204" pitchFamily="18" charset="0"/>
                <a:ea typeface="+mn-ea"/>
                <a:cs typeface="Times New Roman" panose="02020603050405020304" pitchFamily="18" charset="0"/>
              </a:rPr>
              <a:t>2008 - 2010</a:t>
            </a:r>
          </a:p>
        </p:txBody>
      </p:sp>
      <p:sp>
        <p:nvSpPr>
          <p:cNvPr id="3211" name="Rectangle 3210">
            <a:extLst>
              <a:ext uri="{FF2B5EF4-FFF2-40B4-BE49-F238E27FC236}">
                <a16:creationId xmlns:a16="http://schemas.microsoft.com/office/drawing/2014/main" id="{75F10CD4-4FCA-B722-91D0-62E440F213DA}"/>
              </a:ext>
            </a:extLst>
          </p:cNvPr>
          <p:cNvSpPr/>
          <p:nvPr/>
        </p:nvSpPr>
        <p:spPr>
          <a:xfrm>
            <a:off x="2201246" y="3438911"/>
            <a:ext cx="120508" cy="2851694"/>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15" name="TextBox 3214">
            <a:extLst>
              <a:ext uri="{FF2B5EF4-FFF2-40B4-BE49-F238E27FC236}">
                <a16:creationId xmlns:a16="http://schemas.microsoft.com/office/drawing/2014/main" id="{B015EA6E-7EC1-E057-E1B1-175E4A513DAC}"/>
              </a:ext>
            </a:extLst>
          </p:cNvPr>
          <p:cNvSpPr txBox="1"/>
          <p:nvPr/>
        </p:nvSpPr>
        <p:spPr>
          <a:xfrm>
            <a:off x="89786" y="3620233"/>
            <a:ext cx="1235694" cy="646331"/>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3600" b="0" i="0" u="none" strike="noStrike" kern="1200" cap="none" spc="-150" normalizeH="0" baseline="0" noProof="0">
                <a:ln>
                  <a:noFill/>
                </a:ln>
                <a:effectLst/>
                <a:uLnTx/>
                <a:uFillTx/>
                <a:latin typeface="Georgia Pro Cond Semibold" panose="020B0604020202020204" pitchFamily="18" charset="0"/>
                <a:ea typeface="+mn-ea"/>
                <a:cs typeface="Times New Roman" panose="02020603050405020304" pitchFamily="18" charset="0"/>
              </a:rPr>
              <a:t>2007</a:t>
            </a:r>
          </a:p>
        </p:txBody>
      </p:sp>
      <p:cxnSp>
        <p:nvCxnSpPr>
          <p:cNvPr id="3221" name="Straight Connector 3220">
            <a:extLst>
              <a:ext uri="{FF2B5EF4-FFF2-40B4-BE49-F238E27FC236}">
                <a16:creationId xmlns:a16="http://schemas.microsoft.com/office/drawing/2014/main" id="{74BD4C22-3527-28A9-4A07-57816C191401}"/>
              </a:ext>
            </a:extLst>
          </p:cNvPr>
          <p:cNvCxnSpPr>
            <a:cxnSpLocks/>
          </p:cNvCxnSpPr>
          <p:nvPr/>
        </p:nvCxnSpPr>
        <p:spPr>
          <a:xfrm>
            <a:off x="181866" y="4576317"/>
            <a:ext cx="1944165" cy="0"/>
          </a:xfrm>
          <a:prstGeom prst="line">
            <a:avLst/>
          </a:prstGeom>
          <a:ln w="9525">
            <a:solidFill>
              <a:srgbClr val="00338D"/>
            </a:solidFill>
          </a:ln>
        </p:spPr>
        <p:style>
          <a:lnRef idx="1">
            <a:schemeClr val="accent1"/>
          </a:lnRef>
          <a:fillRef idx="0">
            <a:schemeClr val="accent1"/>
          </a:fillRef>
          <a:effectRef idx="0">
            <a:schemeClr val="accent1"/>
          </a:effectRef>
          <a:fontRef idx="minor">
            <a:schemeClr val="tx1"/>
          </a:fontRef>
        </p:style>
      </p:cxnSp>
      <p:sp>
        <p:nvSpPr>
          <p:cNvPr id="3222" name="TextBox 3221">
            <a:extLst>
              <a:ext uri="{FF2B5EF4-FFF2-40B4-BE49-F238E27FC236}">
                <a16:creationId xmlns:a16="http://schemas.microsoft.com/office/drawing/2014/main" id="{904791E0-24EE-E111-5615-32A1355D0DF1}"/>
              </a:ext>
            </a:extLst>
          </p:cNvPr>
          <p:cNvSpPr txBox="1"/>
          <p:nvPr/>
        </p:nvSpPr>
        <p:spPr>
          <a:xfrm>
            <a:off x="103815" y="4205062"/>
            <a:ext cx="2483283" cy="353943"/>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700" b="1" i="0" u="none" strike="noStrike" kern="1200" cap="none" spc="0" normalizeH="0" baseline="0" noProof="0">
                <a:ln>
                  <a:noFill/>
                </a:ln>
                <a:solidFill>
                  <a:srgbClr val="00A2DF"/>
                </a:solidFill>
                <a:effectLst/>
                <a:uLnTx/>
                <a:uFillTx/>
                <a:latin typeface="Georgia Pro Cond Semibold" panose="020B0604020202020204" pitchFamily="18" charset="0"/>
                <a:ea typeface="+mn-ea"/>
                <a:cs typeface="Times New Roman" panose="02020603050405020304" pitchFamily="18" charset="0"/>
              </a:rPr>
              <a:t>JOURNEY </a:t>
            </a:r>
            <a:r>
              <a:rPr kumimoji="0" lang="en-US" sz="1700" b="1" i="0" u="none" strike="noStrike" kern="1200" cap="none" spc="0" normalizeH="0" baseline="0" noProof="0">
                <a:ln>
                  <a:noFill/>
                </a:ln>
                <a:solidFill>
                  <a:srgbClr val="00A2DF"/>
                </a:solidFill>
                <a:effectLst/>
                <a:uLnTx/>
                <a:uFillTx/>
                <a:latin typeface="Georgia Pro Cond Black" panose="02040A06050405020203" pitchFamily="18" charset="0"/>
                <a:ea typeface="+mn-ea"/>
                <a:cs typeface="Times New Roman" panose="02020603050405020304" pitchFamily="18" charset="0"/>
              </a:rPr>
              <a:t>BEGINS</a:t>
            </a:r>
            <a:endParaRPr kumimoji="0" lang="en-IN" sz="1700" b="1" i="0" u="none" strike="noStrike" kern="1200" cap="none" spc="0" normalizeH="0" baseline="0" noProof="0">
              <a:ln>
                <a:noFill/>
              </a:ln>
              <a:solidFill>
                <a:srgbClr val="00A2DF"/>
              </a:solidFill>
              <a:effectLst/>
              <a:uLnTx/>
              <a:uFillTx/>
              <a:latin typeface="Georgia Pro Cond Black" panose="02040A06050405020203" pitchFamily="18" charset="0"/>
              <a:ea typeface="+mn-ea"/>
              <a:cs typeface="Times New Roman" panose="02020603050405020304" pitchFamily="18" charset="0"/>
            </a:endParaRPr>
          </a:p>
        </p:txBody>
      </p:sp>
      <p:sp>
        <p:nvSpPr>
          <p:cNvPr id="3223" name="TextBox 3222">
            <a:extLst>
              <a:ext uri="{FF2B5EF4-FFF2-40B4-BE49-F238E27FC236}">
                <a16:creationId xmlns:a16="http://schemas.microsoft.com/office/drawing/2014/main" id="{6A504245-7113-2BD7-3376-1AE3BE78FC3A}"/>
              </a:ext>
            </a:extLst>
          </p:cNvPr>
          <p:cNvSpPr txBox="1"/>
          <p:nvPr/>
        </p:nvSpPr>
        <p:spPr>
          <a:xfrm>
            <a:off x="9788160" y="1036130"/>
            <a:ext cx="1632334"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2400" b="1" i="0" u="none" strike="noStrike" kern="1200" cap="none" spc="-150" normalizeH="0" baseline="0" noProof="0">
                <a:ln>
                  <a:noFill/>
                </a:ln>
                <a:effectLst/>
                <a:uLnTx/>
                <a:uFillTx/>
                <a:latin typeface="Georgia Pro Cond Semibold" panose="020B0604020202020204" pitchFamily="18" charset="0"/>
                <a:ea typeface="+mn-ea"/>
                <a:cs typeface="Times New Roman" panose="02020603050405020304" pitchFamily="18" charset="0"/>
              </a:rPr>
              <a:t>2021 - 2023</a:t>
            </a:r>
          </a:p>
        </p:txBody>
      </p:sp>
      <p:pic>
        <p:nvPicPr>
          <p:cNvPr id="3226" name="Graphic 3225">
            <a:extLst>
              <a:ext uri="{FF2B5EF4-FFF2-40B4-BE49-F238E27FC236}">
                <a16:creationId xmlns:a16="http://schemas.microsoft.com/office/drawing/2014/main" id="{5D8B6AB3-1BBB-B0EF-C4F2-C7D11DB0066D}"/>
              </a:ext>
            </a:extLst>
          </p:cNvPr>
          <p:cNvPicPr>
            <a:picLocks noChangeAspect="1"/>
          </p:cNvPicPr>
          <p:nvPr/>
        </p:nvPicPr>
        <p:blipFill>
          <a:blip r:embed="rId13" cstate="hqprint">
            <a:extLst>
              <a:ext uri="{28A0092B-C50C-407E-A947-70E740481C1C}">
                <a14:useLocalDpi xmlns:a14="http://schemas.microsoft.com/office/drawing/2010/main" val="0"/>
              </a:ext>
              <a:ext uri="{96DAC541-7B7A-43D3-8B79-37D633B846F1}">
                <asvg:svgBlip xmlns:asvg="http://schemas.microsoft.com/office/drawing/2016/SVG/main" r:embed="rId14"/>
              </a:ext>
            </a:extLst>
          </a:blip>
          <a:stretch>
            <a:fillRect/>
          </a:stretch>
        </p:blipFill>
        <p:spPr>
          <a:xfrm rot="16200000">
            <a:off x="1356297" y="3768717"/>
            <a:ext cx="321279" cy="375984"/>
          </a:xfrm>
          <a:prstGeom prst="rect">
            <a:avLst/>
          </a:prstGeom>
        </p:spPr>
      </p:pic>
      <p:sp>
        <p:nvSpPr>
          <p:cNvPr id="3227" name="Rectangle 3226">
            <a:extLst>
              <a:ext uri="{FF2B5EF4-FFF2-40B4-BE49-F238E27FC236}">
                <a16:creationId xmlns:a16="http://schemas.microsoft.com/office/drawing/2014/main" id="{E7401A75-185F-030C-CD7B-6AB526E297C5}"/>
              </a:ext>
            </a:extLst>
          </p:cNvPr>
          <p:cNvSpPr/>
          <p:nvPr/>
        </p:nvSpPr>
        <p:spPr>
          <a:xfrm>
            <a:off x="4391486" y="3249000"/>
            <a:ext cx="82949" cy="3217903"/>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28" name="Rectangle 3227">
            <a:extLst>
              <a:ext uri="{FF2B5EF4-FFF2-40B4-BE49-F238E27FC236}">
                <a16:creationId xmlns:a16="http://schemas.microsoft.com/office/drawing/2014/main" id="{7B854D31-0193-B13C-E6B1-B32570418830}"/>
              </a:ext>
            </a:extLst>
          </p:cNvPr>
          <p:cNvSpPr/>
          <p:nvPr/>
        </p:nvSpPr>
        <p:spPr>
          <a:xfrm>
            <a:off x="7100183" y="3252982"/>
            <a:ext cx="82949" cy="3217903"/>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29" name="TextBox 3228">
            <a:extLst>
              <a:ext uri="{FF2B5EF4-FFF2-40B4-BE49-F238E27FC236}">
                <a16:creationId xmlns:a16="http://schemas.microsoft.com/office/drawing/2014/main" id="{0EC883D2-2699-BC52-41AD-7EAC2EB796E1}"/>
              </a:ext>
            </a:extLst>
          </p:cNvPr>
          <p:cNvSpPr txBox="1"/>
          <p:nvPr/>
        </p:nvSpPr>
        <p:spPr>
          <a:xfrm>
            <a:off x="9788160" y="1449726"/>
            <a:ext cx="2363992" cy="292388"/>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1" i="0" u="none" strike="noStrike" kern="1200" cap="none" spc="0" normalizeH="0" baseline="0" noProof="0">
                <a:ln>
                  <a:noFill/>
                </a:ln>
                <a:solidFill>
                  <a:srgbClr val="00A2DF"/>
                </a:solidFill>
                <a:effectLst/>
                <a:uLnTx/>
                <a:uFillTx/>
                <a:latin typeface="Georgia Pro Cond Semibold" panose="020B0604020202020204" pitchFamily="18" charset="0"/>
                <a:ea typeface="+mn-ea"/>
                <a:cs typeface="Times New Roman" panose="02020603050405020304" pitchFamily="18" charset="0"/>
              </a:rPr>
              <a:t>ONWARD AND UPWARD</a:t>
            </a:r>
            <a:endParaRPr kumimoji="0" lang="en-US" sz="1300" b="1" i="0" u="none" strike="noStrike" kern="1200" cap="none" spc="0" normalizeH="0" baseline="0" noProof="0">
              <a:ln>
                <a:noFill/>
              </a:ln>
              <a:solidFill>
                <a:srgbClr val="00A2DF"/>
              </a:solidFill>
              <a:effectLst/>
              <a:uLnTx/>
              <a:uFillTx/>
              <a:latin typeface="Georgia Pro Cond Black" panose="02040A06050405020203" pitchFamily="18" charset="0"/>
              <a:ea typeface="+mn-ea"/>
              <a:cs typeface="Times New Roman" panose="02020603050405020304" pitchFamily="18" charset="0"/>
            </a:endParaRPr>
          </a:p>
        </p:txBody>
      </p:sp>
      <p:sp>
        <p:nvSpPr>
          <p:cNvPr id="3230" name="TextBox 3229">
            <a:extLst>
              <a:ext uri="{FF2B5EF4-FFF2-40B4-BE49-F238E27FC236}">
                <a16:creationId xmlns:a16="http://schemas.microsoft.com/office/drawing/2014/main" id="{29A56C35-09C2-D043-800A-6A23E7DB0760}"/>
              </a:ext>
            </a:extLst>
          </p:cNvPr>
          <p:cNvSpPr txBox="1"/>
          <p:nvPr/>
        </p:nvSpPr>
        <p:spPr>
          <a:xfrm>
            <a:off x="2379099" y="4327247"/>
            <a:ext cx="1939550"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With </a:t>
            </a:r>
            <a:r>
              <a:rPr kumimoji="0" lang="en-US" sz="900" b="1"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30 </a:t>
            </a: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projects and a whopping growth in revenues! </a:t>
            </a:r>
          </a:p>
        </p:txBody>
      </p:sp>
      <p:sp>
        <p:nvSpPr>
          <p:cNvPr id="3231" name="TextBox 3230">
            <a:extLst>
              <a:ext uri="{FF2B5EF4-FFF2-40B4-BE49-F238E27FC236}">
                <a16:creationId xmlns:a16="http://schemas.microsoft.com/office/drawing/2014/main" id="{520F692C-12AF-63B1-7E11-27E75DA01779}"/>
              </a:ext>
            </a:extLst>
          </p:cNvPr>
          <p:cNvSpPr txBox="1"/>
          <p:nvPr/>
        </p:nvSpPr>
        <p:spPr>
          <a:xfrm>
            <a:off x="2367396" y="3787924"/>
            <a:ext cx="2483283" cy="492443"/>
          </a:xfrm>
          <a:prstGeom prst="rect">
            <a:avLst/>
          </a:prstGeom>
          <a:noFill/>
        </p:spPr>
        <p:txBody>
          <a:bodyPr wrap="square" rtlCol="0">
            <a:spAutoFit/>
          </a:body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0" i="0" u="none" strike="noStrike" kern="1200" cap="none" spc="0" normalizeH="0" baseline="0" noProof="0">
                <a:ln>
                  <a:noFill/>
                </a:ln>
                <a:solidFill>
                  <a:srgbClr val="00A2DF"/>
                </a:solidFill>
                <a:effectLst/>
                <a:uLnTx/>
                <a:uFillTx/>
                <a:latin typeface="Georgia Pro Cond Semibold" panose="020B0604020202020204" pitchFamily="18" charset="0"/>
                <a:ea typeface="+mn-ea"/>
                <a:cs typeface="Times New Roman" panose="02020603050405020304" pitchFamily="18" charset="0"/>
              </a:rPr>
              <a:t>BUILDING A </a:t>
            </a:r>
            <a:r>
              <a:rPr kumimoji="0" lang="en-US" sz="1300" b="1" i="0" u="none" strike="noStrike" kern="1200" cap="none" spc="0" normalizeH="0" baseline="0" noProof="0">
                <a:ln>
                  <a:noFill/>
                </a:ln>
                <a:solidFill>
                  <a:srgbClr val="00A2DF"/>
                </a:solidFill>
                <a:effectLst/>
                <a:uLnTx/>
                <a:uFillTx/>
                <a:latin typeface="Georgia Pro Cond Black" panose="02040A06050405020203" pitchFamily="18" charset="0"/>
                <a:ea typeface="+mn-ea"/>
                <a:cs typeface="Times New Roman" panose="02020603050405020304" pitchFamily="18" charset="0"/>
              </a:rPr>
              <a:t>SOLID GROUND</a:t>
            </a:r>
          </a:p>
        </p:txBody>
      </p:sp>
      <p:sp>
        <p:nvSpPr>
          <p:cNvPr id="3232" name="TextBox 3231">
            <a:extLst>
              <a:ext uri="{FF2B5EF4-FFF2-40B4-BE49-F238E27FC236}">
                <a16:creationId xmlns:a16="http://schemas.microsoft.com/office/drawing/2014/main" id="{535E06DE-3C24-A9D1-8EA8-C1C3643B04E4}"/>
              </a:ext>
            </a:extLst>
          </p:cNvPr>
          <p:cNvSpPr txBox="1"/>
          <p:nvPr/>
        </p:nvSpPr>
        <p:spPr>
          <a:xfrm>
            <a:off x="4542907" y="3787924"/>
            <a:ext cx="2218142" cy="292388"/>
          </a:xfrm>
          <a:prstGeom prst="rect">
            <a:avLst/>
          </a:prstGeom>
          <a:noFill/>
        </p:spPr>
        <p:txBody>
          <a:bodyPr wrap="square" rtlCol="0">
            <a:spAutoFit/>
          </a:bodyPr>
          <a:lstStyle>
            <a:defPPr>
              <a:defRPr lang="en-US"/>
            </a:defPPr>
            <a:lvl1pPr>
              <a:spcBef>
                <a:spcPts val="600"/>
              </a:spcBef>
              <a:defRPr sz="1500">
                <a:solidFill>
                  <a:schemeClr val="accent2"/>
                </a:solidFill>
                <a:latin typeface="Georgia Pro Cond Semibold" panose="020B0604020202020204" pitchFamily="18" charset="0"/>
                <a:cs typeface="Times New Roman" panose="02020603050405020304" pitchFamily="18" charset="0"/>
              </a:defRPr>
            </a:lvl1p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1" i="0" u="none" strike="noStrike" kern="1200" cap="none" spc="0" normalizeH="0" baseline="0" noProof="0">
                <a:ln>
                  <a:noFill/>
                </a:ln>
                <a:solidFill>
                  <a:srgbClr val="00A2DF"/>
                </a:solidFill>
                <a:effectLst/>
                <a:uLnTx/>
                <a:uFillTx/>
                <a:latin typeface="Georgia Pro Cond Black" panose="02040A06050405020203" pitchFamily="18" charset="0"/>
                <a:ea typeface="+mn-ea"/>
                <a:cs typeface="Times New Roman" panose="02020603050405020304" pitchFamily="18" charset="0"/>
              </a:rPr>
              <a:t>EXPANDING</a:t>
            </a:r>
            <a:r>
              <a:rPr kumimoji="0" lang="en-US" sz="1300" b="0" i="0" u="none" strike="noStrike" kern="1200" cap="none" spc="0" normalizeH="0" baseline="0" noProof="0">
                <a:ln>
                  <a:noFill/>
                </a:ln>
                <a:solidFill>
                  <a:srgbClr val="00A2DF"/>
                </a:solidFill>
                <a:effectLst/>
                <a:uLnTx/>
                <a:uFillTx/>
                <a:latin typeface="Georgia Pro Cond Semibold" panose="020B0604020202020204" pitchFamily="18" charset="0"/>
                <a:ea typeface="+mn-ea"/>
                <a:cs typeface="Times New Roman" panose="02020603050405020304" pitchFamily="18" charset="0"/>
              </a:rPr>
              <a:t> OUR REACH</a:t>
            </a:r>
          </a:p>
        </p:txBody>
      </p:sp>
      <p:sp>
        <p:nvSpPr>
          <p:cNvPr id="3233" name="TextBox 3232">
            <a:extLst>
              <a:ext uri="{FF2B5EF4-FFF2-40B4-BE49-F238E27FC236}">
                <a16:creationId xmlns:a16="http://schemas.microsoft.com/office/drawing/2014/main" id="{BB246258-1739-4FCF-B40B-CBFDF8D28714}"/>
              </a:ext>
            </a:extLst>
          </p:cNvPr>
          <p:cNvSpPr txBox="1"/>
          <p:nvPr/>
        </p:nvSpPr>
        <p:spPr>
          <a:xfrm>
            <a:off x="4581707" y="4076785"/>
            <a:ext cx="2605132" cy="1454244"/>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Services to: </a:t>
            </a:r>
          </a:p>
          <a:p>
            <a:pPr marL="171450" marR="0" lvl="0" indent="-171450" algn="l" defTabSz="914400" rtl="0" eaLnBrk="1" fontAlgn="auto" latinLnBrk="0" hangingPunct="1">
              <a:lnSpc>
                <a:spcPct val="100000"/>
              </a:lnSpc>
              <a:spcAft>
                <a:spcPts val="30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Business Support (global SAP implementation),  Consulting group, Global wing (Canada), Audit group, Global Tax (Canada)</a:t>
            </a:r>
          </a:p>
          <a:p>
            <a:pPr marL="171450" marR="0" lvl="0" indent="-171450" algn="l" defTabSz="914400" rtl="0" eaLnBrk="1" fontAlgn="auto" latinLnBrk="0" hangingPunct="1">
              <a:lnSpc>
                <a:spcPct val="100000"/>
              </a:lnSpc>
              <a:spcAft>
                <a:spcPts val="30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Training content for large transformational initiative, SYNC</a:t>
            </a:r>
          </a:p>
          <a:p>
            <a:pPr marL="171450" marR="0" lvl="0" indent="-171450" algn="l" defTabSz="914400" rtl="0" eaLnBrk="1" fontAlgn="auto" latinLnBrk="0" hangingPunct="1">
              <a:lnSpc>
                <a:spcPct val="100000"/>
              </a:lnSpc>
              <a:spcAft>
                <a:spcPts val="30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Two global apps for the Canada group</a:t>
            </a:r>
          </a:p>
          <a:p>
            <a:pPr marL="171450" marR="0" lvl="0" indent="-171450" algn="l" defTabSz="914400" rtl="0" eaLnBrk="1" fontAlgn="auto" latinLnBrk="0" hangingPunct="1">
              <a:lnSpc>
                <a:spcPct val="100000"/>
              </a:lnSpc>
              <a:spcAft>
                <a:spcPts val="300"/>
              </a:spcAft>
              <a:buClrTx/>
              <a:buSzTx/>
              <a:buFont typeface="Arial" panose="020B0604020202020204" pitchFamily="34" charset="0"/>
              <a:buChar char="•"/>
              <a:tabLst/>
              <a:defRPr/>
            </a:pPr>
            <a:r>
              <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First project with UK entity</a:t>
            </a:r>
          </a:p>
        </p:txBody>
      </p:sp>
      <p:sp>
        <p:nvSpPr>
          <p:cNvPr id="3234" name="TextBox 3233">
            <a:extLst>
              <a:ext uri="{FF2B5EF4-FFF2-40B4-BE49-F238E27FC236}">
                <a16:creationId xmlns:a16="http://schemas.microsoft.com/office/drawing/2014/main" id="{2190668F-9649-75BC-D83A-FA0095E5BB74}"/>
              </a:ext>
            </a:extLst>
          </p:cNvPr>
          <p:cNvSpPr txBox="1"/>
          <p:nvPr/>
        </p:nvSpPr>
        <p:spPr>
          <a:xfrm>
            <a:off x="9768509" y="1785396"/>
            <a:ext cx="2370786" cy="1430745"/>
          </a:xfrm>
          <a:prstGeom prst="rect">
            <a:avLst/>
          </a:prstGeom>
          <a:noFill/>
        </p:spPr>
        <p:txBody>
          <a:bodyPr wrap="square" numCol="1" spcCol="252000" rtlCol="0">
            <a:noAutofit/>
          </a:bodyPr>
          <a:lstStyle/>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lang="en-US" sz="900">
                <a:solidFill>
                  <a:prstClr val="black"/>
                </a:solidFill>
                <a:latin typeface="Roboto Light" panose="02000000000000000000" pitchFamily="2" charset="0"/>
                <a:ea typeface="Roboto Light" panose="02000000000000000000" pitchFamily="2" charset="0"/>
                <a:cs typeface="Roboto Light" panose="02000000000000000000" pitchFamily="2" charset="0"/>
              </a:rPr>
              <a:t>Start of a dedicated team for Audit practice (US) </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lang="en-US" sz="900">
                <a:solidFill>
                  <a:prstClr val="black"/>
                </a:solidFill>
                <a:latin typeface="Roboto Light" panose="02000000000000000000" pitchFamily="2" charset="0"/>
                <a:ea typeface="Roboto Light" panose="02000000000000000000" pitchFamily="2" charset="0"/>
                <a:cs typeface="Roboto Light" panose="02000000000000000000" pitchFamily="2" charset="0"/>
              </a:rPr>
              <a:t>Partnership with Organization Change Management (OCM) </a:t>
            </a:r>
          </a:p>
        </p:txBody>
      </p:sp>
      <p:sp>
        <p:nvSpPr>
          <p:cNvPr id="3235" name="Rectangle 3234">
            <a:extLst>
              <a:ext uri="{FF2B5EF4-FFF2-40B4-BE49-F238E27FC236}">
                <a16:creationId xmlns:a16="http://schemas.microsoft.com/office/drawing/2014/main" id="{EB7E03DF-CD5B-DCB3-2CE1-75FC9984D39B}"/>
              </a:ext>
            </a:extLst>
          </p:cNvPr>
          <p:cNvSpPr/>
          <p:nvPr/>
        </p:nvSpPr>
        <p:spPr>
          <a:xfrm>
            <a:off x="2333864" y="3127546"/>
            <a:ext cx="6626310" cy="114213"/>
          </a:xfrm>
          <a:prstGeom prst="rect">
            <a:avLst/>
          </a:prstGeom>
          <a:pattFill prst="ltVert">
            <a:fgClr>
              <a:schemeClr val="accent1"/>
            </a:fgClr>
            <a:bgClr>
              <a:schemeClr val="bg1"/>
            </a:bgClr>
          </a:pattFill>
          <a:ln>
            <a:solidFill>
              <a:srgbClr val="01388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36" name="Rectangle 3235">
            <a:extLst>
              <a:ext uri="{FF2B5EF4-FFF2-40B4-BE49-F238E27FC236}">
                <a16:creationId xmlns:a16="http://schemas.microsoft.com/office/drawing/2014/main" id="{FD497C66-F373-7636-8372-A94F7055ED4D}"/>
              </a:ext>
            </a:extLst>
          </p:cNvPr>
          <p:cNvSpPr/>
          <p:nvPr/>
        </p:nvSpPr>
        <p:spPr>
          <a:xfrm rot="5400000">
            <a:off x="8908510" y="1872253"/>
            <a:ext cx="1324268" cy="115287"/>
          </a:xfrm>
          <a:prstGeom prst="rect">
            <a:avLst/>
          </a:prstGeom>
          <a:pattFill prst="ltHorz">
            <a:fgClr>
              <a:schemeClr val="accent1"/>
            </a:fgClr>
            <a:bgClr>
              <a:schemeClr val="bg1"/>
            </a:bgClr>
          </a:pattFill>
          <a:ln>
            <a:solidFill>
              <a:srgbClr val="01388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37" name="Block Arc 3236">
            <a:extLst>
              <a:ext uri="{FF2B5EF4-FFF2-40B4-BE49-F238E27FC236}">
                <a16:creationId xmlns:a16="http://schemas.microsoft.com/office/drawing/2014/main" id="{FE1489D3-0118-BB32-BBC9-2344A34028E8}"/>
              </a:ext>
            </a:extLst>
          </p:cNvPr>
          <p:cNvSpPr/>
          <p:nvPr/>
        </p:nvSpPr>
        <p:spPr>
          <a:xfrm rot="5645695">
            <a:off x="9517423" y="789112"/>
            <a:ext cx="947186" cy="947186"/>
          </a:xfrm>
          <a:prstGeom prst="blockArc">
            <a:avLst>
              <a:gd name="adj1" fmla="val 5123075"/>
              <a:gd name="adj2" fmla="val 10706836"/>
              <a:gd name="adj3" fmla="val 11552"/>
            </a:avLst>
          </a:prstGeom>
          <a:solidFill>
            <a:srgbClr val="016FD0"/>
          </a:solidFill>
          <a:ln>
            <a:solidFill>
              <a:srgbClr val="01388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238" name="Rectangle 3237">
            <a:extLst>
              <a:ext uri="{FF2B5EF4-FFF2-40B4-BE49-F238E27FC236}">
                <a16:creationId xmlns:a16="http://schemas.microsoft.com/office/drawing/2014/main" id="{BE435DED-C2CE-CBD0-E0D1-C8C981C1DD16}"/>
              </a:ext>
            </a:extLst>
          </p:cNvPr>
          <p:cNvSpPr/>
          <p:nvPr/>
        </p:nvSpPr>
        <p:spPr>
          <a:xfrm>
            <a:off x="9984803" y="788879"/>
            <a:ext cx="2202760" cy="108654"/>
          </a:xfrm>
          <a:prstGeom prst="rect">
            <a:avLst/>
          </a:prstGeom>
          <a:pattFill prst="ltVert">
            <a:fgClr>
              <a:schemeClr val="accent1"/>
            </a:fgClr>
            <a:bgClr>
              <a:schemeClr val="bg1"/>
            </a:bgClr>
          </a:pattFill>
          <a:ln>
            <a:solidFill>
              <a:srgbClr val="01388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324" name="TextBox 3323">
            <a:extLst>
              <a:ext uri="{FF2B5EF4-FFF2-40B4-BE49-F238E27FC236}">
                <a16:creationId xmlns:a16="http://schemas.microsoft.com/office/drawing/2014/main" id="{17671D4B-9CD6-979F-AC2C-26BDB49D2B77}"/>
              </a:ext>
            </a:extLst>
          </p:cNvPr>
          <p:cNvSpPr txBox="1"/>
          <p:nvPr/>
        </p:nvSpPr>
        <p:spPr>
          <a:xfrm>
            <a:off x="2508362" y="5092350"/>
            <a:ext cx="1763206" cy="1277273"/>
          </a:xfrm>
          <a:prstGeom prst="rect">
            <a:avLst/>
          </a:prstGeom>
          <a:solidFill>
            <a:schemeClr val="bg1"/>
          </a:solidFill>
          <a:ln>
            <a:noFill/>
            <a:prstDash val="dash"/>
          </a:ln>
          <a:effectLst>
            <a:outerShdw blurRad="114300" sx="102000" sy="102000" algn="ctr" rotWithShape="0">
              <a:prstClr val="black">
                <a:alpha val="20000"/>
              </a:prstClr>
            </a:outerShdw>
          </a:effectLst>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a:ln>
                  <a:noFill/>
                </a:ln>
                <a:solidFill>
                  <a:srgbClr val="002060"/>
                </a:solidFill>
                <a:effectLst/>
                <a:uLnTx/>
                <a:uFillTx/>
                <a:latin typeface="Calibri" panose="020F0502020204030204"/>
                <a:ea typeface="+mn-ea"/>
                <a:cs typeface="+mn-cs"/>
              </a:rPr>
              <a:t>Designed IFRS curriculum, using photo realistic characters and learning pathways</a:t>
            </a:r>
            <a:br>
              <a:rPr kumimoji="0" lang="en-US" sz="1100" b="0" i="0" u="none" strike="noStrike" kern="1200" cap="none" spc="0" normalizeH="0" baseline="0" noProof="0">
                <a:ln>
                  <a:noFill/>
                </a:ln>
                <a:solidFill>
                  <a:srgbClr val="002060"/>
                </a:solidFill>
                <a:effectLst/>
                <a:uLnTx/>
                <a:uFillTx/>
                <a:latin typeface="Calibri" panose="020F0502020204030204"/>
                <a:ea typeface="+mn-ea"/>
                <a:cs typeface="+mn-cs"/>
              </a:rPr>
            </a:br>
            <a:br>
              <a:rPr kumimoji="0" lang="en-US" sz="1100" b="0" i="0" u="none" strike="noStrike" kern="1200" cap="none" spc="0" normalizeH="0" baseline="0" noProof="0">
                <a:ln>
                  <a:noFill/>
                </a:ln>
                <a:solidFill>
                  <a:srgbClr val="002060"/>
                </a:solidFill>
                <a:effectLst/>
                <a:uLnTx/>
                <a:uFillTx/>
                <a:latin typeface="Calibri" panose="020F0502020204030204"/>
                <a:ea typeface="+mn-ea"/>
                <a:cs typeface="+mn-cs"/>
              </a:rPr>
            </a:br>
            <a:r>
              <a:rPr kumimoji="0" lang="en-US" sz="1100" b="0" i="0" u="none" strike="noStrike" kern="1200" cap="none" spc="0" normalizeH="0" baseline="0" noProof="0">
                <a:ln>
                  <a:noFill/>
                </a:ln>
                <a:solidFill>
                  <a:srgbClr val="002060"/>
                </a:solidFill>
                <a:effectLst/>
                <a:uLnTx/>
                <a:uFillTx/>
                <a:latin typeface="Calibri" panose="020F0502020204030204"/>
                <a:ea typeface="+mn-ea"/>
                <a:cs typeface="+mn-cs"/>
              </a:rPr>
              <a:t>Reported savings worth more than </a:t>
            </a:r>
            <a:r>
              <a:rPr kumimoji="0" lang="en-US" sz="1100" b="1" i="0" u="none" strike="noStrike" kern="1200" cap="none" spc="0" normalizeH="0" baseline="0" noProof="0">
                <a:ln>
                  <a:noFill/>
                </a:ln>
                <a:solidFill>
                  <a:srgbClr val="002060"/>
                </a:solidFill>
                <a:effectLst/>
                <a:uLnTx/>
                <a:uFillTx/>
                <a:latin typeface="Calibri" panose="020F0502020204030204"/>
                <a:ea typeface="+mn-ea"/>
                <a:cs typeface="+mn-cs"/>
              </a:rPr>
              <a:t>1 million</a:t>
            </a:r>
            <a:r>
              <a:rPr kumimoji="0" lang="en-US" sz="1100" b="0" i="0" u="none" strike="noStrike" kern="1200" cap="none" spc="0" normalizeH="0" baseline="0" noProof="0">
                <a:ln>
                  <a:noFill/>
                </a:ln>
                <a:solidFill>
                  <a:srgbClr val="002060"/>
                </a:solidFill>
                <a:effectLst/>
                <a:uLnTx/>
                <a:uFillTx/>
                <a:latin typeface="Calibri" panose="020F0502020204030204"/>
                <a:ea typeface="+mn-ea"/>
                <a:cs typeface="+mn-cs"/>
              </a:rPr>
              <a:t>!</a:t>
            </a:r>
          </a:p>
        </p:txBody>
      </p:sp>
      <p:sp>
        <p:nvSpPr>
          <p:cNvPr id="3325" name="TextBox 3324">
            <a:extLst>
              <a:ext uri="{FF2B5EF4-FFF2-40B4-BE49-F238E27FC236}">
                <a16:creationId xmlns:a16="http://schemas.microsoft.com/office/drawing/2014/main" id="{39ED6EC2-E423-CA48-C461-84033A0A87AB}"/>
              </a:ext>
            </a:extLst>
          </p:cNvPr>
          <p:cNvSpPr txBox="1"/>
          <p:nvPr/>
        </p:nvSpPr>
        <p:spPr>
          <a:xfrm>
            <a:off x="3727820" y="1789376"/>
            <a:ext cx="5447173" cy="861445"/>
          </a:xfrm>
          <a:prstGeom prst="rect">
            <a:avLst/>
          </a:prstGeom>
          <a:noFill/>
        </p:spPr>
        <p:txBody>
          <a:bodyPr wrap="square" numCol="3" spcCol="180000">
            <a:noAutofit/>
          </a:bodyPr>
          <a:lstStyle/>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srgbClr val="00338D"/>
                </a:solidFill>
                <a:effectLst/>
                <a:uLnTx/>
                <a:uFillTx/>
                <a:latin typeface="Calibri" panose="020F0502020204030204"/>
                <a:ea typeface="+mn-ea"/>
                <a:cs typeface="+mn-cs"/>
              </a:rPr>
              <a:t>Best Advance In Competencies And Skill Development</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srgbClr val="00338D"/>
                </a:solidFill>
                <a:effectLst/>
                <a:uLnTx/>
                <a:uFillTx/>
                <a:latin typeface="Calibri" panose="020F0502020204030204"/>
                <a:ea typeface="+mn-ea"/>
                <a:cs typeface="+mn-cs"/>
              </a:rPr>
              <a:t>Best Use Of Performance Support</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IN" sz="1050" b="0" i="0" u="none" strike="noStrike" kern="1200" cap="none" spc="0" normalizeH="0" baseline="0" noProof="0">
                <a:ln>
                  <a:noFill/>
                </a:ln>
                <a:solidFill>
                  <a:srgbClr val="00338D"/>
                </a:solidFill>
                <a:effectLst/>
                <a:uLnTx/>
                <a:uFillTx/>
                <a:latin typeface="Calibri" panose="020F0502020204030204"/>
                <a:ea typeface="+mn-ea"/>
                <a:cs typeface="+mn-cs"/>
              </a:rPr>
              <a:t>Best Custom Content</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endParaRPr kumimoji="0" lang="en-IN" sz="1050" b="0" i="0" u="none" strike="noStrike" kern="1200" cap="none" spc="0" normalizeH="0" baseline="0" noProof="0">
              <a:ln>
                <a:noFill/>
              </a:ln>
              <a:solidFill>
                <a:srgbClr val="00338D"/>
              </a:solidFill>
              <a:effectLst/>
              <a:uLnTx/>
              <a:uFillTx/>
              <a:latin typeface="Calibri" panose="020F0502020204030204"/>
              <a:ea typeface="+mn-ea"/>
              <a:cs typeface="+mn-cs"/>
            </a:endParaRP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srgbClr val="00338D"/>
                </a:solidFill>
                <a:effectLst/>
                <a:uLnTx/>
                <a:uFillTx/>
                <a:latin typeface="Calibri" panose="020F0502020204030204"/>
                <a:ea typeface="+mn-ea"/>
                <a:cs typeface="+mn-cs"/>
              </a:rPr>
              <a:t>Best Competencies And Skill Development</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srgbClr val="00338D"/>
                </a:solidFill>
                <a:effectLst/>
                <a:uLnTx/>
                <a:uFillTx/>
                <a:latin typeface="Calibri" panose="020F0502020204030204"/>
                <a:ea typeface="+mn-ea"/>
                <a:cs typeface="+mn-cs"/>
              </a:rPr>
              <a:t>Best Use Of Blended Learning</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srgbClr val="00338D"/>
                </a:solidFill>
                <a:effectLst/>
                <a:uLnTx/>
                <a:uFillTx/>
                <a:latin typeface="Calibri" panose="020F0502020204030204"/>
                <a:ea typeface="+mn-ea"/>
                <a:cs typeface="+mn-cs"/>
              </a:rPr>
              <a:t>Best Use Of Games For Learning</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endParaRPr kumimoji="0" lang="en-US" sz="1050" b="0" i="0" u="none" strike="noStrike" kern="1200" cap="none" spc="0" normalizeH="0" baseline="0" noProof="0">
              <a:ln>
                <a:noFill/>
              </a:ln>
              <a:solidFill>
                <a:srgbClr val="00338D"/>
              </a:solidFill>
              <a:effectLst/>
              <a:uLnTx/>
              <a:uFillTx/>
              <a:latin typeface="Calibri" panose="020F0502020204030204"/>
              <a:ea typeface="+mn-ea"/>
              <a:cs typeface="+mn-cs"/>
            </a:endParaRP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US" sz="1050" b="0" i="0" u="none" strike="noStrike" kern="1200" cap="none" spc="0" normalizeH="0" baseline="0" noProof="0">
                <a:ln>
                  <a:noFill/>
                </a:ln>
                <a:solidFill>
                  <a:srgbClr val="00338D"/>
                </a:solidFill>
                <a:effectLst/>
                <a:uLnTx/>
                <a:uFillTx/>
                <a:latin typeface="Calibri" panose="020F0502020204030204"/>
                <a:ea typeface="+mn-ea"/>
                <a:cs typeface="+mn-cs"/>
              </a:rPr>
              <a:t>Best Use Of Mobile Learning</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IN" sz="1050" b="0" i="0" u="none" strike="noStrike" kern="1200" cap="none" spc="0" normalizeH="0" baseline="0" noProof="0">
                <a:ln>
                  <a:noFill/>
                </a:ln>
                <a:solidFill>
                  <a:srgbClr val="00338D"/>
                </a:solidFill>
                <a:effectLst/>
                <a:uLnTx/>
                <a:uFillTx/>
                <a:latin typeface="Calibri" panose="020F0502020204030204"/>
                <a:ea typeface="+mn-ea"/>
                <a:cs typeface="+mn-cs"/>
              </a:rPr>
              <a:t>Best Custom Content</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IN" sz="1050" b="0" i="0" u="none" strike="noStrike" kern="1200" cap="none" spc="0" normalizeH="0" baseline="0" noProof="0">
                <a:ln>
                  <a:noFill/>
                </a:ln>
                <a:solidFill>
                  <a:srgbClr val="00338D"/>
                </a:solidFill>
                <a:effectLst/>
                <a:uLnTx/>
                <a:uFillTx/>
                <a:latin typeface="Calibri" panose="020F0502020204030204"/>
                <a:ea typeface="+mn-ea"/>
                <a:cs typeface="+mn-cs"/>
              </a:rPr>
              <a:t>Best Custom Content</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IN" sz="1050" b="0" i="0" u="none" strike="noStrike" kern="1200" cap="none" spc="0" normalizeH="0" baseline="0" noProof="0">
                <a:ln>
                  <a:noFill/>
                </a:ln>
                <a:solidFill>
                  <a:srgbClr val="00338D"/>
                </a:solidFill>
                <a:effectLst/>
                <a:uLnTx/>
                <a:uFillTx/>
                <a:latin typeface="Calibri" panose="020F0502020204030204"/>
                <a:ea typeface="+mn-ea"/>
                <a:cs typeface="+mn-cs"/>
              </a:rPr>
              <a:t>Best Learning Team</a:t>
            </a: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r>
              <a:rPr kumimoji="0" lang="en-IN" sz="1050" b="0" i="0" u="none" strike="noStrike" kern="1200" cap="none" spc="0" normalizeH="0" baseline="0" noProof="0">
                <a:ln>
                  <a:noFill/>
                </a:ln>
                <a:solidFill>
                  <a:srgbClr val="00338D"/>
                </a:solidFill>
                <a:effectLst/>
                <a:uLnTx/>
                <a:uFillTx/>
                <a:latin typeface="Calibri" panose="020F0502020204030204"/>
                <a:ea typeface="+mn-ea"/>
                <a:cs typeface="+mn-cs"/>
              </a:rPr>
              <a:t>Best Learning Game</a:t>
            </a:r>
            <a:endParaRPr kumimoji="0" lang="en-US" sz="1050" b="0" i="0" u="none" strike="noStrike" kern="1200" cap="none" spc="0" normalizeH="0" baseline="0" noProof="0">
              <a:ln>
                <a:noFill/>
              </a:ln>
              <a:solidFill>
                <a:srgbClr val="00338D"/>
              </a:solidFill>
              <a:effectLst/>
              <a:uLnTx/>
              <a:uFillTx/>
              <a:latin typeface="Calibri" panose="020F0502020204030204"/>
              <a:ea typeface="+mn-ea"/>
              <a:cs typeface="+mn-cs"/>
            </a:endParaRPr>
          </a:p>
          <a:p>
            <a:pPr marL="92075" marR="0" lvl="0" indent="-92075" algn="l" defTabSz="914400" rtl="0" eaLnBrk="1" fontAlgn="base" latinLnBrk="0" hangingPunct="1">
              <a:lnSpc>
                <a:spcPct val="100000"/>
              </a:lnSpc>
              <a:spcBef>
                <a:spcPts val="0"/>
              </a:spcBef>
              <a:spcAft>
                <a:spcPts val="0"/>
              </a:spcAft>
              <a:buClrTx/>
              <a:buSzTx/>
              <a:buFont typeface="Arial" panose="020B0604020202020204" pitchFamily="34" charset="0"/>
              <a:buChar char="•"/>
              <a:tabLst/>
              <a:defRPr/>
            </a:pPr>
            <a:endParaRPr kumimoji="0" lang="en-US" sz="1200" b="0" i="0" u="none" strike="noStrike" kern="1200" cap="none" spc="0" normalizeH="0" baseline="0" noProof="0">
              <a:ln>
                <a:noFill/>
              </a:ln>
              <a:solidFill>
                <a:srgbClr val="00338D"/>
              </a:solidFill>
              <a:effectLst/>
              <a:uLnTx/>
              <a:uFillTx/>
              <a:latin typeface="Calibri" panose="020F0502020204030204"/>
              <a:ea typeface="+mn-ea"/>
              <a:cs typeface="+mn-cs"/>
            </a:endParaRPr>
          </a:p>
        </p:txBody>
      </p:sp>
      <p:sp>
        <p:nvSpPr>
          <p:cNvPr id="3327" name="TextBox 3326">
            <a:extLst>
              <a:ext uri="{FF2B5EF4-FFF2-40B4-BE49-F238E27FC236}">
                <a16:creationId xmlns:a16="http://schemas.microsoft.com/office/drawing/2014/main" id="{A7A0CC6F-24D7-75C4-FAAA-B0D4ECD261E2}"/>
              </a:ext>
            </a:extLst>
          </p:cNvPr>
          <p:cNvSpPr txBox="1"/>
          <p:nvPr/>
        </p:nvSpPr>
        <p:spPr>
          <a:xfrm>
            <a:off x="112250" y="1214430"/>
            <a:ext cx="3159322" cy="1169551"/>
          </a:xfrm>
          <a:prstGeom prst="rect">
            <a:avLst/>
          </a:prstGeom>
          <a:noFill/>
        </p:spPr>
        <p:txBody>
          <a:bodyPr wrap="square">
            <a:spAutoFit/>
          </a:bodyPr>
          <a:lstStyle/>
          <a:p>
            <a:pPr marL="285750" marR="0" lvl="0" indent="-285750" algn="l" defTabSz="914400" rtl="0" eaLnBrk="1" fontAlgn="auto" latinLnBrk="0" hangingPunct="1">
              <a:lnSpc>
                <a:spcPct val="100000"/>
              </a:lnSpc>
              <a:spcBef>
                <a:spcPts val="300"/>
              </a:spcBef>
              <a:spcAft>
                <a:spcPts val="0"/>
              </a:spcAft>
              <a:buClrTx/>
              <a:buSzTx/>
              <a:buFont typeface="Arial" panose="020B0604020202020204" pitchFamily="34" charset="0"/>
              <a:buChar char="•"/>
              <a:tabLst/>
              <a:defRPr/>
            </a:pPr>
            <a:r>
              <a:rPr kumimoji="0" lang="en-US" sz="1300" b="0"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Strategic partnership with Canada, US, UK, India</a:t>
            </a:r>
          </a:p>
          <a:p>
            <a:pPr marL="285750" marR="0" lvl="0" indent="-285750" algn="l" defTabSz="914400" rtl="0" eaLnBrk="1" fontAlgn="auto" latinLnBrk="0" hangingPunct="1">
              <a:lnSpc>
                <a:spcPct val="100000"/>
              </a:lnSpc>
              <a:spcBef>
                <a:spcPts val="300"/>
              </a:spcBef>
              <a:spcAft>
                <a:spcPts val="0"/>
              </a:spcAft>
              <a:buClrTx/>
              <a:buSzTx/>
              <a:buFont typeface="Arial" panose="020B0604020202020204" pitchFamily="34" charset="0"/>
              <a:buChar char="•"/>
              <a:tabLst/>
              <a:defRPr/>
            </a:pPr>
            <a:r>
              <a:rPr kumimoji="0" lang="en-US" sz="1300" b="0"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Supporting workforce transformation</a:t>
            </a:r>
          </a:p>
          <a:p>
            <a:pPr marL="285750" marR="0" lvl="0" indent="-285750" algn="l" defTabSz="914400" rtl="0" eaLnBrk="1" fontAlgn="auto" latinLnBrk="0" hangingPunct="1">
              <a:lnSpc>
                <a:spcPct val="100000"/>
              </a:lnSpc>
              <a:spcBef>
                <a:spcPts val="300"/>
              </a:spcBef>
              <a:spcAft>
                <a:spcPts val="0"/>
              </a:spcAft>
              <a:buClrTx/>
              <a:buSzTx/>
              <a:buFont typeface="Arial" panose="020B0604020202020204" pitchFamily="34" charset="0"/>
              <a:buChar char="•"/>
              <a:tabLst/>
              <a:defRPr/>
            </a:pPr>
            <a:r>
              <a:rPr kumimoji="0" lang="en-US" sz="1300" b="0"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Architect for innovative learning solutions</a:t>
            </a:r>
          </a:p>
        </p:txBody>
      </p:sp>
      <p:sp>
        <p:nvSpPr>
          <p:cNvPr id="3396" name="Moon 3395">
            <a:extLst>
              <a:ext uri="{FF2B5EF4-FFF2-40B4-BE49-F238E27FC236}">
                <a16:creationId xmlns:a16="http://schemas.microsoft.com/office/drawing/2014/main" id="{5337C92E-BA71-C523-8701-C7A8BDF0A2A2}"/>
              </a:ext>
            </a:extLst>
          </p:cNvPr>
          <p:cNvSpPr/>
          <p:nvPr/>
        </p:nvSpPr>
        <p:spPr>
          <a:xfrm rot="3193141">
            <a:off x="2624026" y="6495637"/>
            <a:ext cx="234728" cy="345710"/>
          </a:xfrm>
          <a:prstGeom prst="moon">
            <a:avLst>
              <a:gd name="adj" fmla="val 74324"/>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397" name="Moon 3396">
            <a:extLst>
              <a:ext uri="{FF2B5EF4-FFF2-40B4-BE49-F238E27FC236}">
                <a16:creationId xmlns:a16="http://schemas.microsoft.com/office/drawing/2014/main" id="{0F3E09B3-AFB1-0561-8A74-AE71B769FF31}"/>
              </a:ext>
            </a:extLst>
          </p:cNvPr>
          <p:cNvSpPr/>
          <p:nvPr/>
        </p:nvSpPr>
        <p:spPr>
          <a:xfrm rot="3026178">
            <a:off x="9479607" y="2690512"/>
            <a:ext cx="433035" cy="762917"/>
          </a:xfrm>
          <a:prstGeom prst="moon">
            <a:avLst>
              <a:gd name="adj" fmla="val 57985"/>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398" name="Block Arc 3397">
            <a:extLst>
              <a:ext uri="{FF2B5EF4-FFF2-40B4-BE49-F238E27FC236}">
                <a16:creationId xmlns:a16="http://schemas.microsoft.com/office/drawing/2014/main" id="{764E171E-7A67-6904-1334-E8731D7A53E8}"/>
              </a:ext>
            </a:extLst>
          </p:cNvPr>
          <p:cNvSpPr/>
          <p:nvPr/>
        </p:nvSpPr>
        <p:spPr>
          <a:xfrm rot="5645695">
            <a:off x="8324324" y="1943977"/>
            <a:ext cx="1300074" cy="1300074"/>
          </a:xfrm>
          <a:prstGeom prst="blockArc">
            <a:avLst>
              <a:gd name="adj1" fmla="val 15980918"/>
              <a:gd name="adj2" fmla="val 21540562"/>
              <a:gd name="adj3" fmla="val 8487"/>
            </a:avLst>
          </a:prstGeom>
          <a:solidFill>
            <a:srgbClr val="016FD0"/>
          </a:solidFill>
          <a:ln>
            <a:solidFill>
              <a:srgbClr val="01388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402" name="TextBox 3401">
            <a:extLst>
              <a:ext uri="{FF2B5EF4-FFF2-40B4-BE49-F238E27FC236}">
                <a16:creationId xmlns:a16="http://schemas.microsoft.com/office/drawing/2014/main" id="{500FEA82-C049-3A9D-D82F-E6CC3E635A3D}"/>
              </a:ext>
            </a:extLst>
          </p:cNvPr>
          <p:cNvSpPr txBox="1"/>
          <p:nvPr/>
        </p:nvSpPr>
        <p:spPr>
          <a:xfrm>
            <a:off x="1207850" y="5890217"/>
            <a:ext cx="1091448" cy="738664"/>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2000" b="1" spc="-150">
                <a:solidFill>
                  <a:srgbClr val="013888"/>
                </a:solidFill>
                <a:latin typeface="Roboto" panose="02000000000000000000" pitchFamily="2" charset="0"/>
                <a:ea typeface="Roboto" panose="02000000000000000000" pitchFamily="2" charset="0"/>
                <a:cs typeface="Roboto" panose="02000000000000000000" pitchFamily="2" charset="0"/>
              </a:rPr>
              <a:t>1,232</a:t>
            </a:r>
            <a:r>
              <a:rPr lang="en-US" sz="1000">
                <a:solidFill>
                  <a:srgbClr val="013888"/>
                </a:solidFill>
                <a:latin typeface="Roboto" panose="02000000000000000000" pitchFamily="2" charset="0"/>
                <a:ea typeface="Roboto" panose="02000000000000000000" pitchFamily="2" charset="0"/>
                <a:cs typeface="Roboto" panose="02000000000000000000" pitchFamily="2" charset="0"/>
              </a:rPr>
              <a:t> </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1100">
                <a:solidFill>
                  <a:srgbClr val="013888"/>
                </a:solidFill>
                <a:latin typeface="Roboto" panose="02000000000000000000" pitchFamily="2" charset="0"/>
                <a:ea typeface="Roboto" panose="02000000000000000000" pitchFamily="2" charset="0"/>
                <a:cs typeface="Roboto" panose="02000000000000000000" pitchFamily="2" charset="0"/>
              </a:rPr>
              <a:t>projects since then!</a:t>
            </a:r>
          </a:p>
        </p:txBody>
      </p:sp>
      <p:grpSp>
        <p:nvGrpSpPr>
          <p:cNvPr id="3403" name="Graphic 39">
            <a:extLst>
              <a:ext uri="{FF2B5EF4-FFF2-40B4-BE49-F238E27FC236}">
                <a16:creationId xmlns:a16="http://schemas.microsoft.com/office/drawing/2014/main" id="{6DA7BDF3-8B25-0B16-49E2-1B72D88862CE}"/>
              </a:ext>
            </a:extLst>
          </p:cNvPr>
          <p:cNvGrpSpPr/>
          <p:nvPr/>
        </p:nvGrpSpPr>
        <p:grpSpPr>
          <a:xfrm rot="10800000">
            <a:off x="3631110" y="616115"/>
            <a:ext cx="1527993" cy="1015523"/>
            <a:chOff x="5381574" y="792240"/>
            <a:chExt cx="2071953" cy="1251859"/>
          </a:xfrm>
          <a:solidFill>
            <a:srgbClr val="FA5F50"/>
          </a:solidFill>
        </p:grpSpPr>
        <p:sp>
          <p:nvSpPr>
            <p:cNvPr id="3404" name="Freeform: Shape 3403">
              <a:extLst>
                <a:ext uri="{FF2B5EF4-FFF2-40B4-BE49-F238E27FC236}">
                  <a16:creationId xmlns:a16="http://schemas.microsoft.com/office/drawing/2014/main" id="{EB05933C-1144-7BF8-E2E3-9D74AC43ACFF}"/>
                </a:ext>
              </a:extLst>
            </p:cNvPr>
            <p:cNvSpPr/>
            <p:nvPr/>
          </p:nvSpPr>
          <p:spPr>
            <a:xfrm>
              <a:off x="6213153" y="1266119"/>
              <a:ext cx="46634" cy="47830"/>
            </a:xfrm>
            <a:custGeom>
              <a:avLst/>
              <a:gdLst>
                <a:gd name="connsiteX0" fmla="*/ 34872 w 46634"/>
                <a:gd name="connsiteY0" fmla="*/ 47831 h 47830"/>
                <a:gd name="connsiteX1" fmla="*/ 0 w 46634"/>
                <a:gd name="connsiteY1" fmla="*/ 20516 h 47830"/>
                <a:gd name="connsiteX2" fmla="*/ 5888 w 46634"/>
                <a:gd name="connsiteY2" fmla="*/ 0 h 47830"/>
                <a:gd name="connsiteX3" fmla="*/ 46222 w 46634"/>
                <a:gd name="connsiteY3" fmla="*/ 40092 h 47830"/>
              </a:gdLst>
              <a:ahLst/>
              <a:cxnLst>
                <a:cxn ang="0">
                  <a:pos x="connsiteX0" y="connsiteY0"/>
                </a:cxn>
                <a:cxn ang="0">
                  <a:pos x="connsiteX1" y="connsiteY1"/>
                </a:cxn>
                <a:cxn ang="0">
                  <a:pos x="connsiteX2" y="connsiteY2"/>
                </a:cxn>
                <a:cxn ang="0">
                  <a:pos x="connsiteX3" y="connsiteY3"/>
                </a:cxn>
              </a:cxnLst>
              <a:rect l="l" t="t" r="r" b="b"/>
              <a:pathLst>
                <a:path w="46634" h="47830">
                  <a:moveTo>
                    <a:pt x="34872" y="47831"/>
                  </a:moveTo>
                  <a:cubicBezTo>
                    <a:pt x="34872" y="47831"/>
                    <a:pt x="27315" y="15994"/>
                    <a:pt x="0" y="20516"/>
                  </a:cubicBezTo>
                  <a:lnTo>
                    <a:pt x="5888" y="0"/>
                  </a:lnTo>
                  <a:cubicBezTo>
                    <a:pt x="5888" y="0"/>
                    <a:pt x="51412" y="7436"/>
                    <a:pt x="4622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05" name="Freeform: Shape 3404">
              <a:extLst>
                <a:ext uri="{FF2B5EF4-FFF2-40B4-BE49-F238E27FC236}">
                  <a16:creationId xmlns:a16="http://schemas.microsoft.com/office/drawing/2014/main" id="{A240E60B-9C38-D0A7-DDC4-B9316B864129}"/>
                </a:ext>
              </a:extLst>
            </p:cNvPr>
            <p:cNvSpPr/>
            <p:nvPr/>
          </p:nvSpPr>
          <p:spPr>
            <a:xfrm>
              <a:off x="6166870" y="192012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06" name="Freeform: Shape 3405">
              <a:extLst>
                <a:ext uri="{FF2B5EF4-FFF2-40B4-BE49-F238E27FC236}">
                  <a16:creationId xmlns:a16="http://schemas.microsoft.com/office/drawing/2014/main" id="{0413FD6F-E405-73BF-B0F6-5E2619396F5F}"/>
                </a:ext>
              </a:extLst>
            </p:cNvPr>
            <p:cNvSpPr/>
            <p:nvPr/>
          </p:nvSpPr>
          <p:spPr>
            <a:xfrm>
              <a:off x="6742571" y="1905697"/>
              <a:ext cx="45190" cy="47778"/>
            </a:xfrm>
            <a:custGeom>
              <a:avLst/>
              <a:gdLst>
                <a:gd name="connsiteX0" fmla="*/ 45190 w 45190"/>
                <a:gd name="connsiteY0" fmla="*/ 10661 h 47778"/>
                <a:gd name="connsiteX1" fmla="*/ 20911 w 45190"/>
                <a:gd name="connsiteY1" fmla="*/ 47779 h 47778"/>
                <a:gd name="connsiteX2" fmla="*/ 0 w 45190"/>
                <a:gd name="connsiteY2" fmla="*/ 43651 h 47778"/>
                <a:gd name="connsiteX3" fmla="*/ 36420 w 45190"/>
                <a:gd name="connsiteY3" fmla="*/ 100 h 47778"/>
              </a:gdLst>
              <a:ahLst/>
              <a:cxnLst>
                <a:cxn ang="0">
                  <a:pos x="connsiteX0" y="connsiteY0"/>
                </a:cxn>
                <a:cxn ang="0">
                  <a:pos x="connsiteX1" y="connsiteY1"/>
                </a:cxn>
                <a:cxn ang="0">
                  <a:pos x="connsiteX2" y="connsiteY2"/>
                </a:cxn>
                <a:cxn ang="0">
                  <a:pos x="connsiteX3" y="connsiteY3"/>
                </a:cxn>
              </a:cxnLst>
              <a:rect l="l" t="t" r="r" b="b"/>
              <a:pathLst>
                <a:path w="45190" h="47778">
                  <a:moveTo>
                    <a:pt x="45190" y="10661"/>
                  </a:moveTo>
                  <a:cubicBezTo>
                    <a:pt x="45190" y="10661"/>
                    <a:pt x="14143" y="20828"/>
                    <a:pt x="20911" y="47779"/>
                  </a:cubicBezTo>
                  <a:lnTo>
                    <a:pt x="0" y="43651"/>
                  </a:lnTo>
                  <a:cubicBezTo>
                    <a:pt x="0" y="43651"/>
                    <a:pt x="3581" y="-2419"/>
                    <a:pt x="36420" y="10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07" name="Freeform: Shape 3406">
              <a:extLst>
                <a:ext uri="{FF2B5EF4-FFF2-40B4-BE49-F238E27FC236}">
                  <a16:creationId xmlns:a16="http://schemas.microsoft.com/office/drawing/2014/main" id="{8924948F-F2CD-B85D-30A5-1C7110ED1903}"/>
                </a:ext>
              </a:extLst>
            </p:cNvPr>
            <p:cNvSpPr/>
            <p:nvPr/>
          </p:nvSpPr>
          <p:spPr>
            <a:xfrm>
              <a:off x="7306284" y="175781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61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61"/>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08" name="Freeform: Shape 3407">
              <a:extLst>
                <a:ext uri="{FF2B5EF4-FFF2-40B4-BE49-F238E27FC236}">
                  <a16:creationId xmlns:a16="http://schemas.microsoft.com/office/drawing/2014/main" id="{37ADEAF1-1283-E349-3E65-7864BFF8732F}"/>
                </a:ext>
              </a:extLst>
            </p:cNvPr>
            <p:cNvSpPr/>
            <p:nvPr/>
          </p:nvSpPr>
          <p:spPr>
            <a:xfrm>
              <a:off x="7406923" y="908813"/>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06" y="15994"/>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09" name="Freeform: Shape 3408">
              <a:extLst>
                <a:ext uri="{FF2B5EF4-FFF2-40B4-BE49-F238E27FC236}">
                  <a16:creationId xmlns:a16="http://schemas.microsoft.com/office/drawing/2014/main" id="{CF573848-BD9F-4B8D-7E53-2EDBBCB6B75E}"/>
                </a:ext>
              </a:extLst>
            </p:cNvPr>
            <p:cNvSpPr/>
            <p:nvPr/>
          </p:nvSpPr>
          <p:spPr>
            <a:xfrm>
              <a:off x="5759920" y="1015795"/>
              <a:ext cx="32860" cy="53809"/>
            </a:xfrm>
            <a:custGeom>
              <a:avLst/>
              <a:gdLst>
                <a:gd name="connsiteX0" fmla="*/ 32861 w 32860"/>
                <a:gd name="connsiteY0" fmla="*/ 6798 h 53809"/>
                <a:gd name="connsiteX1" fmla="*/ 23756 w 32860"/>
                <a:gd name="connsiteY1" fmla="*/ 50107 h 53809"/>
                <a:gd name="connsiteX2" fmla="*/ 2754 w 32860"/>
                <a:gd name="connsiteY2" fmla="*/ 53810 h 53809"/>
                <a:gd name="connsiteX3" fmla="*/ 21176 w 32860"/>
                <a:gd name="connsiteY3" fmla="*/ 0 h 53809"/>
              </a:gdLst>
              <a:ahLst/>
              <a:cxnLst>
                <a:cxn ang="0">
                  <a:pos x="connsiteX0" y="connsiteY0"/>
                </a:cxn>
                <a:cxn ang="0">
                  <a:pos x="connsiteX1" y="connsiteY1"/>
                </a:cxn>
                <a:cxn ang="0">
                  <a:pos x="connsiteX2" y="connsiteY2"/>
                </a:cxn>
                <a:cxn ang="0">
                  <a:pos x="connsiteX3" y="connsiteY3"/>
                </a:cxn>
              </a:cxnLst>
              <a:rect l="l" t="t" r="r" b="b"/>
              <a:pathLst>
                <a:path w="32860" h="53809">
                  <a:moveTo>
                    <a:pt x="32861" y="6798"/>
                  </a:moveTo>
                  <a:cubicBezTo>
                    <a:pt x="32861" y="6798"/>
                    <a:pt x="7549" y="27436"/>
                    <a:pt x="23756" y="50107"/>
                  </a:cubicBezTo>
                  <a:lnTo>
                    <a:pt x="2754" y="53810"/>
                  </a:lnTo>
                  <a:cubicBezTo>
                    <a:pt x="2754" y="53810"/>
                    <a:pt x="-10509" y="9530"/>
                    <a:pt x="21176" y="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0" name="Freeform: Shape 3409">
              <a:extLst>
                <a:ext uri="{FF2B5EF4-FFF2-40B4-BE49-F238E27FC236}">
                  <a16:creationId xmlns:a16="http://schemas.microsoft.com/office/drawing/2014/main" id="{E810162E-1442-8953-ECAD-7049722C4650}"/>
                </a:ext>
              </a:extLst>
            </p:cNvPr>
            <p:cNvSpPr/>
            <p:nvPr/>
          </p:nvSpPr>
          <p:spPr>
            <a:xfrm>
              <a:off x="6385842" y="1065589"/>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675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45"/>
                    <a:pt x="19636" y="44746"/>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1" name="Freeform: Shape 3410">
              <a:extLst>
                <a:ext uri="{FF2B5EF4-FFF2-40B4-BE49-F238E27FC236}">
                  <a16:creationId xmlns:a16="http://schemas.microsoft.com/office/drawing/2014/main" id="{1970FA40-46E8-DCE8-AACB-0F628B867DCD}"/>
                </a:ext>
              </a:extLst>
            </p:cNvPr>
            <p:cNvSpPr/>
            <p:nvPr/>
          </p:nvSpPr>
          <p:spPr>
            <a:xfrm>
              <a:off x="5515841" y="1863601"/>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796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76"/>
                    <a:pt x="19636" y="44746"/>
                  </a:cubicBezTo>
                  <a:lnTo>
                    <a:pt x="0" y="36430"/>
                  </a:lnTo>
                  <a:cubicBezTo>
                    <a:pt x="0" y="36430"/>
                    <a:pt x="12959" y="-7941"/>
                    <a:pt x="44796"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2" name="Freeform: Shape 3411">
              <a:extLst>
                <a:ext uri="{FF2B5EF4-FFF2-40B4-BE49-F238E27FC236}">
                  <a16:creationId xmlns:a16="http://schemas.microsoft.com/office/drawing/2014/main" id="{D794FADC-AAF0-6C6F-B5E6-63FDF60F1114}"/>
                </a:ext>
              </a:extLst>
            </p:cNvPr>
            <p:cNvSpPr/>
            <p:nvPr/>
          </p:nvSpPr>
          <p:spPr>
            <a:xfrm>
              <a:off x="7249379" y="1328416"/>
              <a:ext cx="50865" cy="44715"/>
            </a:xfrm>
            <a:custGeom>
              <a:avLst/>
              <a:gdLst>
                <a:gd name="connsiteX0" fmla="*/ 50866 w 50865"/>
                <a:gd name="connsiteY0" fmla="*/ 13334 h 44715"/>
                <a:gd name="connsiteX1" fmla="*/ 19636 w 50865"/>
                <a:gd name="connsiteY1" fmla="*/ 44715 h 44715"/>
                <a:gd name="connsiteX2" fmla="*/ 0 w 50865"/>
                <a:gd name="connsiteY2" fmla="*/ 36430 h 44715"/>
                <a:gd name="connsiteX3" fmla="*/ 44675 w 50865"/>
                <a:gd name="connsiteY3" fmla="*/ 1255 h 44715"/>
              </a:gdLst>
              <a:ahLst/>
              <a:cxnLst>
                <a:cxn ang="0">
                  <a:pos x="connsiteX0" y="connsiteY0"/>
                </a:cxn>
                <a:cxn ang="0">
                  <a:pos x="connsiteX1" y="connsiteY1"/>
                </a:cxn>
                <a:cxn ang="0">
                  <a:pos x="connsiteX2" y="connsiteY2"/>
                </a:cxn>
                <a:cxn ang="0">
                  <a:pos x="connsiteX3" y="connsiteY3"/>
                </a:cxn>
              </a:cxnLst>
              <a:rect l="l" t="t" r="r" b="b"/>
              <a:pathLst>
                <a:path w="50865" h="44715">
                  <a:moveTo>
                    <a:pt x="50866" y="13334"/>
                  </a:moveTo>
                  <a:cubicBezTo>
                    <a:pt x="50866" y="13334"/>
                    <a:pt x="18422" y="16945"/>
                    <a:pt x="19636" y="44715"/>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3" name="Freeform: Shape 3412">
              <a:extLst>
                <a:ext uri="{FF2B5EF4-FFF2-40B4-BE49-F238E27FC236}">
                  <a16:creationId xmlns:a16="http://schemas.microsoft.com/office/drawing/2014/main" id="{2BDF35BD-74E1-9F9E-4B2C-DDC38F929EB7}"/>
                </a:ext>
              </a:extLst>
            </p:cNvPr>
            <p:cNvSpPr/>
            <p:nvPr/>
          </p:nvSpPr>
          <p:spPr>
            <a:xfrm>
              <a:off x="6514160" y="1525164"/>
              <a:ext cx="50865" cy="44754"/>
            </a:xfrm>
            <a:custGeom>
              <a:avLst/>
              <a:gdLst>
                <a:gd name="connsiteX0" fmla="*/ 50866 w 50865"/>
                <a:gd name="connsiteY0" fmla="*/ 13373 h 44754"/>
                <a:gd name="connsiteX1" fmla="*/ 19606 w 50865"/>
                <a:gd name="connsiteY1" fmla="*/ 44754 h 44754"/>
                <a:gd name="connsiteX2" fmla="*/ 0 w 50865"/>
                <a:gd name="connsiteY2" fmla="*/ 36438 h 44754"/>
                <a:gd name="connsiteX3" fmla="*/ 44675 w 50865"/>
                <a:gd name="connsiteY3" fmla="*/ 1233 h 44754"/>
              </a:gdLst>
              <a:ahLst/>
              <a:cxnLst>
                <a:cxn ang="0">
                  <a:pos x="connsiteX0" y="connsiteY0"/>
                </a:cxn>
                <a:cxn ang="0">
                  <a:pos x="connsiteX1" y="connsiteY1"/>
                </a:cxn>
                <a:cxn ang="0">
                  <a:pos x="connsiteX2" y="connsiteY2"/>
                </a:cxn>
                <a:cxn ang="0">
                  <a:pos x="connsiteX3" y="connsiteY3"/>
                </a:cxn>
              </a:cxnLst>
              <a:rect l="l" t="t" r="r" b="b"/>
              <a:pathLst>
                <a:path w="50865" h="44754">
                  <a:moveTo>
                    <a:pt x="50866" y="13373"/>
                  </a:moveTo>
                  <a:cubicBezTo>
                    <a:pt x="50866" y="13373"/>
                    <a:pt x="18422" y="16984"/>
                    <a:pt x="19606" y="44754"/>
                  </a:cubicBezTo>
                  <a:lnTo>
                    <a:pt x="0" y="36438"/>
                  </a:lnTo>
                  <a:cubicBezTo>
                    <a:pt x="0" y="36438"/>
                    <a:pt x="12899" y="-7872"/>
                    <a:pt x="44675" y="1233"/>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4" name="Freeform: Shape 3413">
              <a:extLst>
                <a:ext uri="{FF2B5EF4-FFF2-40B4-BE49-F238E27FC236}">
                  <a16:creationId xmlns:a16="http://schemas.microsoft.com/office/drawing/2014/main" id="{1A7368A1-0866-CB85-0633-449F63478244}"/>
                </a:ext>
              </a:extLst>
            </p:cNvPr>
            <p:cNvSpPr/>
            <p:nvPr/>
          </p:nvSpPr>
          <p:spPr>
            <a:xfrm>
              <a:off x="6467452" y="1819592"/>
              <a:ext cx="56844" cy="31089"/>
            </a:xfrm>
            <a:custGeom>
              <a:avLst/>
              <a:gdLst>
                <a:gd name="connsiteX0" fmla="*/ 54508 w 56844"/>
                <a:gd name="connsiteY0" fmla="*/ 25020 h 31089"/>
                <a:gd name="connsiteX1" fmla="*/ 10653 w 56844"/>
                <a:gd name="connsiteY1" fmla="*/ 31090 h 31089"/>
                <a:gd name="connsiteX2" fmla="*/ 0 w 56844"/>
                <a:gd name="connsiteY2" fmla="*/ 12637 h 31089"/>
                <a:gd name="connsiteX3" fmla="*/ 56845 w 56844"/>
                <a:gd name="connsiteY3" fmla="*/ 11484 h 31089"/>
              </a:gdLst>
              <a:ahLst/>
              <a:cxnLst>
                <a:cxn ang="0">
                  <a:pos x="connsiteX0" y="connsiteY0"/>
                </a:cxn>
                <a:cxn ang="0">
                  <a:pos x="connsiteX1" y="connsiteY1"/>
                </a:cxn>
                <a:cxn ang="0">
                  <a:pos x="connsiteX2" y="connsiteY2"/>
                </a:cxn>
                <a:cxn ang="0">
                  <a:pos x="connsiteX3" y="connsiteY3"/>
                </a:cxn>
              </a:cxnLst>
              <a:rect l="l" t="t" r="r" b="b"/>
              <a:pathLst>
                <a:path w="56844" h="31089">
                  <a:moveTo>
                    <a:pt x="54508" y="25020"/>
                  </a:moveTo>
                  <a:cubicBezTo>
                    <a:pt x="54508" y="25020"/>
                    <a:pt x="26434" y="8358"/>
                    <a:pt x="10653" y="31090"/>
                  </a:cubicBezTo>
                  <a:lnTo>
                    <a:pt x="0" y="12637"/>
                  </a:lnTo>
                  <a:cubicBezTo>
                    <a:pt x="0" y="12637"/>
                    <a:pt x="37026" y="-15011"/>
                    <a:pt x="56845" y="1148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5" name="Freeform: Shape 3414">
              <a:extLst>
                <a:ext uri="{FF2B5EF4-FFF2-40B4-BE49-F238E27FC236}">
                  <a16:creationId xmlns:a16="http://schemas.microsoft.com/office/drawing/2014/main" id="{78010C1F-5EC5-297D-6F7C-435F6E0A5095}"/>
                </a:ext>
              </a:extLst>
            </p:cNvPr>
            <p:cNvSpPr/>
            <p:nvPr/>
          </p:nvSpPr>
          <p:spPr>
            <a:xfrm>
              <a:off x="6875502" y="833166"/>
              <a:ext cx="30895" cy="32034"/>
            </a:xfrm>
            <a:custGeom>
              <a:avLst/>
              <a:gdLst>
                <a:gd name="connsiteX0" fmla="*/ 30896 w 30895"/>
                <a:gd name="connsiteY0" fmla="*/ 7330 h 32034"/>
                <a:gd name="connsiteX1" fmla="*/ 14082 w 30895"/>
                <a:gd name="connsiteY1" fmla="*/ 32035 h 32034"/>
                <a:gd name="connsiteX2" fmla="*/ 0 w 30895"/>
                <a:gd name="connsiteY2" fmla="*/ 29000 h 32034"/>
                <a:gd name="connsiteX3" fmla="*/ 25281 w 30895"/>
                <a:gd name="connsiteY3" fmla="*/ 107 h 32034"/>
              </a:gdLst>
              <a:ahLst/>
              <a:cxnLst>
                <a:cxn ang="0">
                  <a:pos x="connsiteX0" y="connsiteY0"/>
                </a:cxn>
                <a:cxn ang="0">
                  <a:pos x="connsiteX1" y="connsiteY1"/>
                </a:cxn>
                <a:cxn ang="0">
                  <a:pos x="connsiteX2" y="connsiteY2"/>
                </a:cxn>
                <a:cxn ang="0">
                  <a:pos x="connsiteX3" y="connsiteY3"/>
                </a:cxn>
              </a:cxnLst>
              <a:rect l="l" t="t" r="r" b="b"/>
              <a:pathLst>
                <a:path w="30895" h="32034">
                  <a:moveTo>
                    <a:pt x="30896" y="7330"/>
                  </a:moveTo>
                  <a:cubicBezTo>
                    <a:pt x="30896" y="7330"/>
                    <a:pt x="9803" y="13765"/>
                    <a:pt x="14082" y="32035"/>
                  </a:cubicBezTo>
                  <a:lnTo>
                    <a:pt x="0" y="29000"/>
                  </a:lnTo>
                  <a:cubicBezTo>
                    <a:pt x="0" y="29000"/>
                    <a:pt x="3035" y="-2048"/>
                    <a:pt x="25281" y="107"/>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6" name="Freeform: Shape 3415">
              <a:extLst>
                <a:ext uri="{FF2B5EF4-FFF2-40B4-BE49-F238E27FC236}">
                  <a16:creationId xmlns:a16="http://schemas.microsoft.com/office/drawing/2014/main" id="{A7095E7B-AE96-FBF9-22AE-2357E55098B0}"/>
                </a:ext>
              </a:extLst>
            </p:cNvPr>
            <p:cNvSpPr/>
            <p:nvPr/>
          </p:nvSpPr>
          <p:spPr>
            <a:xfrm>
              <a:off x="7252110" y="812622"/>
              <a:ext cx="30895" cy="32062"/>
            </a:xfrm>
            <a:custGeom>
              <a:avLst/>
              <a:gdLst>
                <a:gd name="connsiteX0" fmla="*/ 30896 w 30895"/>
                <a:gd name="connsiteY0" fmla="*/ 7327 h 32062"/>
                <a:gd name="connsiteX1" fmla="*/ 14052 w 30895"/>
                <a:gd name="connsiteY1" fmla="*/ 32062 h 32062"/>
                <a:gd name="connsiteX2" fmla="*/ 0 w 30895"/>
                <a:gd name="connsiteY2" fmla="*/ 29027 h 32062"/>
                <a:gd name="connsiteX3" fmla="*/ 25281 w 3089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95" h="32062">
                  <a:moveTo>
                    <a:pt x="30896" y="7327"/>
                  </a:moveTo>
                  <a:cubicBezTo>
                    <a:pt x="30896" y="7327"/>
                    <a:pt x="9651" y="13762"/>
                    <a:pt x="14052" y="32062"/>
                  </a:cubicBezTo>
                  <a:lnTo>
                    <a:pt x="0" y="29027"/>
                  </a:lnTo>
                  <a:cubicBezTo>
                    <a:pt x="0" y="29027"/>
                    <a:pt x="3035" y="-2020"/>
                    <a:pt x="2528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7" name="Freeform: Shape 3416">
              <a:extLst>
                <a:ext uri="{FF2B5EF4-FFF2-40B4-BE49-F238E27FC236}">
                  <a16:creationId xmlns:a16="http://schemas.microsoft.com/office/drawing/2014/main" id="{17716B61-61FE-23E3-131C-D60F8C507F08}"/>
                </a:ext>
              </a:extLst>
            </p:cNvPr>
            <p:cNvSpPr/>
            <p:nvPr/>
          </p:nvSpPr>
          <p:spPr>
            <a:xfrm>
              <a:off x="6408817" y="827112"/>
              <a:ext cx="55812" cy="35228"/>
            </a:xfrm>
            <a:custGeom>
              <a:avLst/>
              <a:gdLst>
                <a:gd name="connsiteX0" fmla="*/ 0 w 55812"/>
                <a:gd name="connsiteY0" fmla="*/ 13688 h 35228"/>
                <a:gd name="connsiteX1" fmla="*/ 42125 w 55812"/>
                <a:gd name="connsiteY1" fmla="*/ 0 h 35228"/>
                <a:gd name="connsiteX2" fmla="*/ 55813 w 55812"/>
                <a:gd name="connsiteY2" fmla="*/ 16419 h 35228"/>
                <a:gd name="connsiteX3" fmla="*/ 0 w 55812"/>
                <a:gd name="connsiteY3" fmla="*/ 27375 h 35228"/>
              </a:gdLst>
              <a:ahLst/>
              <a:cxnLst>
                <a:cxn ang="0">
                  <a:pos x="connsiteX0" y="connsiteY0"/>
                </a:cxn>
                <a:cxn ang="0">
                  <a:pos x="connsiteX1" y="connsiteY1"/>
                </a:cxn>
                <a:cxn ang="0">
                  <a:pos x="connsiteX2" y="connsiteY2"/>
                </a:cxn>
                <a:cxn ang="0">
                  <a:pos x="connsiteX3" y="connsiteY3"/>
                </a:cxn>
              </a:cxnLst>
              <a:rect l="l" t="t" r="r" b="b"/>
              <a:pathLst>
                <a:path w="55812" h="35228">
                  <a:moveTo>
                    <a:pt x="0" y="13688"/>
                  </a:moveTo>
                  <a:cubicBezTo>
                    <a:pt x="0" y="13688"/>
                    <a:pt x="30532" y="25281"/>
                    <a:pt x="42125" y="0"/>
                  </a:cubicBezTo>
                  <a:lnTo>
                    <a:pt x="55813" y="16419"/>
                  </a:lnTo>
                  <a:cubicBezTo>
                    <a:pt x="55813" y="16419"/>
                    <a:pt x="24098" y="50046"/>
                    <a:pt x="0" y="2737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8" name="Freeform: Shape 3417">
              <a:extLst>
                <a:ext uri="{FF2B5EF4-FFF2-40B4-BE49-F238E27FC236}">
                  <a16:creationId xmlns:a16="http://schemas.microsoft.com/office/drawing/2014/main" id="{8806E663-7E5D-AA06-D804-DC485856D312}"/>
                </a:ext>
              </a:extLst>
            </p:cNvPr>
            <p:cNvSpPr/>
            <p:nvPr/>
          </p:nvSpPr>
          <p:spPr>
            <a:xfrm>
              <a:off x="5640335" y="1444622"/>
              <a:ext cx="30865" cy="32062"/>
            </a:xfrm>
            <a:custGeom>
              <a:avLst/>
              <a:gdLst>
                <a:gd name="connsiteX0" fmla="*/ 30866 w 30865"/>
                <a:gd name="connsiteY0" fmla="*/ 7327 h 32062"/>
                <a:gd name="connsiteX1" fmla="*/ 14052 w 30865"/>
                <a:gd name="connsiteY1" fmla="*/ 32062 h 32062"/>
                <a:gd name="connsiteX2" fmla="*/ 0 w 30865"/>
                <a:gd name="connsiteY2" fmla="*/ 29027 h 32062"/>
                <a:gd name="connsiteX3" fmla="*/ 25251 w 3086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65" h="32062">
                  <a:moveTo>
                    <a:pt x="30866" y="7327"/>
                  </a:moveTo>
                  <a:cubicBezTo>
                    <a:pt x="30866" y="7327"/>
                    <a:pt x="9621" y="13762"/>
                    <a:pt x="14052" y="32062"/>
                  </a:cubicBezTo>
                  <a:lnTo>
                    <a:pt x="0" y="29027"/>
                  </a:lnTo>
                  <a:cubicBezTo>
                    <a:pt x="0" y="29027"/>
                    <a:pt x="3035" y="-2020"/>
                    <a:pt x="2525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19" name="Freeform: Shape 3418">
              <a:extLst>
                <a:ext uri="{FF2B5EF4-FFF2-40B4-BE49-F238E27FC236}">
                  <a16:creationId xmlns:a16="http://schemas.microsoft.com/office/drawing/2014/main" id="{125B1FFB-45CF-AD87-FE69-DD4D212667E0}"/>
                </a:ext>
              </a:extLst>
            </p:cNvPr>
            <p:cNvSpPr/>
            <p:nvPr/>
          </p:nvSpPr>
          <p:spPr>
            <a:xfrm>
              <a:off x="6086170" y="898343"/>
              <a:ext cx="30071" cy="34416"/>
            </a:xfrm>
            <a:custGeom>
              <a:avLst/>
              <a:gdLst>
                <a:gd name="connsiteX0" fmla="*/ 21063 w 30071"/>
                <a:gd name="connsiteY0" fmla="*/ 34416 h 34416"/>
                <a:gd name="connsiteX1" fmla="*/ 0 w 30071"/>
                <a:gd name="connsiteY1" fmla="*/ 13172 h 34416"/>
                <a:gd name="connsiteX2" fmla="*/ 5584 w 30071"/>
                <a:gd name="connsiteY2" fmla="*/ 0 h 34416"/>
                <a:gd name="connsiteX3" fmla="*/ 29196 w 30071"/>
                <a:gd name="connsiteY3" fmla="*/ 30350 h 34416"/>
              </a:gdLst>
              <a:ahLst/>
              <a:cxnLst>
                <a:cxn ang="0">
                  <a:pos x="connsiteX0" y="connsiteY0"/>
                </a:cxn>
                <a:cxn ang="0">
                  <a:pos x="connsiteX1" y="connsiteY1"/>
                </a:cxn>
                <a:cxn ang="0">
                  <a:pos x="connsiteX2" y="connsiteY2"/>
                </a:cxn>
                <a:cxn ang="0">
                  <a:pos x="connsiteX3" y="connsiteY3"/>
                </a:cxn>
              </a:cxnLst>
              <a:rect l="l" t="t" r="r" b="b"/>
              <a:pathLst>
                <a:path w="30071" h="34416">
                  <a:moveTo>
                    <a:pt x="21063" y="34416"/>
                  </a:moveTo>
                  <a:cubicBezTo>
                    <a:pt x="21063" y="34416"/>
                    <a:pt x="18726" y="12474"/>
                    <a:pt x="0" y="13172"/>
                  </a:cubicBezTo>
                  <a:lnTo>
                    <a:pt x="5584" y="0"/>
                  </a:lnTo>
                  <a:cubicBezTo>
                    <a:pt x="5584" y="0"/>
                    <a:pt x="35509" y="8832"/>
                    <a:pt x="29196"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0" name="Freeform: Shape 3419">
              <a:extLst>
                <a:ext uri="{FF2B5EF4-FFF2-40B4-BE49-F238E27FC236}">
                  <a16:creationId xmlns:a16="http://schemas.microsoft.com/office/drawing/2014/main" id="{C330444A-C15B-F025-F967-97F976C9985C}"/>
                </a:ext>
              </a:extLst>
            </p:cNvPr>
            <p:cNvSpPr/>
            <p:nvPr/>
          </p:nvSpPr>
          <p:spPr>
            <a:xfrm>
              <a:off x="5381574" y="876916"/>
              <a:ext cx="30367" cy="34386"/>
            </a:xfrm>
            <a:custGeom>
              <a:avLst/>
              <a:gdLst>
                <a:gd name="connsiteX0" fmla="*/ 21245 w 30367"/>
                <a:gd name="connsiteY0" fmla="*/ 34386 h 34386"/>
                <a:gd name="connsiteX1" fmla="*/ 0 w 30367"/>
                <a:gd name="connsiteY1" fmla="*/ 13141 h 34386"/>
                <a:gd name="connsiteX2" fmla="*/ 5888 w 30367"/>
                <a:gd name="connsiteY2" fmla="*/ 0 h 34386"/>
                <a:gd name="connsiteX3" fmla="*/ 29500 w 30367"/>
                <a:gd name="connsiteY3" fmla="*/ 30350 h 34386"/>
              </a:gdLst>
              <a:ahLst/>
              <a:cxnLst>
                <a:cxn ang="0">
                  <a:pos x="connsiteX0" y="connsiteY0"/>
                </a:cxn>
                <a:cxn ang="0">
                  <a:pos x="connsiteX1" y="connsiteY1"/>
                </a:cxn>
                <a:cxn ang="0">
                  <a:pos x="connsiteX2" y="connsiteY2"/>
                </a:cxn>
                <a:cxn ang="0">
                  <a:pos x="connsiteX3" y="connsiteY3"/>
                </a:cxn>
              </a:cxnLst>
              <a:rect l="l" t="t" r="r" b="b"/>
              <a:pathLst>
                <a:path w="30367" h="34386">
                  <a:moveTo>
                    <a:pt x="21245" y="34386"/>
                  </a:moveTo>
                  <a:cubicBezTo>
                    <a:pt x="21245" y="34386"/>
                    <a:pt x="18908" y="12443"/>
                    <a:pt x="0" y="13141"/>
                  </a:cubicBezTo>
                  <a:lnTo>
                    <a:pt x="5888" y="0"/>
                  </a:lnTo>
                  <a:cubicBezTo>
                    <a:pt x="5888" y="0"/>
                    <a:pt x="35782" y="8832"/>
                    <a:pt x="29500"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1" name="Freeform: Shape 3420">
              <a:extLst>
                <a:ext uri="{FF2B5EF4-FFF2-40B4-BE49-F238E27FC236}">
                  <a16:creationId xmlns:a16="http://schemas.microsoft.com/office/drawing/2014/main" id="{258E830C-F1D3-1CDB-0E52-B00241BFBC9A}"/>
                </a:ext>
              </a:extLst>
            </p:cNvPr>
            <p:cNvSpPr/>
            <p:nvPr/>
          </p:nvSpPr>
          <p:spPr>
            <a:xfrm>
              <a:off x="6237554" y="977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78" y="17239"/>
                    <a:pt x="8619" y="17239"/>
                  </a:cubicBezTo>
                  <a:cubicBezTo>
                    <a:pt x="3860" y="17239"/>
                    <a:pt x="0" y="13378"/>
                    <a:pt x="0" y="8619"/>
                  </a:cubicBezTo>
                  <a:cubicBezTo>
                    <a:pt x="0" y="3859"/>
                    <a:pt x="3860" y="0"/>
                    <a:pt x="8619" y="0"/>
                  </a:cubicBezTo>
                  <a:cubicBezTo>
                    <a:pt x="13378"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2" name="Freeform: Shape 3421">
              <a:extLst>
                <a:ext uri="{FF2B5EF4-FFF2-40B4-BE49-F238E27FC236}">
                  <a16:creationId xmlns:a16="http://schemas.microsoft.com/office/drawing/2014/main" id="{B9B6C7FA-99C3-F873-3839-AB293344480B}"/>
                </a:ext>
              </a:extLst>
            </p:cNvPr>
            <p:cNvSpPr/>
            <p:nvPr/>
          </p:nvSpPr>
          <p:spPr>
            <a:xfrm>
              <a:off x="6725423" y="1439992"/>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88"/>
                    <a:pt x="3830" y="18"/>
                    <a:pt x="8589" y="0"/>
                  </a:cubicBezTo>
                  <a:cubicBezTo>
                    <a:pt x="8610" y="0"/>
                    <a:pt x="8628" y="0"/>
                    <a:pt x="8650" y="0"/>
                  </a:cubicBezTo>
                  <a:cubicBezTo>
                    <a:pt x="13387" y="15"/>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3" name="Freeform: Shape 3422">
              <a:extLst>
                <a:ext uri="{FF2B5EF4-FFF2-40B4-BE49-F238E27FC236}">
                  <a16:creationId xmlns:a16="http://schemas.microsoft.com/office/drawing/2014/main" id="{C0B0F872-6BC4-A00F-FB32-D9C7592B159E}"/>
                </a:ext>
              </a:extLst>
            </p:cNvPr>
            <p:cNvSpPr/>
            <p:nvPr/>
          </p:nvSpPr>
          <p:spPr>
            <a:xfrm>
              <a:off x="6592947" y="103470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80"/>
                    <a:pt x="13380" y="17239"/>
                    <a:pt x="8619" y="17239"/>
                  </a:cubicBezTo>
                  <a:cubicBezTo>
                    <a:pt x="3859" y="17239"/>
                    <a:pt x="0" y="13380"/>
                    <a:pt x="0" y="8619"/>
                  </a:cubicBezTo>
                  <a:cubicBezTo>
                    <a:pt x="0" y="3859"/>
                    <a:pt x="3859" y="0"/>
                    <a:pt x="8619" y="0"/>
                  </a:cubicBezTo>
                  <a:cubicBezTo>
                    <a:pt x="13380"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4" name="Freeform: Shape 3423">
              <a:extLst>
                <a:ext uri="{FF2B5EF4-FFF2-40B4-BE49-F238E27FC236}">
                  <a16:creationId xmlns:a16="http://schemas.microsoft.com/office/drawing/2014/main" id="{35D5E26C-8F3C-E464-0DAD-CD81FE8D1F86}"/>
                </a:ext>
              </a:extLst>
            </p:cNvPr>
            <p:cNvSpPr/>
            <p:nvPr/>
          </p:nvSpPr>
          <p:spPr>
            <a:xfrm>
              <a:off x="6160193" y="1606277"/>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5" name="Freeform: Shape 3424">
              <a:extLst>
                <a:ext uri="{FF2B5EF4-FFF2-40B4-BE49-F238E27FC236}">
                  <a16:creationId xmlns:a16="http://schemas.microsoft.com/office/drawing/2014/main" id="{2B2D18CA-F67C-C682-9AE3-6C762BBBD678}"/>
                </a:ext>
              </a:extLst>
            </p:cNvPr>
            <p:cNvSpPr/>
            <p:nvPr/>
          </p:nvSpPr>
          <p:spPr>
            <a:xfrm>
              <a:off x="6862816" y="176828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1" y="17239"/>
                    <a:pt x="8619" y="17239"/>
                  </a:cubicBezTo>
                  <a:cubicBezTo>
                    <a:pt x="3857" y="17239"/>
                    <a:pt x="0" y="13378"/>
                    <a:pt x="0" y="8619"/>
                  </a:cubicBezTo>
                  <a:cubicBezTo>
                    <a:pt x="0" y="3860"/>
                    <a:pt x="3857" y="0"/>
                    <a:pt x="8619" y="0"/>
                  </a:cubicBezTo>
                  <a:cubicBezTo>
                    <a:pt x="13378"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6" name="Freeform: Shape 3425">
              <a:extLst>
                <a:ext uri="{FF2B5EF4-FFF2-40B4-BE49-F238E27FC236}">
                  <a16:creationId xmlns:a16="http://schemas.microsoft.com/office/drawing/2014/main" id="{2E1E4100-02ED-0781-56D6-CB07C90098AF}"/>
                </a:ext>
              </a:extLst>
            </p:cNvPr>
            <p:cNvSpPr/>
            <p:nvPr/>
          </p:nvSpPr>
          <p:spPr>
            <a:xfrm>
              <a:off x="7158269" y="1987134"/>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8650 w 17238"/>
                <a:gd name="connsiteY4" fmla="*/ 0 h 17238"/>
                <a:gd name="connsiteX5" fmla="*/ 17239 w 17238"/>
                <a:gd name="connsiteY5" fmla="*/ 861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19"/>
                  </a:moveTo>
                  <a:cubicBezTo>
                    <a:pt x="17239" y="13378"/>
                    <a:pt x="13378" y="17239"/>
                    <a:pt x="8619" y="17239"/>
                  </a:cubicBezTo>
                  <a:cubicBezTo>
                    <a:pt x="3861" y="17239"/>
                    <a:pt x="0" y="13378"/>
                    <a:pt x="0" y="8619"/>
                  </a:cubicBezTo>
                  <a:cubicBezTo>
                    <a:pt x="0" y="3857"/>
                    <a:pt x="3861" y="0"/>
                    <a:pt x="8619" y="0"/>
                  </a:cubicBezTo>
                  <a:cubicBezTo>
                    <a:pt x="8628" y="0"/>
                    <a:pt x="8641" y="0"/>
                    <a:pt x="8650" y="0"/>
                  </a:cubicBezTo>
                  <a:cubicBezTo>
                    <a:pt x="13399" y="18"/>
                    <a:pt x="17239" y="387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7" name="Freeform: Shape 3426">
              <a:extLst>
                <a:ext uri="{FF2B5EF4-FFF2-40B4-BE49-F238E27FC236}">
                  <a16:creationId xmlns:a16="http://schemas.microsoft.com/office/drawing/2014/main" id="{68ACBC0F-4B0A-35E5-E63C-774447611AA8}"/>
                </a:ext>
              </a:extLst>
            </p:cNvPr>
            <p:cNvSpPr/>
            <p:nvPr/>
          </p:nvSpPr>
          <p:spPr>
            <a:xfrm>
              <a:off x="5686041" y="202686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7"/>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8" name="Freeform: Shape 3427">
              <a:extLst>
                <a:ext uri="{FF2B5EF4-FFF2-40B4-BE49-F238E27FC236}">
                  <a16:creationId xmlns:a16="http://schemas.microsoft.com/office/drawing/2014/main" id="{9B0208D3-7979-66BB-5D97-86628BBA7A34}"/>
                </a:ext>
              </a:extLst>
            </p:cNvPr>
            <p:cNvSpPr/>
            <p:nvPr/>
          </p:nvSpPr>
          <p:spPr>
            <a:xfrm>
              <a:off x="5426067" y="1728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0" y="17239"/>
                    <a:pt x="8619" y="17239"/>
                  </a:cubicBezTo>
                  <a:cubicBezTo>
                    <a:pt x="3859" y="17239"/>
                    <a:pt x="0" y="13378"/>
                    <a:pt x="0" y="8619"/>
                  </a:cubicBezTo>
                  <a:cubicBezTo>
                    <a:pt x="0" y="3860"/>
                    <a:pt x="3859" y="0"/>
                    <a:pt x="8619" y="0"/>
                  </a:cubicBezTo>
                  <a:cubicBezTo>
                    <a:pt x="13380"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29" name="Freeform: Shape 3428">
              <a:extLst>
                <a:ext uri="{FF2B5EF4-FFF2-40B4-BE49-F238E27FC236}">
                  <a16:creationId xmlns:a16="http://schemas.microsoft.com/office/drawing/2014/main" id="{3E33FA2C-AE22-9232-02B2-7F6899D97EFB}"/>
                </a:ext>
              </a:extLst>
            </p:cNvPr>
            <p:cNvSpPr/>
            <p:nvPr/>
          </p:nvSpPr>
          <p:spPr>
            <a:xfrm>
              <a:off x="5426067" y="1312159"/>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5" y="13348"/>
                    <a:pt x="13410" y="17220"/>
                    <a:pt x="8650" y="17239"/>
                  </a:cubicBezTo>
                  <a:cubicBezTo>
                    <a:pt x="3889" y="17257"/>
                    <a:pt x="17" y="13408"/>
                    <a:pt x="0" y="8650"/>
                  </a:cubicBezTo>
                  <a:cubicBezTo>
                    <a:pt x="-17" y="3891"/>
                    <a:pt x="3829" y="18"/>
                    <a:pt x="8589" y="0"/>
                  </a:cubicBezTo>
                  <a:cubicBezTo>
                    <a:pt x="8599" y="0"/>
                    <a:pt x="8609" y="0"/>
                    <a:pt x="8619" y="0"/>
                  </a:cubicBezTo>
                  <a:cubicBezTo>
                    <a:pt x="13368" y="0"/>
                    <a:pt x="17222" y="3839"/>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0" name="Freeform: Shape 3429">
              <a:extLst>
                <a:ext uri="{FF2B5EF4-FFF2-40B4-BE49-F238E27FC236}">
                  <a16:creationId xmlns:a16="http://schemas.microsoft.com/office/drawing/2014/main" id="{887E3762-2F48-DF92-9F49-6C3B9EDF967E}"/>
                </a:ext>
              </a:extLst>
            </p:cNvPr>
            <p:cNvSpPr/>
            <p:nvPr/>
          </p:nvSpPr>
          <p:spPr>
            <a:xfrm>
              <a:off x="5667224" y="828568"/>
              <a:ext cx="17238" cy="17238"/>
            </a:xfrm>
            <a:custGeom>
              <a:avLst/>
              <a:gdLst>
                <a:gd name="connsiteX0" fmla="*/ 17239 w 17238"/>
                <a:gd name="connsiteY0" fmla="*/ 8620 h 17238"/>
                <a:gd name="connsiteX1" fmla="*/ 8619 w 17238"/>
                <a:gd name="connsiteY1" fmla="*/ 17239 h 17238"/>
                <a:gd name="connsiteX2" fmla="*/ 0 w 17238"/>
                <a:gd name="connsiteY2" fmla="*/ 8618 h 17238"/>
                <a:gd name="connsiteX3" fmla="*/ 8619 w 17238"/>
                <a:gd name="connsiteY3" fmla="*/ 0 h 17238"/>
                <a:gd name="connsiteX4" fmla="*/ 8741 w 17238"/>
                <a:gd name="connsiteY4" fmla="*/ 1 h 17238"/>
                <a:gd name="connsiteX5" fmla="*/ 17239 w 17238"/>
                <a:gd name="connsiteY5" fmla="*/ 8620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20"/>
                  </a:moveTo>
                  <a:cubicBezTo>
                    <a:pt x="17239" y="13381"/>
                    <a:pt x="13378" y="17239"/>
                    <a:pt x="8619" y="17239"/>
                  </a:cubicBezTo>
                  <a:cubicBezTo>
                    <a:pt x="3857" y="17238"/>
                    <a:pt x="0" y="13379"/>
                    <a:pt x="0" y="8618"/>
                  </a:cubicBezTo>
                  <a:cubicBezTo>
                    <a:pt x="0" y="3858"/>
                    <a:pt x="3860" y="0"/>
                    <a:pt x="8619" y="0"/>
                  </a:cubicBezTo>
                  <a:cubicBezTo>
                    <a:pt x="8662" y="0"/>
                    <a:pt x="8701" y="0"/>
                    <a:pt x="8741" y="1"/>
                  </a:cubicBezTo>
                  <a:cubicBezTo>
                    <a:pt x="13460" y="51"/>
                    <a:pt x="17257" y="3900"/>
                    <a:pt x="17239" y="862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1" name="Freeform: Shape 3430">
              <a:extLst>
                <a:ext uri="{FF2B5EF4-FFF2-40B4-BE49-F238E27FC236}">
                  <a16:creationId xmlns:a16="http://schemas.microsoft.com/office/drawing/2014/main" id="{D093090F-DE3E-87FB-E7A3-DA9EE5F07A1E}"/>
                </a:ext>
              </a:extLst>
            </p:cNvPr>
            <p:cNvSpPr/>
            <p:nvPr/>
          </p:nvSpPr>
          <p:spPr>
            <a:xfrm>
              <a:off x="7398274" y="117340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4"/>
                    <a:pt x="18" y="13408"/>
                    <a:pt x="0" y="8650"/>
                  </a:cubicBezTo>
                  <a:cubicBezTo>
                    <a:pt x="-18" y="3888"/>
                    <a:pt x="3830" y="18"/>
                    <a:pt x="8589" y="0"/>
                  </a:cubicBezTo>
                  <a:cubicBezTo>
                    <a:pt x="8610" y="0"/>
                    <a:pt x="8629" y="0"/>
                    <a:pt x="8650" y="0"/>
                  </a:cubicBezTo>
                  <a:cubicBezTo>
                    <a:pt x="13387" y="15"/>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2" name="Freeform: Shape 3431">
              <a:extLst>
                <a:ext uri="{FF2B5EF4-FFF2-40B4-BE49-F238E27FC236}">
                  <a16:creationId xmlns:a16="http://schemas.microsoft.com/office/drawing/2014/main" id="{0D2C2CAC-D0EB-DE47-1A40-EB65BE755AD0}"/>
                </a:ext>
              </a:extLst>
            </p:cNvPr>
            <p:cNvSpPr/>
            <p:nvPr/>
          </p:nvSpPr>
          <p:spPr>
            <a:xfrm>
              <a:off x="7398274" y="1507884"/>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7"/>
                    <a:pt x="18" y="13408"/>
                    <a:pt x="0" y="8650"/>
                  </a:cubicBezTo>
                  <a:cubicBezTo>
                    <a:pt x="-18" y="3891"/>
                    <a:pt x="3830" y="18"/>
                    <a:pt x="8589" y="0"/>
                  </a:cubicBezTo>
                  <a:cubicBezTo>
                    <a:pt x="8610" y="0"/>
                    <a:pt x="8629" y="0"/>
                    <a:pt x="8650" y="0"/>
                  </a:cubicBezTo>
                  <a:cubicBezTo>
                    <a:pt x="13387" y="18"/>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3" name="Freeform: Shape 3432">
              <a:extLst>
                <a:ext uri="{FF2B5EF4-FFF2-40B4-BE49-F238E27FC236}">
                  <a16:creationId xmlns:a16="http://schemas.microsoft.com/office/drawing/2014/main" id="{D1453E94-33DF-1DA8-CB6F-1B21D8175E88}"/>
                </a:ext>
              </a:extLst>
            </p:cNvPr>
            <p:cNvSpPr/>
            <p:nvPr/>
          </p:nvSpPr>
          <p:spPr>
            <a:xfrm>
              <a:off x="7149680" y="957706"/>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12" y="17222"/>
                    <a:pt x="8650" y="17239"/>
                  </a:cubicBezTo>
                  <a:cubicBezTo>
                    <a:pt x="3891" y="17255"/>
                    <a:pt x="18" y="13410"/>
                    <a:pt x="0" y="8650"/>
                  </a:cubicBezTo>
                  <a:cubicBezTo>
                    <a:pt x="-15" y="3889"/>
                    <a:pt x="3830" y="17"/>
                    <a:pt x="8589" y="0"/>
                  </a:cubicBezTo>
                  <a:cubicBezTo>
                    <a:pt x="8598" y="0"/>
                    <a:pt x="8610" y="0"/>
                    <a:pt x="8619" y="0"/>
                  </a:cubicBezTo>
                  <a:cubicBezTo>
                    <a:pt x="13369" y="0"/>
                    <a:pt x="17223" y="3840"/>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4" name="Freeform: Shape 3433">
              <a:extLst>
                <a:ext uri="{FF2B5EF4-FFF2-40B4-BE49-F238E27FC236}">
                  <a16:creationId xmlns:a16="http://schemas.microsoft.com/office/drawing/2014/main" id="{82864B67-52FD-24D2-B212-53F1579B7FEA}"/>
                </a:ext>
              </a:extLst>
            </p:cNvPr>
            <p:cNvSpPr/>
            <p:nvPr/>
          </p:nvSpPr>
          <p:spPr>
            <a:xfrm>
              <a:off x="6048537" y="792240"/>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09" y="17222"/>
                    <a:pt x="8650" y="17239"/>
                  </a:cubicBezTo>
                  <a:cubicBezTo>
                    <a:pt x="3891" y="17255"/>
                    <a:pt x="18" y="13410"/>
                    <a:pt x="0" y="8650"/>
                  </a:cubicBezTo>
                  <a:cubicBezTo>
                    <a:pt x="-15" y="3889"/>
                    <a:pt x="3830" y="17"/>
                    <a:pt x="8589" y="0"/>
                  </a:cubicBezTo>
                  <a:cubicBezTo>
                    <a:pt x="8610" y="0"/>
                    <a:pt x="8628" y="0"/>
                    <a:pt x="8650" y="0"/>
                  </a:cubicBezTo>
                  <a:cubicBezTo>
                    <a:pt x="13387" y="17"/>
                    <a:pt x="17223" y="3852"/>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grpSp>
        <p:nvGrpSpPr>
          <p:cNvPr id="3435" name="Graphic 39">
            <a:extLst>
              <a:ext uri="{FF2B5EF4-FFF2-40B4-BE49-F238E27FC236}">
                <a16:creationId xmlns:a16="http://schemas.microsoft.com/office/drawing/2014/main" id="{92D0C418-3D5D-9A40-FF6D-BE027E48B5B0}"/>
              </a:ext>
            </a:extLst>
          </p:cNvPr>
          <p:cNvGrpSpPr/>
          <p:nvPr/>
        </p:nvGrpSpPr>
        <p:grpSpPr>
          <a:xfrm rot="10800000">
            <a:off x="5136778" y="636655"/>
            <a:ext cx="1527993" cy="1015523"/>
            <a:chOff x="5381574" y="792240"/>
            <a:chExt cx="2071953" cy="1251859"/>
          </a:xfrm>
          <a:solidFill>
            <a:schemeClr val="accent1">
              <a:lumMod val="75000"/>
            </a:schemeClr>
          </a:solidFill>
        </p:grpSpPr>
        <p:sp>
          <p:nvSpPr>
            <p:cNvPr id="3436" name="Freeform: Shape 3435">
              <a:extLst>
                <a:ext uri="{FF2B5EF4-FFF2-40B4-BE49-F238E27FC236}">
                  <a16:creationId xmlns:a16="http://schemas.microsoft.com/office/drawing/2014/main" id="{CEE5441B-B35A-53C5-6899-79C6E744D75E}"/>
                </a:ext>
              </a:extLst>
            </p:cNvPr>
            <p:cNvSpPr/>
            <p:nvPr/>
          </p:nvSpPr>
          <p:spPr>
            <a:xfrm>
              <a:off x="6213153" y="1266119"/>
              <a:ext cx="46634" cy="47830"/>
            </a:xfrm>
            <a:custGeom>
              <a:avLst/>
              <a:gdLst>
                <a:gd name="connsiteX0" fmla="*/ 34872 w 46634"/>
                <a:gd name="connsiteY0" fmla="*/ 47831 h 47830"/>
                <a:gd name="connsiteX1" fmla="*/ 0 w 46634"/>
                <a:gd name="connsiteY1" fmla="*/ 20516 h 47830"/>
                <a:gd name="connsiteX2" fmla="*/ 5888 w 46634"/>
                <a:gd name="connsiteY2" fmla="*/ 0 h 47830"/>
                <a:gd name="connsiteX3" fmla="*/ 46222 w 46634"/>
                <a:gd name="connsiteY3" fmla="*/ 40092 h 47830"/>
              </a:gdLst>
              <a:ahLst/>
              <a:cxnLst>
                <a:cxn ang="0">
                  <a:pos x="connsiteX0" y="connsiteY0"/>
                </a:cxn>
                <a:cxn ang="0">
                  <a:pos x="connsiteX1" y="connsiteY1"/>
                </a:cxn>
                <a:cxn ang="0">
                  <a:pos x="connsiteX2" y="connsiteY2"/>
                </a:cxn>
                <a:cxn ang="0">
                  <a:pos x="connsiteX3" y="connsiteY3"/>
                </a:cxn>
              </a:cxnLst>
              <a:rect l="l" t="t" r="r" b="b"/>
              <a:pathLst>
                <a:path w="46634" h="47830">
                  <a:moveTo>
                    <a:pt x="34872" y="47831"/>
                  </a:moveTo>
                  <a:cubicBezTo>
                    <a:pt x="34872" y="47831"/>
                    <a:pt x="27315" y="15994"/>
                    <a:pt x="0" y="20516"/>
                  </a:cubicBezTo>
                  <a:lnTo>
                    <a:pt x="5888" y="0"/>
                  </a:lnTo>
                  <a:cubicBezTo>
                    <a:pt x="5888" y="0"/>
                    <a:pt x="51412" y="7436"/>
                    <a:pt x="4622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7" name="Freeform: Shape 3436">
              <a:extLst>
                <a:ext uri="{FF2B5EF4-FFF2-40B4-BE49-F238E27FC236}">
                  <a16:creationId xmlns:a16="http://schemas.microsoft.com/office/drawing/2014/main" id="{1470FEE1-9A99-9FA5-37FB-3FAF4B88965C}"/>
                </a:ext>
              </a:extLst>
            </p:cNvPr>
            <p:cNvSpPr/>
            <p:nvPr/>
          </p:nvSpPr>
          <p:spPr>
            <a:xfrm>
              <a:off x="6166870" y="192012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8" name="Freeform: Shape 3437">
              <a:extLst>
                <a:ext uri="{FF2B5EF4-FFF2-40B4-BE49-F238E27FC236}">
                  <a16:creationId xmlns:a16="http://schemas.microsoft.com/office/drawing/2014/main" id="{0C94AAE6-49CA-E6D0-036A-2C8322869309}"/>
                </a:ext>
              </a:extLst>
            </p:cNvPr>
            <p:cNvSpPr/>
            <p:nvPr/>
          </p:nvSpPr>
          <p:spPr>
            <a:xfrm>
              <a:off x="6742571" y="1905697"/>
              <a:ext cx="45190" cy="47778"/>
            </a:xfrm>
            <a:custGeom>
              <a:avLst/>
              <a:gdLst>
                <a:gd name="connsiteX0" fmla="*/ 45190 w 45190"/>
                <a:gd name="connsiteY0" fmla="*/ 10661 h 47778"/>
                <a:gd name="connsiteX1" fmla="*/ 20911 w 45190"/>
                <a:gd name="connsiteY1" fmla="*/ 47779 h 47778"/>
                <a:gd name="connsiteX2" fmla="*/ 0 w 45190"/>
                <a:gd name="connsiteY2" fmla="*/ 43651 h 47778"/>
                <a:gd name="connsiteX3" fmla="*/ 36420 w 45190"/>
                <a:gd name="connsiteY3" fmla="*/ 100 h 47778"/>
              </a:gdLst>
              <a:ahLst/>
              <a:cxnLst>
                <a:cxn ang="0">
                  <a:pos x="connsiteX0" y="connsiteY0"/>
                </a:cxn>
                <a:cxn ang="0">
                  <a:pos x="connsiteX1" y="connsiteY1"/>
                </a:cxn>
                <a:cxn ang="0">
                  <a:pos x="connsiteX2" y="connsiteY2"/>
                </a:cxn>
                <a:cxn ang="0">
                  <a:pos x="connsiteX3" y="connsiteY3"/>
                </a:cxn>
              </a:cxnLst>
              <a:rect l="l" t="t" r="r" b="b"/>
              <a:pathLst>
                <a:path w="45190" h="47778">
                  <a:moveTo>
                    <a:pt x="45190" y="10661"/>
                  </a:moveTo>
                  <a:cubicBezTo>
                    <a:pt x="45190" y="10661"/>
                    <a:pt x="14143" y="20828"/>
                    <a:pt x="20911" y="47779"/>
                  </a:cubicBezTo>
                  <a:lnTo>
                    <a:pt x="0" y="43651"/>
                  </a:lnTo>
                  <a:cubicBezTo>
                    <a:pt x="0" y="43651"/>
                    <a:pt x="3581" y="-2419"/>
                    <a:pt x="36420" y="10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39" name="Freeform: Shape 3438">
              <a:extLst>
                <a:ext uri="{FF2B5EF4-FFF2-40B4-BE49-F238E27FC236}">
                  <a16:creationId xmlns:a16="http://schemas.microsoft.com/office/drawing/2014/main" id="{4A1DC0FC-D3FA-EFE5-3170-6E30BC15A2DB}"/>
                </a:ext>
              </a:extLst>
            </p:cNvPr>
            <p:cNvSpPr/>
            <p:nvPr/>
          </p:nvSpPr>
          <p:spPr>
            <a:xfrm>
              <a:off x="7306284" y="175781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61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61"/>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0" name="Freeform: Shape 3439">
              <a:extLst>
                <a:ext uri="{FF2B5EF4-FFF2-40B4-BE49-F238E27FC236}">
                  <a16:creationId xmlns:a16="http://schemas.microsoft.com/office/drawing/2014/main" id="{D9CC5901-262E-B82E-2A7B-4B69B02EF058}"/>
                </a:ext>
              </a:extLst>
            </p:cNvPr>
            <p:cNvSpPr/>
            <p:nvPr/>
          </p:nvSpPr>
          <p:spPr>
            <a:xfrm>
              <a:off x="7406923" y="908813"/>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06" y="15994"/>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1" name="Freeform: Shape 3440">
              <a:extLst>
                <a:ext uri="{FF2B5EF4-FFF2-40B4-BE49-F238E27FC236}">
                  <a16:creationId xmlns:a16="http://schemas.microsoft.com/office/drawing/2014/main" id="{6A56ECE8-B21F-E4D6-5EC4-5D4B6331AE57}"/>
                </a:ext>
              </a:extLst>
            </p:cNvPr>
            <p:cNvSpPr/>
            <p:nvPr/>
          </p:nvSpPr>
          <p:spPr>
            <a:xfrm>
              <a:off x="5759920" y="1015795"/>
              <a:ext cx="32860" cy="53809"/>
            </a:xfrm>
            <a:custGeom>
              <a:avLst/>
              <a:gdLst>
                <a:gd name="connsiteX0" fmla="*/ 32861 w 32860"/>
                <a:gd name="connsiteY0" fmla="*/ 6798 h 53809"/>
                <a:gd name="connsiteX1" fmla="*/ 23756 w 32860"/>
                <a:gd name="connsiteY1" fmla="*/ 50107 h 53809"/>
                <a:gd name="connsiteX2" fmla="*/ 2754 w 32860"/>
                <a:gd name="connsiteY2" fmla="*/ 53810 h 53809"/>
                <a:gd name="connsiteX3" fmla="*/ 21176 w 32860"/>
                <a:gd name="connsiteY3" fmla="*/ 0 h 53809"/>
              </a:gdLst>
              <a:ahLst/>
              <a:cxnLst>
                <a:cxn ang="0">
                  <a:pos x="connsiteX0" y="connsiteY0"/>
                </a:cxn>
                <a:cxn ang="0">
                  <a:pos x="connsiteX1" y="connsiteY1"/>
                </a:cxn>
                <a:cxn ang="0">
                  <a:pos x="connsiteX2" y="connsiteY2"/>
                </a:cxn>
                <a:cxn ang="0">
                  <a:pos x="connsiteX3" y="connsiteY3"/>
                </a:cxn>
              </a:cxnLst>
              <a:rect l="l" t="t" r="r" b="b"/>
              <a:pathLst>
                <a:path w="32860" h="53809">
                  <a:moveTo>
                    <a:pt x="32861" y="6798"/>
                  </a:moveTo>
                  <a:cubicBezTo>
                    <a:pt x="32861" y="6798"/>
                    <a:pt x="7549" y="27436"/>
                    <a:pt x="23756" y="50107"/>
                  </a:cubicBezTo>
                  <a:lnTo>
                    <a:pt x="2754" y="53810"/>
                  </a:lnTo>
                  <a:cubicBezTo>
                    <a:pt x="2754" y="53810"/>
                    <a:pt x="-10509" y="9530"/>
                    <a:pt x="21176" y="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2" name="Freeform: Shape 3441">
              <a:extLst>
                <a:ext uri="{FF2B5EF4-FFF2-40B4-BE49-F238E27FC236}">
                  <a16:creationId xmlns:a16="http://schemas.microsoft.com/office/drawing/2014/main" id="{2BBB2B26-1BF6-12B7-4C30-C0B325705B01}"/>
                </a:ext>
              </a:extLst>
            </p:cNvPr>
            <p:cNvSpPr/>
            <p:nvPr/>
          </p:nvSpPr>
          <p:spPr>
            <a:xfrm>
              <a:off x="6385842" y="1065589"/>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675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45"/>
                    <a:pt x="19636" y="44746"/>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3" name="Freeform: Shape 3442">
              <a:extLst>
                <a:ext uri="{FF2B5EF4-FFF2-40B4-BE49-F238E27FC236}">
                  <a16:creationId xmlns:a16="http://schemas.microsoft.com/office/drawing/2014/main" id="{A9C2E14C-94F3-4756-F2A1-105985F850D8}"/>
                </a:ext>
              </a:extLst>
            </p:cNvPr>
            <p:cNvSpPr/>
            <p:nvPr/>
          </p:nvSpPr>
          <p:spPr>
            <a:xfrm>
              <a:off x="5515841" y="1863601"/>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796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76"/>
                    <a:pt x="19636" y="44746"/>
                  </a:cubicBezTo>
                  <a:lnTo>
                    <a:pt x="0" y="36430"/>
                  </a:lnTo>
                  <a:cubicBezTo>
                    <a:pt x="0" y="36430"/>
                    <a:pt x="12959" y="-7941"/>
                    <a:pt x="44796"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4" name="Freeform: Shape 3443">
              <a:extLst>
                <a:ext uri="{FF2B5EF4-FFF2-40B4-BE49-F238E27FC236}">
                  <a16:creationId xmlns:a16="http://schemas.microsoft.com/office/drawing/2014/main" id="{03CC9E31-DE3B-27EF-632F-BBDDD2448C9E}"/>
                </a:ext>
              </a:extLst>
            </p:cNvPr>
            <p:cNvSpPr/>
            <p:nvPr/>
          </p:nvSpPr>
          <p:spPr>
            <a:xfrm>
              <a:off x="7249379" y="1328416"/>
              <a:ext cx="50865" cy="44715"/>
            </a:xfrm>
            <a:custGeom>
              <a:avLst/>
              <a:gdLst>
                <a:gd name="connsiteX0" fmla="*/ 50866 w 50865"/>
                <a:gd name="connsiteY0" fmla="*/ 13334 h 44715"/>
                <a:gd name="connsiteX1" fmla="*/ 19636 w 50865"/>
                <a:gd name="connsiteY1" fmla="*/ 44715 h 44715"/>
                <a:gd name="connsiteX2" fmla="*/ 0 w 50865"/>
                <a:gd name="connsiteY2" fmla="*/ 36430 h 44715"/>
                <a:gd name="connsiteX3" fmla="*/ 44675 w 50865"/>
                <a:gd name="connsiteY3" fmla="*/ 1255 h 44715"/>
              </a:gdLst>
              <a:ahLst/>
              <a:cxnLst>
                <a:cxn ang="0">
                  <a:pos x="connsiteX0" y="connsiteY0"/>
                </a:cxn>
                <a:cxn ang="0">
                  <a:pos x="connsiteX1" y="connsiteY1"/>
                </a:cxn>
                <a:cxn ang="0">
                  <a:pos x="connsiteX2" y="connsiteY2"/>
                </a:cxn>
                <a:cxn ang="0">
                  <a:pos x="connsiteX3" y="connsiteY3"/>
                </a:cxn>
              </a:cxnLst>
              <a:rect l="l" t="t" r="r" b="b"/>
              <a:pathLst>
                <a:path w="50865" h="44715">
                  <a:moveTo>
                    <a:pt x="50866" y="13334"/>
                  </a:moveTo>
                  <a:cubicBezTo>
                    <a:pt x="50866" y="13334"/>
                    <a:pt x="18422" y="16945"/>
                    <a:pt x="19636" y="44715"/>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5" name="Freeform: Shape 3444">
              <a:extLst>
                <a:ext uri="{FF2B5EF4-FFF2-40B4-BE49-F238E27FC236}">
                  <a16:creationId xmlns:a16="http://schemas.microsoft.com/office/drawing/2014/main" id="{6605B9B6-93CD-F86B-19C6-3879519A500C}"/>
                </a:ext>
              </a:extLst>
            </p:cNvPr>
            <p:cNvSpPr/>
            <p:nvPr/>
          </p:nvSpPr>
          <p:spPr>
            <a:xfrm>
              <a:off x="6514160" y="1525164"/>
              <a:ext cx="50865" cy="44754"/>
            </a:xfrm>
            <a:custGeom>
              <a:avLst/>
              <a:gdLst>
                <a:gd name="connsiteX0" fmla="*/ 50866 w 50865"/>
                <a:gd name="connsiteY0" fmla="*/ 13373 h 44754"/>
                <a:gd name="connsiteX1" fmla="*/ 19606 w 50865"/>
                <a:gd name="connsiteY1" fmla="*/ 44754 h 44754"/>
                <a:gd name="connsiteX2" fmla="*/ 0 w 50865"/>
                <a:gd name="connsiteY2" fmla="*/ 36438 h 44754"/>
                <a:gd name="connsiteX3" fmla="*/ 44675 w 50865"/>
                <a:gd name="connsiteY3" fmla="*/ 1233 h 44754"/>
              </a:gdLst>
              <a:ahLst/>
              <a:cxnLst>
                <a:cxn ang="0">
                  <a:pos x="connsiteX0" y="connsiteY0"/>
                </a:cxn>
                <a:cxn ang="0">
                  <a:pos x="connsiteX1" y="connsiteY1"/>
                </a:cxn>
                <a:cxn ang="0">
                  <a:pos x="connsiteX2" y="connsiteY2"/>
                </a:cxn>
                <a:cxn ang="0">
                  <a:pos x="connsiteX3" y="connsiteY3"/>
                </a:cxn>
              </a:cxnLst>
              <a:rect l="l" t="t" r="r" b="b"/>
              <a:pathLst>
                <a:path w="50865" h="44754">
                  <a:moveTo>
                    <a:pt x="50866" y="13373"/>
                  </a:moveTo>
                  <a:cubicBezTo>
                    <a:pt x="50866" y="13373"/>
                    <a:pt x="18422" y="16984"/>
                    <a:pt x="19606" y="44754"/>
                  </a:cubicBezTo>
                  <a:lnTo>
                    <a:pt x="0" y="36438"/>
                  </a:lnTo>
                  <a:cubicBezTo>
                    <a:pt x="0" y="36438"/>
                    <a:pt x="12899" y="-7872"/>
                    <a:pt x="44675" y="1233"/>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6" name="Freeform: Shape 3445">
              <a:extLst>
                <a:ext uri="{FF2B5EF4-FFF2-40B4-BE49-F238E27FC236}">
                  <a16:creationId xmlns:a16="http://schemas.microsoft.com/office/drawing/2014/main" id="{4FC54883-A7FA-FA58-921F-944C0BD9DC7C}"/>
                </a:ext>
              </a:extLst>
            </p:cNvPr>
            <p:cNvSpPr/>
            <p:nvPr/>
          </p:nvSpPr>
          <p:spPr>
            <a:xfrm>
              <a:off x="6467452" y="1819592"/>
              <a:ext cx="56844" cy="31089"/>
            </a:xfrm>
            <a:custGeom>
              <a:avLst/>
              <a:gdLst>
                <a:gd name="connsiteX0" fmla="*/ 54508 w 56844"/>
                <a:gd name="connsiteY0" fmla="*/ 25020 h 31089"/>
                <a:gd name="connsiteX1" fmla="*/ 10653 w 56844"/>
                <a:gd name="connsiteY1" fmla="*/ 31090 h 31089"/>
                <a:gd name="connsiteX2" fmla="*/ 0 w 56844"/>
                <a:gd name="connsiteY2" fmla="*/ 12637 h 31089"/>
                <a:gd name="connsiteX3" fmla="*/ 56845 w 56844"/>
                <a:gd name="connsiteY3" fmla="*/ 11484 h 31089"/>
              </a:gdLst>
              <a:ahLst/>
              <a:cxnLst>
                <a:cxn ang="0">
                  <a:pos x="connsiteX0" y="connsiteY0"/>
                </a:cxn>
                <a:cxn ang="0">
                  <a:pos x="connsiteX1" y="connsiteY1"/>
                </a:cxn>
                <a:cxn ang="0">
                  <a:pos x="connsiteX2" y="connsiteY2"/>
                </a:cxn>
                <a:cxn ang="0">
                  <a:pos x="connsiteX3" y="connsiteY3"/>
                </a:cxn>
              </a:cxnLst>
              <a:rect l="l" t="t" r="r" b="b"/>
              <a:pathLst>
                <a:path w="56844" h="31089">
                  <a:moveTo>
                    <a:pt x="54508" y="25020"/>
                  </a:moveTo>
                  <a:cubicBezTo>
                    <a:pt x="54508" y="25020"/>
                    <a:pt x="26434" y="8358"/>
                    <a:pt x="10653" y="31090"/>
                  </a:cubicBezTo>
                  <a:lnTo>
                    <a:pt x="0" y="12637"/>
                  </a:lnTo>
                  <a:cubicBezTo>
                    <a:pt x="0" y="12637"/>
                    <a:pt x="37026" y="-15011"/>
                    <a:pt x="56845" y="1148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7" name="Freeform: Shape 3446">
              <a:extLst>
                <a:ext uri="{FF2B5EF4-FFF2-40B4-BE49-F238E27FC236}">
                  <a16:creationId xmlns:a16="http://schemas.microsoft.com/office/drawing/2014/main" id="{2BD16C8F-0247-48B0-1B23-5FC6FE9B8D6A}"/>
                </a:ext>
              </a:extLst>
            </p:cNvPr>
            <p:cNvSpPr/>
            <p:nvPr/>
          </p:nvSpPr>
          <p:spPr>
            <a:xfrm>
              <a:off x="6875502" y="833166"/>
              <a:ext cx="30895" cy="32034"/>
            </a:xfrm>
            <a:custGeom>
              <a:avLst/>
              <a:gdLst>
                <a:gd name="connsiteX0" fmla="*/ 30896 w 30895"/>
                <a:gd name="connsiteY0" fmla="*/ 7330 h 32034"/>
                <a:gd name="connsiteX1" fmla="*/ 14082 w 30895"/>
                <a:gd name="connsiteY1" fmla="*/ 32035 h 32034"/>
                <a:gd name="connsiteX2" fmla="*/ 0 w 30895"/>
                <a:gd name="connsiteY2" fmla="*/ 29000 h 32034"/>
                <a:gd name="connsiteX3" fmla="*/ 25281 w 30895"/>
                <a:gd name="connsiteY3" fmla="*/ 107 h 32034"/>
              </a:gdLst>
              <a:ahLst/>
              <a:cxnLst>
                <a:cxn ang="0">
                  <a:pos x="connsiteX0" y="connsiteY0"/>
                </a:cxn>
                <a:cxn ang="0">
                  <a:pos x="connsiteX1" y="connsiteY1"/>
                </a:cxn>
                <a:cxn ang="0">
                  <a:pos x="connsiteX2" y="connsiteY2"/>
                </a:cxn>
                <a:cxn ang="0">
                  <a:pos x="connsiteX3" y="connsiteY3"/>
                </a:cxn>
              </a:cxnLst>
              <a:rect l="l" t="t" r="r" b="b"/>
              <a:pathLst>
                <a:path w="30895" h="32034">
                  <a:moveTo>
                    <a:pt x="30896" y="7330"/>
                  </a:moveTo>
                  <a:cubicBezTo>
                    <a:pt x="30896" y="7330"/>
                    <a:pt x="9803" y="13765"/>
                    <a:pt x="14082" y="32035"/>
                  </a:cubicBezTo>
                  <a:lnTo>
                    <a:pt x="0" y="29000"/>
                  </a:lnTo>
                  <a:cubicBezTo>
                    <a:pt x="0" y="29000"/>
                    <a:pt x="3035" y="-2048"/>
                    <a:pt x="25281" y="107"/>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49" name="Freeform: Shape 3448">
              <a:extLst>
                <a:ext uri="{FF2B5EF4-FFF2-40B4-BE49-F238E27FC236}">
                  <a16:creationId xmlns:a16="http://schemas.microsoft.com/office/drawing/2014/main" id="{C946C744-FBEB-7B5C-C376-0A0C4E36E733}"/>
                </a:ext>
              </a:extLst>
            </p:cNvPr>
            <p:cNvSpPr/>
            <p:nvPr/>
          </p:nvSpPr>
          <p:spPr>
            <a:xfrm>
              <a:off x="7252110" y="812622"/>
              <a:ext cx="30895" cy="32062"/>
            </a:xfrm>
            <a:custGeom>
              <a:avLst/>
              <a:gdLst>
                <a:gd name="connsiteX0" fmla="*/ 30896 w 30895"/>
                <a:gd name="connsiteY0" fmla="*/ 7327 h 32062"/>
                <a:gd name="connsiteX1" fmla="*/ 14052 w 30895"/>
                <a:gd name="connsiteY1" fmla="*/ 32062 h 32062"/>
                <a:gd name="connsiteX2" fmla="*/ 0 w 30895"/>
                <a:gd name="connsiteY2" fmla="*/ 29027 h 32062"/>
                <a:gd name="connsiteX3" fmla="*/ 25281 w 3089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95" h="32062">
                  <a:moveTo>
                    <a:pt x="30896" y="7327"/>
                  </a:moveTo>
                  <a:cubicBezTo>
                    <a:pt x="30896" y="7327"/>
                    <a:pt x="9651" y="13762"/>
                    <a:pt x="14052" y="32062"/>
                  </a:cubicBezTo>
                  <a:lnTo>
                    <a:pt x="0" y="29027"/>
                  </a:lnTo>
                  <a:cubicBezTo>
                    <a:pt x="0" y="29027"/>
                    <a:pt x="3035" y="-2020"/>
                    <a:pt x="2528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0" name="Freeform: Shape 3449">
              <a:extLst>
                <a:ext uri="{FF2B5EF4-FFF2-40B4-BE49-F238E27FC236}">
                  <a16:creationId xmlns:a16="http://schemas.microsoft.com/office/drawing/2014/main" id="{84729455-A2C4-3A71-2925-52FC1A3D95CB}"/>
                </a:ext>
              </a:extLst>
            </p:cNvPr>
            <p:cNvSpPr/>
            <p:nvPr/>
          </p:nvSpPr>
          <p:spPr>
            <a:xfrm>
              <a:off x="6408817" y="827112"/>
              <a:ext cx="55812" cy="35228"/>
            </a:xfrm>
            <a:custGeom>
              <a:avLst/>
              <a:gdLst>
                <a:gd name="connsiteX0" fmla="*/ 0 w 55812"/>
                <a:gd name="connsiteY0" fmla="*/ 13688 h 35228"/>
                <a:gd name="connsiteX1" fmla="*/ 42125 w 55812"/>
                <a:gd name="connsiteY1" fmla="*/ 0 h 35228"/>
                <a:gd name="connsiteX2" fmla="*/ 55813 w 55812"/>
                <a:gd name="connsiteY2" fmla="*/ 16419 h 35228"/>
                <a:gd name="connsiteX3" fmla="*/ 0 w 55812"/>
                <a:gd name="connsiteY3" fmla="*/ 27375 h 35228"/>
              </a:gdLst>
              <a:ahLst/>
              <a:cxnLst>
                <a:cxn ang="0">
                  <a:pos x="connsiteX0" y="connsiteY0"/>
                </a:cxn>
                <a:cxn ang="0">
                  <a:pos x="connsiteX1" y="connsiteY1"/>
                </a:cxn>
                <a:cxn ang="0">
                  <a:pos x="connsiteX2" y="connsiteY2"/>
                </a:cxn>
                <a:cxn ang="0">
                  <a:pos x="connsiteX3" y="connsiteY3"/>
                </a:cxn>
              </a:cxnLst>
              <a:rect l="l" t="t" r="r" b="b"/>
              <a:pathLst>
                <a:path w="55812" h="35228">
                  <a:moveTo>
                    <a:pt x="0" y="13688"/>
                  </a:moveTo>
                  <a:cubicBezTo>
                    <a:pt x="0" y="13688"/>
                    <a:pt x="30532" y="25281"/>
                    <a:pt x="42125" y="0"/>
                  </a:cubicBezTo>
                  <a:lnTo>
                    <a:pt x="55813" y="16419"/>
                  </a:lnTo>
                  <a:cubicBezTo>
                    <a:pt x="55813" y="16419"/>
                    <a:pt x="24098" y="50046"/>
                    <a:pt x="0" y="2737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1" name="Freeform: Shape 3450">
              <a:extLst>
                <a:ext uri="{FF2B5EF4-FFF2-40B4-BE49-F238E27FC236}">
                  <a16:creationId xmlns:a16="http://schemas.microsoft.com/office/drawing/2014/main" id="{49FA0665-C438-57A7-E573-B6AD1EA817D5}"/>
                </a:ext>
              </a:extLst>
            </p:cNvPr>
            <p:cNvSpPr/>
            <p:nvPr/>
          </p:nvSpPr>
          <p:spPr>
            <a:xfrm>
              <a:off x="5640335" y="1444622"/>
              <a:ext cx="30865" cy="32062"/>
            </a:xfrm>
            <a:custGeom>
              <a:avLst/>
              <a:gdLst>
                <a:gd name="connsiteX0" fmla="*/ 30866 w 30865"/>
                <a:gd name="connsiteY0" fmla="*/ 7327 h 32062"/>
                <a:gd name="connsiteX1" fmla="*/ 14052 w 30865"/>
                <a:gd name="connsiteY1" fmla="*/ 32062 h 32062"/>
                <a:gd name="connsiteX2" fmla="*/ 0 w 30865"/>
                <a:gd name="connsiteY2" fmla="*/ 29027 h 32062"/>
                <a:gd name="connsiteX3" fmla="*/ 25251 w 3086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65" h="32062">
                  <a:moveTo>
                    <a:pt x="30866" y="7327"/>
                  </a:moveTo>
                  <a:cubicBezTo>
                    <a:pt x="30866" y="7327"/>
                    <a:pt x="9621" y="13762"/>
                    <a:pt x="14052" y="32062"/>
                  </a:cubicBezTo>
                  <a:lnTo>
                    <a:pt x="0" y="29027"/>
                  </a:lnTo>
                  <a:cubicBezTo>
                    <a:pt x="0" y="29027"/>
                    <a:pt x="3035" y="-2020"/>
                    <a:pt x="2525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2" name="Freeform: Shape 3451">
              <a:extLst>
                <a:ext uri="{FF2B5EF4-FFF2-40B4-BE49-F238E27FC236}">
                  <a16:creationId xmlns:a16="http://schemas.microsoft.com/office/drawing/2014/main" id="{D724CFF0-CD65-5DED-D0D5-17AA334989A3}"/>
                </a:ext>
              </a:extLst>
            </p:cNvPr>
            <p:cNvSpPr/>
            <p:nvPr/>
          </p:nvSpPr>
          <p:spPr>
            <a:xfrm>
              <a:off x="6086170" y="898343"/>
              <a:ext cx="30071" cy="34416"/>
            </a:xfrm>
            <a:custGeom>
              <a:avLst/>
              <a:gdLst>
                <a:gd name="connsiteX0" fmla="*/ 21063 w 30071"/>
                <a:gd name="connsiteY0" fmla="*/ 34416 h 34416"/>
                <a:gd name="connsiteX1" fmla="*/ 0 w 30071"/>
                <a:gd name="connsiteY1" fmla="*/ 13172 h 34416"/>
                <a:gd name="connsiteX2" fmla="*/ 5584 w 30071"/>
                <a:gd name="connsiteY2" fmla="*/ 0 h 34416"/>
                <a:gd name="connsiteX3" fmla="*/ 29196 w 30071"/>
                <a:gd name="connsiteY3" fmla="*/ 30350 h 34416"/>
              </a:gdLst>
              <a:ahLst/>
              <a:cxnLst>
                <a:cxn ang="0">
                  <a:pos x="connsiteX0" y="connsiteY0"/>
                </a:cxn>
                <a:cxn ang="0">
                  <a:pos x="connsiteX1" y="connsiteY1"/>
                </a:cxn>
                <a:cxn ang="0">
                  <a:pos x="connsiteX2" y="connsiteY2"/>
                </a:cxn>
                <a:cxn ang="0">
                  <a:pos x="connsiteX3" y="connsiteY3"/>
                </a:cxn>
              </a:cxnLst>
              <a:rect l="l" t="t" r="r" b="b"/>
              <a:pathLst>
                <a:path w="30071" h="34416">
                  <a:moveTo>
                    <a:pt x="21063" y="34416"/>
                  </a:moveTo>
                  <a:cubicBezTo>
                    <a:pt x="21063" y="34416"/>
                    <a:pt x="18726" y="12474"/>
                    <a:pt x="0" y="13172"/>
                  </a:cubicBezTo>
                  <a:lnTo>
                    <a:pt x="5584" y="0"/>
                  </a:lnTo>
                  <a:cubicBezTo>
                    <a:pt x="5584" y="0"/>
                    <a:pt x="35509" y="8832"/>
                    <a:pt x="29196"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3" name="Freeform: Shape 3452">
              <a:extLst>
                <a:ext uri="{FF2B5EF4-FFF2-40B4-BE49-F238E27FC236}">
                  <a16:creationId xmlns:a16="http://schemas.microsoft.com/office/drawing/2014/main" id="{C3A09A8F-3F88-A4FE-A254-F80E2FF8D409}"/>
                </a:ext>
              </a:extLst>
            </p:cNvPr>
            <p:cNvSpPr/>
            <p:nvPr/>
          </p:nvSpPr>
          <p:spPr>
            <a:xfrm>
              <a:off x="5381574" y="876916"/>
              <a:ext cx="30367" cy="34386"/>
            </a:xfrm>
            <a:custGeom>
              <a:avLst/>
              <a:gdLst>
                <a:gd name="connsiteX0" fmla="*/ 21245 w 30367"/>
                <a:gd name="connsiteY0" fmla="*/ 34386 h 34386"/>
                <a:gd name="connsiteX1" fmla="*/ 0 w 30367"/>
                <a:gd name="connsiteY1" fmla="*/ 13141 h 34386"/>
                <a:gd name="connsiteX2" fmla="*/ 5888 w 30367"/>
                <a:gd name="connsiteY2" fmla="*/ 0 h 34386"/>
                <a:gd name="connsiteX3" fmla="*/ 29500 w 30367"/>
                <a:gd name="connsiteY3" fmla="*/ 30350 h 34386"/>
              </a:gdLst>
              <a:ahLst/>
              <a:cxnLst>
                <a:cxn ang="0">
                  <a:pos x="connsiteX0" y="connsiteY0"/>
                </a:cxn>
                <a:cxn ang="0">
                  <a:pos x="connsiteX1" y="connsiteY1"/>
                </a:cxn>
                <a:cxn ang="0">
                  <a:pos x="connsiteX2" y="connsiteY2"/>
                </a:cxn>
                <a:cxn ang="0">
                  <a:pos x="connsiteX3" y="connsiteY3"/>
                </a:cxn>
              </a:cxnLst>
              <a:rect l="l" t="t" r="r" b="b"/>
              <a:pathLst>
                <a:path w="30367" h="34386">
                  <a:moveTo>
                    <a:pt x="21245" y="34386"/>
                  </a:moveTo>
                  <a:cubicBezTo>
                    <a:pt x="21245" y="34386"/>
                    <a:pt x="18908" y="12443"/>
                    <a:pt x="0" y="13141"/>
                  </a:cubicBezTo>
                  <a:lnTo>
                    <a:pt x="5888" y="0"/>
                  </a:lnTo>
                  <a:cubicBezTo>
                    <a:pt x="5888" y="0"/>
                    <a:pt x="35782" y="8832"/>
                    <a:pt x="29500"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4" name="Freeform: Shape 3453">
              <a:extLst>
                <a:ext uri="{FF2B5EF4-FFF2-40B4-BE49-F238E27FC236}">
                  <a16:creationId xmlns:a16="http://schemas.microsoft.com/office/drawing/2014/main" id="{38732F9D-7F01-0384-AF30-4470C12D899D}"/>
                </a:ext>
              </a:extLst>
            </p:cNvPr>
            <p:cNvSpPr/>
            <p:nvPr/>
          </p:nvSpPr>
          <p:spPr>
            <a:xfrm>
              <a:off x="6237554" y="977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78" y="17239"/>
                    <a:pt x="8619" y="17239"/>
                  </a:cubicBezTo>
                  <a:cubicBezTo>
                    <a:pt x="3860" y="17239"/>
                    <a:pt x="0" y="13378"/>
                    <a:pt x="0" y="8619"/>
                  </a:cubicBezTo>
                  <a:cubicBezTo>
                    <a:pt x="0" y="3859"/>
                    <a:pt x="3860" y="0"/>
                    <a:pt x="8619" y="0"/>
                  </a:cubicBezTo>
                  <a:cubicBezTo>
                    <a:pt x="13378"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5" name="Freeform: Shape 3454">
              <a:extLst>
                <a:ext uri="{FF2B5EF4-FFF2-40B4-BE49-F238E27FC236}">
                  <a16:creationId xmlns:a16="http://schemas.microsoft.com/office/drawing/2014/main" id="{08F2F1EC-66A9-387F-058F-8FC49CECF07A}"/>
                </a:ext>
              </a:extLst>
            </p:cNvPr>
            <p:cNvSpPr/>
            <p:nvPr/>
          </p:nvSpPr>
          <p:spPr>
            <a:xfrm>
              <a:off x="6725423" y="1439992"/>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88"/>
                    <a:pt x="3830" y="18"/>
                    <a:pt x="8589" y="0"/>
                  </a:cubicBezTo>
                  <a:cubicBezTo>
                    <a:pt x="8610" y="0"/>
                    <a:pt x="8628" y="0"/>
                    <a:pt x="8650" y="0"/>
                  </a:cubicBezTo>
                  <a:cubicBezTo>
                    <a:pt x="13387" y="15"/>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6" name="Freeform: Shape 3455">
              <a:extLst>
                <a:ext uri="{FF2B5EF4-FFF2-40B4-BE49-F238E27FC236}">
                  <a16:creationId xmlns:a16="http://schemas.microsoft.com/office/drawing/2014/main" id="{360CE212-AD28-A654-3915-90060325A8A7}"/>
                </a:ext>
              </a:extLst>
            </p:cNvPr>
            <p:cNvSpPr/>
            <p:nvPr/>
          </p:nvSpPr>
          <p:spPr>
            <a:xfrm>
              <a:off x="6592947" y="103470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80"/>
                    <a:pt x="13380" y="17239"/>
                    <a:pt x="8619" y="17239"/>
                  </a:cubicBezTo>
                  <a:cubicBezTo>
                    <a:pt x="3859" y="17239"/>
                    <a:pt x="0" y="13380"/>
                    <a:pt x="0" y="8619"/>
                  </a:cubicBezTo>
                  <a:cubicBezTo>
                    <a:pt x="0" y="3859"/>
                    <a:pt x="3859" y="0"/>
                    <a:pt x="8619" y="0"/>
                  </a:cubicBezTo>
                  <a:cubicBezTo>
                    <a:pt x="13380"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7" name="Freeform: Shape 3456">
              <a:extLst>
                <a:ext uri="{FF2B5EF4-FFF2-40B4-BE49-F238E27FC236}">
                  <a16:creationId xmlns:a16="http://schemas.microsoft.com/office/drawing/2014/main" id="{28BB70FD-AD24-878A-1A18-F0BF6AF9C22D}"/>
                </a:ext>
              </a:extLst>
            </p:cNvPr>
            <p:cNvSpPr/>
            <p:nvPr/>
          </p:nvSpPr>
          <p:spPr>
            <a:xfrm>
              <a:off x="6160193" y="1606277"/>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8" name="Freeform: Shape 3457">
              <a:extLst>
                <a:ext uri="{FF2B5EF4-FFF2-40B4-BE49-F238E27FC236}">
                  <a16:creationId xmlns:a16="http://schemas.microsoft.com/office/drawing/2014/main" id="{F2DC7C56-15E9-3F78-5C03-35371244AF8D}"/>
                </a:ext>
              </a:extLst>
            </p:cNvPr>
            <p:cNvSpPr/>
            <p:nvPr/>
          </p:nvSpPr>
          <p:spPr>
            <a:xfrm>
              <a:off x="6862816" y="176828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1" y="17239"/>
                    <a:pt x="8619" y="17239"/>
                  </a:cubicBezTo>
                  <a:cubicBezTo>
                    <a:pt x="3857" y="17239"/>
                    <a:pt x="0" y="13378"/>
                    <a:pt x="0" y="8619"/>
                  </a:cubicBezTo>
                  <a:cubicBezTo>
                    <a:pt x="0" y="3860"/>
                    <a:pt x="3857" y="0"/>
                    <a:pt x="8619" y="0"/>
                  </a:cubicBezTo>
                  <a:cubicBezTo>
                    <a:pt x="13378"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59" name="Freeform: Shape 3458">
              <a:extLst>
                <a:ext uri="{FF2B5EF4-FFF2-40B4-BE49-F238E27FC236}">
                  <a16:creationId xmlns:a16="http://schemas.microsoft.com/office/drawing/2014/main" id="{561BE48C-0521-4479-C2A6-04EAB30A8921}"/>
                </a:ext>
              </a:extLst>
            </p:cNvPr>
            <p:cNvSpPr/>
            <p:nvPr/>
          </p:nvSpPr>
          <p:spPr>
            <a:xfrm>
              <a:off x="7158269" y="1987134"/>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8650 w 17238"/>
                <a:gd name="connsiteY4" fmla="*/ 0 h 17238"/>
                <a:gd name="connsiteX5" fmla="*/ 17239 w 17238"/>
                <a:gd name="connsiteY5" fmla="*/ 861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19"/>
                  </a:moveTo>
                  <a:cubicBezTo>
                    <a:pt x="17239" y="13378"/>
                    <a:pt x="13378" y="17239"/>
                    <a:pt x="8619" y="17239"/>
                  </a:cubicBezTo>
                  <a:cubicBezTo>
                    <a:pt x="3861" y="17239"/>
                    <a:pt x="0" y="13378"/>
                    <a:pt x="0" y="8619"/>
                  </a:cubicBezTo>
                  <a:cubicBezTo>
                    <a:pt x="0" y="3857"/>
                    <a:pt x="3861" y="0"/>
                    <a:pt x="8619" y="0"/>
                  </a:cubicBezTo>
                  <a:cubicBezTo>
                    <a:pt x="8628" y="0"/>
                    <a:pt x="8641" y="0"/>
                    <a:pt x="8650" y="0"/>
                  </a:cubicBezTo>
                  <a:cubicBezTo>
                    <a:pt x="13399" y="18"/>
                    <a:pt x="17239" y="387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60" name="Freeform: Shape 3459">
              <a:extLst>
                <a:ext uri="{FF2B5EF4-FFF2-40B4-BE49-F238E27FC236}">
                  <a16:creationId xmlns:a16="http://schemas.microsoft.com/office/drawing/2014/main" id="{A88462E5-606C-2B17-F5D3-ED6B6313F863}"/>
                </a:ext>
              </a:extLst>
            </p:cNvPr>
            <p:cNvSpPr/>
            <p:nvPr/>
          </p:nvSpPr>
          <p:spPr>
            <a:xfrm>
              <a:off x="5686041" y="202686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7"/>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61" name="Freeform: Shape 3460">
              <a:extLst>
                <a:ext uri="{FF2B5EF4-FFF2-40B4-BE49-F238E27FC236}">
                  <a16:creationId xmlns:a16="http://schemas.microsoft.com/office/drawing/2014/main" id="{CECAF3CC-6524-F7D2-39E1-F4E49AED1C13}"/>
                </a:ext>
              </a:extLst>
            </p:cNvPr>
            <p:cNvSpPr/>
            <p:nvPr/>
          </p:nvSpPr>
          <p:spPr>
            <a:xfrm>
              <a:off x="5426067" y="1728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0" y="17239"/>
                    <a:pt x="8619" y="17239"/>
                  </a:cubicBezTo>
                  <a:cubicBezTo>
                    <a:pt x="3859" y="17239"/>
                    <a:pt x="0" y="13378"/>
                    <a:pt x="0" y="8619"/>
                  </a:cubicBezTo>
                  <a:cubicBezTo>
                    <a:pt x="0" y="3860"/>
                    <a:pt x="3859" y="0"/>
                    <a:pt x="8619" y="0"/>
                  </a:cubicBezTo>
                  <a:cubicBezTo>
                    <a:pt x="13380"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62" name="Freeform: Shape 3461">
              <a:extLst>
                <a:ext uri="{FF2B5EF4-FFF2-40B4-BE49-F238E27FC236}">
                  <a16:creationId xmlns:a16="http://schemas.microsoft.com/office/drawing/2014/main" id="{769B2AF7-12C8-AAC6-041C-DE04F3C12689}"/>
                </a:ext>
              </a:extLst>
            </p:cNvPr>
            <p:cNvSpPr/>
            <p:nvPr/>
          </p:nvSpPr>
          <p:spPr>
            <a:xfrm>
              <a:off x="5426067" y="1312159"/>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5" y="13348"/>
                    <a:pt x="13410" y="17220"/>
                    <a:pt x="8650" y="17239"/>
                  </a:cubicBezTo>
                  <a:cubicBezTo>
                    <a:pt x="3889" y="17257"/>
                    <a:pt x="17" y="13408"/>
                    <a:pt x="0" y="8650"/>
                  </a:cubicBezTo>
                  <a:cubicBezTo>
                    <a:pt x="-17" y="3891"/>
                    <a:pt x="3829" y="18"/>
                    <a:pt x="8589" y="0"/>
                  </a:cubicBezTo>
                  <a:cubicBezTo>
                    <a:pt x="8599" y="0"/>
                    <a:pt x="8609" y="0"/>
                    <a:pt x="8619" y="0"/>
                  </a:cubicBezTo>
                  <a:cubicBezTo>
                    <a:pt x="13368" y="0"/>
                    <a:pt x="17222" y="3839"/>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63" name="Freeform: Shape 3462">
              <a:extLst>
                <a:ext uri="{FF2B5EF4-FFF2-40B4-BE49-F238E27FC236}">
                  <a16:creationId xmlns:a16="http://schemas.microsoft.com/office/drawing/2014/main" id="{1497CCD7-72AA-0A0C-C66D-D61F3792F552}"/>
                </a:ext>
              </a:extLst>
            </p:cNvPr>
            <p:cNvSpPr/>
            <p:nvPr/>
          </p:nvSpPr>
          <p:spPr>
            <a:xfrm>
              <a:off x="5667224" y="828568"/>
              <a:ext cx="17238" cy="17238"/>
            </a:xfrm>
            <a:custGeom>
              <a:avLst/>
              <a:gdLst>
                <a:gd name="connsiteX0" fmla="*/ 17239 w 17238"/>
                <a:gd name="connsiteY0" fmla="*/ 8620 h 17238"/>
                <a:gd name="connsiteX1" fmla="*/ 8619 w 17238"/>
                <a:gd name="connsiteY1" fmla="*/ 17239 h 17238"/>
                <a:gd name="connsiteX2" fmla="*/ 0 w 17238"/>
                <a:gd name="connsiteY2" fmla="*/ 8618 h 17238"/>
                <a:gd name="connsiteX3" fmla="*/ 8619 w 17238"/>
                <a:gd name="connsiteY3" fmla="*/ 0 h 17238"/>
                <a:gd name="connsiteX4" fmla="*/ 8741 w 17238"/>
                <a:gd name="connsiteY4" fmla="*/ 1 h 17238"/>
                <a:gd name="connsiteX5" fmla="*/ 17239 w 17238"/>
                <a:gd name="connsiteY5" fmla="*/ 8620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20"/>
                  </a:moveTo>
                  <a:cubicBezTo>
                    <a:pt x="17239" y="13381"/>
                    <a:pt x="13378" y="17239"/>
                    <a:pt x="8619" y="17239"/>
                  </a:cubicBezTo>
                  <a:cubicBezTo>
                    <a:pt x="3857" y="17238"/>
                    <a:pt x="0" y="13379"/>
                    <a:pt x="0" y="8618"/>
                  </a:cubicBezTo>
                  <a:cubicBezTo>
                    <a:pt x="0" y="3858"/>
                    <a:pt x="3860" y="0"/>
                    <a:pt x="8619" y="0"/>
                  </a:cubicBezTo>
                  <a:cubicBezTo>
                    <a:pt x="8662" y="0"/>
                    <a:pt x="8701" y="0"/>
                    <a:pt x="8741" y="1"/>
                  </a:cubicBezTo>
                  <a:cubicBezTo>
                    <a:pt x="13460" y="51"/>
                    <a:pt x="17257" y="3900"/>
                    <a:pt x="17239" y="862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64" name="Freeform: Shape 3463">
              <a:extLst>
                <a:ext uri="{FF2B5EF4-FFF2-40B4-BE49-F238E27FC236}">
                  <a16:creationId xmlns:a16="http://schemas.microsoft.com/office/drawing/2014/main" id="{55AF5C7F-E579-A02B-7371-12F1B6AA9CF7}"/>
                </a:ext>
              </a:extLst>
            </p:cNvPr>
            <p:cNvSpPr/>
            <p:nvPr/>
          </p:nvSpPr>
          <p:spPr>
            <a:xfrm>
              <a:off x="7398274" y="117340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4"/>
                    <a:pt x="18" y="13408"/>
                    <a:pt x="0" y="8650"/>
                  </a:cubicBezTo>
                  <a:cubicBezTo>
                    <a:pt x="-18" y="3888"/>
                    <a:pt x="3830" y="18"/>
                    <a:pt x="8589" y="0"/>
                  </a:cubicBezTo>
                  <a:cubicBezTo>
                    <a:pt x="8610" y="0"/>
                    <a:pt x="8629" y="0"/>
                    <a:pt x="8650" y="0"/>
                  </a:cubicBezTo>
                  <a:cubicBezTo>
                    <a:pt x="13387" y="15"/>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65" name="Freeform: Shape 3464">
              <a:extLst>
                <a:ext uri="{FF2B5EF4-FFF2-40B4-BE49-F238E27FC236}">
                  <a16:creationId xmlns:a16="http://schemas.microsoft.com/office/drawing/2014/main" id="{AA58337E-DEAA-EB53-4F96-29EBBC8D34D9}"/>
                </a:ext>
              </a:extLst>
            </p:cNvPr>
            <p:cNvSpPr/>
            <p:nvPr/>
          </p:nvSpPr>
          <p:spPr>
            <a:xfrm>
              <a:off x="7398274" y="1507884"/>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7"/>
                    <a:pt x="18" y="13408"/>
                    <a:pt x="0" y="8650"/>
                  </a:cubicBezTo>
                  <a:cubicBezTo>
                    <a:pt x="-18" y="3891"/>
                    <a:pt x="3830" y="18"/>
                    <a:pt x="8589" y="0"/>
                  </a:cubicBezTo>
                  <a:cubicBezTo>
                    <a:pt x="8610" y="0"/>
                    <a:pt x="8629" y="0"/>
                    <a:pt x="8650" y="0"/>
                  </a:cubicBezTo>
                  <a:cubicBezTo>
                    <a:pt x="13387" y="18"/>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66" name="Freeform: Shape 3465">
              <a:extLst>
                <a:ext uri="{FF2B5EF4-FFF2-40B4-BE49-F238E27FC236}">
                  <a16:creationId xmlns:a16="http://schemas.microsoft.com/office/drawing/2014/main" id="{09A39951-9D0D-F6CE-8C66-89D33EEE7AC5}"/>
                </a:ext>
              </a:extLst>
            </p:cNvPr>
            <p:cNvSpPr/>
            <p:nvPr/>
          </p:nvSpPr>
          <p:spPr>
            <a:xfrm>
              <a:off x="7149680" y="957706"/>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12" y="17222"/>
                    <a:pt x="8650" y="17239"/>
                  </a:cubicBezTo>
                  <a:cubicBezTo>
                    <a:pt x="3891" y="17255"/>
                    <a:pt x="18" y="13410"/>
                    <a:pt x="0" y="8650"/>
                  </a:cubicBezTo>
                  <a:cubicBezTo>
                    <a:pt x="-15" y="3889"/>
                    <a:pt x="3830" y="17"/>
                    <a:pt x="8589" y="0"/>
                  </a:cubicBezTo>
                  <a:cubicBezTo>
                    <a:pt x="8598" y="0"/>
                    <a:pt x="8610" y="0"/>
                    <a:pt x="8619" y="0"/>
                  </a:cubicBezTo>
                  <a:cubicBezTo>
                    <a:pt x="13369" y="0"/>
                    <a:pt x="17223" y="3840"/>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67" name="Freeform: Shape 3466">
              <a:extLst>
                <a:ext uri="{FF2B5EF4-FFF2-40B4-BE49-F238E27FC236}">
                  <a16:creationId xmlns:a16="http://schemas.microsoft.com/office/drawing/2014/main" id="{B1C7B9EF-9E9D-8DFA-F18E-395DC5C78EDF}"/>
                </a:ext>
              </a:extLst>
            </p:cNvPr>
            <p:cNvSpPr/>
            <p:nvPr/>
          </p:nvSpPr>
          <p:spPr>
            <a:xfrm>
              <a:off x="6048537" y="792240"/>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09" y="17222"/>
                    <a:pt x="8650" y="17239"/>
                  </a:cubicBezTo>
                  <a:cubicBezTo>
                    <a:pt x="3891" y="17255"/>
                    <a:pt x="18" y="13410"/>
                    <a:pt x="0" y="8650"/>
                  </a:cubicBezTo>
                  <a:cubicBezTo>
                    <a:pt x="-15" y="3889"/>
                    <a:pt x="3830" y="17"/>
                    <a:pt x="8589" y="0"/>
                  </a:cubicBezTo>
                  <a:cubicBezTo>
                    <a:pt x="8610" y="0"/>
                    <a:pt x="8628" y="0"/>
                    <a:pt x="8650" y="0"/>
                  </a:cubicBezTo>
                  <a:cubicBezTo>
                    <a:pt x="13387" y="17"/>
                    <a:pt x="17223" y="3852"/>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grpSp>
        <p:nvGrpSpPr>
          <p:cNvPr id="3471" name="Graphic 39">
            <a:extLst>
              <a:ext uri="{FF2B5EF4-FFF2-40B4-BE49-F238E27FC236}">
                <a16:creationId xmlns:a16="http://schemas.microsoft.com/office/drawing/2014/main" id="{5928C84E-FA79-BBB4-317B-713D401B8722}"/>
              </a:ext>
            </a:extLst>
          </p:cNvPr>
          <p:cNvGrpSpPr/>
          <p:nvPr/>
        </p:nvGrpSpPr>
        <p:grpSpPr>
          <a:xfrm rot="10800000">
            <a:off x="6642446" y="657195"/>
            <a:ext cx="1527993" cy="1015523"/>
            <a:chOff x="5381574" y="792240"/>
            <a:chExt cx="2071953" cy="1251859"/>
          </a:xfrm>
          <a:solidFill>
            <a:srgbClr val="FF0000"/>
          </a:solidFill>
        </p:grpSpPr>
        <p:sp>
          <p:nvSpPr>
            <p:cNvPr id="3472" name="Freeform: Shape 3471">
              <a:extLst>
                <a:ext uri="{FF2B5EF4-FFF2-40B4-BE49-F238E27FC236}">
                  <a16:creationId xmlns:a16="http://schemas.microsoft.com/office/drawing/2014/main" id="{372A9B60-E58D-2BBF-059E-CA387E6C9FA4}"/>
                </a:ext>
              </a:extLst>
            </p:cNvPr>
            <p:cNvSpPr/>
            <p:nvPr/>
          </p:nvSpPr>
          <p:spPr>
            <a:xfrm>
              <a:off x="6213153" y="1266119"/>
              <a:ext cx="46634" cy="47830"/>
            </a:xfrm>
            <a:custGeom>
              <a:avLst/>
              <a:gdLst>
                <a:gd name="connsiteX0" fmla="*/ 34872 w 46634"/>
                <a:gd name="connsiteY0" fmla="*/ 47831 h 47830"/>
                <a:gd name="connsiteX1" fmla="*/ 0 w 46634"/>
                <a:gd name="connsiteY1" fmla="*/ 20516 h 47830"/>
                <a:gd name="connsiteX2" fmla="*/ 5888 w 46634"/>
                <a:gd name="connsiteY2" fmla="*/ 0 h 47830"/>
                <a:gd name="connsiteX3" fmla="*/ 46222 w 46634"/>
                <a:gd name="connsiteY3" fmla="*/ 40092 h 47830"/>
              </a:gdLst>
              <a:ahLst/>
              <a:cxnLst>
                <a:cxn ang="0">
                  <a:pos x="connsiteX0" y="connsiteY0"/>
                </a:cxn>
                <a:cxn ang="0">
                  <a:pos x="connsiteX1" y="connsiteY1"/>
                </a:cxn>
                <a:cxn ang="0">
                  <a:pos x="connsiteX2" y="connsiteY2"/>
                </a:cxn>
                <a:cxn ang="0">
                  <a:pos x="connsiteX3" y="connsiteY3"/>
                </a:cxn>
              </a:cxnLst>
              <a:rect l="l" t="t" r="r" b="b"/>
              <a:pathLst>
                <a:path w="46634" h="47830">
                  <a:moveTo>
                    <a:pt x="34872" y="47831"/>
                  </a:moveTo>
                  <a:cubicBezTo>
                    <a:pt x="34872" y="47831"/>
                    <a:pt x="27315" y="15994"/>
                    <a:pt x="0" y="20516"/>
                  </a:cubicBezTo>
                  <a:lnTo>
                    <a:pt x="5888" y="0"/>
                  </a:lnTo>
                  <a:cubicBezTo>
                    <a:pt x="5888" y="0"/>
                    <a:pt x="51412" y="7436"/>
                    <a:pt x="4622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73" name="Freeform: Shape 3472">
              <a:extLst>
                <a:ext uri="{FF2B5EF4-FFF2-40B4-BE49-F238E27FC236}">
                  <a16:creationId xmlns:a16="http://schemas.microsoft.com/office/drawing/2014/main" id="{4C8C7448-0255-38F7-04C6-6DE335013FF6}"/>
                </a:ext>
              </a:extLst>
            </p:cNvPr>
            <p:cNvSpPr/>
            <p:nvPr/>
          </p:nvSpPr>
          <p:spPr>
            <a:xfrm>
              <a:off x="6166870" y="192012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74" name="Freeform: Shape 3473">
              <a:extLst>
                <a:ext uri="{FF2B5EF4-FFF2-40B4-BE49-F238E27FC236}">
                  <a16:creationId xmlns:a16="http://schemas.microsoft.com/office/drawing/2014/main" id="{DA9B7BFF-A1F0-DFB3-71CB-64F148A8A4FB}"/>
                </a:ext>
              </a:extLst>
            </p:cNvPr>
            <p:cNvSpPr/>
            <p:nvPr/>
          </p:nvSpPr>
          <p:spPr>
            <a:xfrm>
              <a:off x="6742571" y="1905697"/>
              <a:ext cx="45190" cy="47778"/>
            </a:xfrm>
            <a:custGeom>
              <a:avLst/>
              <a:gdLst>
                <a:gd name="connsiteX0" fmla="*/ 45190 w 45190"/>
                <a:gd name="connsiteY0" fmla="*/ 10661 h 47778"/>
                <a:gd name="connsiteX1" fmla="*/ 20911 w 45190"/>
                <a:gd name="connsiteY1" fmla="*/ 47779 h 47778"/>
                <a:gd name="connsiteX2" fmla="*/ 0 w 45190"/>
                <a:gd name="connsiteY2" fmla="*/ 43651 h 47778"/>
                <a:gd name="connsiteX3" fmla="*/ 36420 w 45190"/>
                <a:gd name="connsiteY3" fmla="*/ 100 h 47778"/>
              </a:gdLst>
              <a:ahLst/>
              <a:cxnLst>
                <a:cxn ang="0">
                  <a:pos x="connsiteX0" y="connsiteY0"/>
                </a:cxn>
                <a:cxn ang="0">
                  <a:pos x="connsiteX1" y="connsiteY1"/>
                </a:cxn>
                <a:cxn ang="0">
                  <a:pos x="connsiteX2" y="connsiteY2"/>
                </a:cxn>
                <a:cxn ang="0">
                  <a:pos x="connsiteX3" y="connsiteY3"/>
                </a:cxn>
              </a:cxnLst>
              <a:rect l="l" t="t" r="r" b="b"/>
              <a:pathLst>
                <a:path w="45190" h="47778">
                  <a:moveTo>
                    <a:pt x="45190" y="10661"/>
                  </a:moveTo>
                  <a:cubicBezTo>
                    <a:pt x="45190" y="10661"/>
                    <a:pt x="14143" y="20828"/>
                    <a:pt x="20911" y="47779"/>
                  </a:cubicBezTo>
                  <a:lnTo>
                    <a:pt x="0" y="43651"/>
                  </a:lnTo>
                  <a:cubicBezTo>
                    <a:pt x="0" y="43651"/>
                    <a:pt x="3581" y="-2419"/>
                    <a:pt x="36420" y="10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75" name="Freeform: Shape 3474">
              <a:extLst>
                <a:ext uri="{FF2B5EF4-FFF2-40B4-BE49-F238E27FC236}">
                  <a16:creationId xmlns:a16="http://schemas.microsoft.com/office/drawing/2014/main" id="{3000BAF9-4138-8A5F-627B-C146BEC8349A}"/>
                </a:ext>
              </a:extLst>
            </p:cNvPr>
            <p:cNvSpPr/>
            <p:nvPr/>
          </p:nvSpPr>
          <p:spPr>
            <a:xfrm>
              <a:off x="7306284" y="175781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61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61"/>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76" name="Freeform: Shape 3475">
              <a:extLst>
                <a:ext uri="{FF2B5EF4-FFF2-40B4-BE49-F238E27FC236}">
                  <a16:creationId xmlns:a16="http://schemas.microsoft.com/office/drawing/2014/main" id="{2DEA2252-0A38-E5A9-14B4-A6D927F9A8F8}"/>
                </a:ext>
              </a:extLst>
            </p:cNvPr>
            <p:cNvSpPr/>
            <p:nvPr/>
          </p:nvSpPr>
          <p:spPr>
            <a:xfrm>
              <a:off x="7406923" y="908813"/>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06" y="15994"/>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77" name="Freeform: Shape 3476">
              <a:extLst>
                <a:ext uri="{FF2B5EF4-FFF2-40B4-BE49-F238E27FC236}">
                  <a16:creationId xmlns:a16="http://schemas.microsoft.com/office/drawing/2014/main" id="{BEE2F97C-E5FB-62D0-9646-93CDF2DAB086}"/>
                </a:ext>
              </a:extLst>
            </p:cNvPr>
            <p:cNvSpPr/>
            <p:nvPr/>
          </p:nvSpPr>
          <p:spPr>
            <a:xfrm>
              <a:off x="5759920" y="1015795"/>
              <a:ext cx="32860" cy="53809"/>
            </a:xfrm>
            <a:custGeom>
              <a:avLst/>
              <a:gdLst>
                <a:gd name="connsiteX0" fmla="*/ 32861 w 32860"/>
                <a:gd name="connsiteY0" fmla="*/ 6798 h 53809"/>
                <a:gd name="connsiteX1" fmla="*/ 23756 w 32860"/>
                <a:gd name="connsiteY1" fmla="*/ 50107 h 53809"/>
                <a:gd name="connsiteX2" fmla="*/ 2754 w 32860"/>
                <a:gd name="connsiteY2" fmla="*/ 53810 h 53809"/>
                <a:gd name="connsiteX3" fmla="*/ 21176 w 32860"/>
                <a:gd name="connsiteY3" fmla="*/ 0 h 53809"/>
              </a:gdLst>
              <a:ahLst/>
              <a:cxnLst>
                <a:cxn ang="0">
                  <a:pos x="connsiteX0" y="connsiteY0"/>
                </a:cxn>
                <a:cxn ang="0">
                  <a:pos x="connsiteX1" y="connsiteY1"/>
                </a:cxn>
                <a:cxn ang="0">
                  <a:pos x="connsiteX2" y="connsiteY2"/>
                </a:cxn>
                <a:cxn ang="0">
                  <a:pos x="connsiteX3" y="connsiteY3"/>
                </a:cxn>
              </a:cxnLst>
              <a:rect l="l" t="t" r="r" b="b"/>
              <a:pathLst>
                <a:path w="32860" h="53809">
                  <a:moveTo>
                    <a:pt x="32861" y="6798"/>
                  </a:moveTo>
                  <a:cubicBezTo>
                    <a:pt x="32861" y="6798"/>
                    <a:pt x="7549" y="27436"/>
                    <a:pt x="23756" y="50107"/>
                  </a:cubicBezTo>
                  <a:lnTo>
                    <a:pt x="2754" y="53810"/>
                  </a:lnTo>
                  <a:cubicBezTo>
                    <a:pt x="2754" y="53810"/>
                    <a:pt x="-10509" y="9530"/>
                    <a:pt x="21176" y="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78" name="Freeform: Shape 3477">
              <a:extLst>
                <a:ext uri="{FF2B5EF4-FFF2-40B4-BE49-F238E27FC236}">
                  <a16:creationId xmlns:a16="http://schemas.microsoft.com/office/drawing/2014/main" id="{CBC96304-F6E0-B1CC-AB08-51BA1F782ED7}"/>
                </a:ext>
              </a:extLst>
            </p:cNvPr>
            <p:cNvSpPr/>
            <p:nvPr/>
          </p:nvSpPr>
          <p:spPr>
            <a:xfrm>
              <a:off x="6385842" y="1065589"/>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675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45"/>
                    <a:pt x="19636" y="44746"/>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79" name="Freeform: Shape 3478">
              <a:extLst>
                <a:ext uri="{FF2B5EF4-FFF2-40B4-BE49-F238E27FC236}">
                  <a16:creationId xmlns:a16="http://schemas.microsoft.com/office/drawing/2014/main" id="{0F53041B-8049-0278-21AC-E82910D42470}"/>
                </a:ext>
              </a:extLst>
            </p:cNvPr>
            <p:cNvSpPr/>
            <p:nvPr/>
          </p:nvSpPr>
          <p:spPr>
            <a:xfrm>
              <a:off x="5515841" y="1863601"/>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796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76"/>
                    <a:pt x="19636" y="44746"/>
                  </a:cubicBezTo>
                  <a:lnTo>
                    <a:pt x="0" y="36430"/>
                  </a:lnTo>
                  <a:cubicBezTo>
                    <a:pt x="0" y="36430"/>
                    <a:pt x="12959" y="-7941"/>
                    <a:pt x="44796"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480" name="Freeform: Shape 3479">
              <a:extLst>
                <a:ext uri="{FF2B5EF4-FFF2-40B4-BE49-F238E27FC236}">
                  <a16:creationId xmlns:a16="http://schemas.microsoft.com/office/drawing/2014/main" id="{64D0F726-A784-8F19-450E-35EA88E1A2BD}"/>
                </a:ext>
              </a:extLst>
            </p:cNvPr>
            <p:cNvSpPr/>
            <p:nvPr/>
          </p:nvSpPr>
          <p:spPr>
            <a:xfrm>
              <a:off x="7249379" y="1328416"/>
              <a:ext cx="50865" cy="44715"/>
            </a:xfrm>
            <a:custGeom>
              <a:avLst/>
              <a:gdLst>
                <a:gd name="connsiteX0" fmla="*/ 50866 w 50865"/>
                <a:gd name="connsiteY0" fmla="*/ 13334 h 44715"/>
                <a:gd name="connsiteX1" fmla="*/ 19636 w 50865"/>
                <a:gd name="connsiteY1" fmla="*/ 44715 h 44715"/>
                <a:gd name="connsiteX2" fmla="*/ 0 w 50865"/>
                <a:gd name="connsiteY2" fmla="*/ 36430 h 44715"/>
                <a:gd name="connsiteX3" fmla="*/ 44675 w 50865"/>
                <a:gd name="connsiteY3" fmla="*/ 1255 h 44715"/>
              </a:gdLst>
              <a:ahLst/>
              <a:cxnLst>
                <a:cxn ang="0">
                  <a:pos x="connsiteX0" y="connsiteY0"/>
                </a:cxn>
                <a:cxn ang="0">
                  <a:pos x="connsiteX1" y="connsiteY1"/>
                </a:cxn>
                <a:cxn ang="0">
                  <a:pos x="connsiteX2" y="connsiteY2"/>
                </a:cxn>
                <a:cxn ang="0">
                  <a:pos x="connsiteX3" y="connsiteY3"/>
                </a:cxn>
              </a:cxnLst>
              <a:rect l="l" t="t" r="r" b="b"/>
              <a:pathLst>
                <a:path w="50865" h="44715">
                  <a:moveTo>
                    <a:pt x="50866" y="13334"/>
                  </a:moveTo>
                  <a:cubicBezTo>
                    <a:pt x="50866" y="13334"/>
                    <a:pt x="18422" y="16945"/>
                    <a:pt x="19636" y="44715"/>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36" name="Freeform: Shape 4735">
              <a:extLst>
                <a:ext uri="{FF2B5EF4-FFF2-40B4-BE49-F238E27FC236}">
                  <a16:creationId xmlns:a16="http://schemas.microsoft.com/office/drawing/2014/main" id="{E58C2EB8-D17A-2C67-3051-C903DC34E7D4}"/>
                </a:ext>
              </a:extLst>
            </p:cNvPr>
            <p:cNvSpPr/>
            <p:nvPr/>
          </p:nvSpPr>
          <p:spPr>
            <a:xfrm>
              <a:off x="6514160" y="1525164"/>
              <a:ext cx="50865" cy="44754"/>
            </a:xfrm>
            <a:custGeom>
              <a:avLst/>
              <a:gdLst>
                <a:gd name="connsiteX0" fmla="*/ 50866 w 50865"/>
                <a:gd name="connsiteY0" fmla="*/ 13373 h 44754"/>
                <a:gd name="connsiteX1" fmla="*/ 19606 w 50865"/>
                <a:gd name="connsiteY1" fmla="*/ 44754 h 44754"/>
                <a:gd name="connsiteX2" fmla="*/ 0 w 50865"/>
                <a:gd name="connsiteY2" fmla="*/ 36438 h 44754"/>
                <a:gd name="connsiteX3" fmla="*/ 44675 w 50865"/>
                <a:gd name="connsiteY3" fmla="*/ 1233 h 44754"/>
              </a:gdLst>
              <a:ahLst/>
              <a:cxnLst>
                <a:cxn ang="0">
                  <a:pos x="connsiteX0" y="connsiteY0"/>
                </a:cxn>
                <a:cxn ang="0">
                  <a:pos x="connsiteX1" y="connsiteY1"/>
                </a:cxn>
                <a:cxn ang="0">
                  <a:pos x="connsiteX2" y="connsiteY2"/>
                </a:cxn>
                <a:cxn ang="0">
                  <a:pos x="connsiteX3" y="connsiteY3"/>
                </a:cxn>
              </a:cxnLst>
              <a:rect l="l" t="t" r="r" b="b"/>
              <a:pathLst>
                <a:path w="50865" h="44754">
                  <a:moveTo>
                    <a:pt x="50866" y="13373"/>
                  </a:moveTo>
                  <a:cubicBezTo>
                    <a:pt x="50866" y="13373"/>
                    <a:pt x="18422" y="16984"/>
                    <a:pt x="19606" y="44754"/>
                  </a:cubicBezTo>
                  <a:lnTo>
                    <a:pt x="0" y="36438"/>
                  </a:lnTo>
                  <a:cubicBezTo>
                    <a:pt x="0" y="36438"/>
                    <a:pt x="12899" y="-7872"/>
                    <a:pt x="44675" y="1233"/>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37" name="Freeform: Shape 4736">
              <a:extLst>
                <a:ext uri="{FF2B5EF4-FFF2-40B4-BE49-F238E27FC236}">
                  <a16:creationId xmlns:a16="http://schemas.microsoft.com/office/drawing/2014/main" id="{09413576-23DA-87FC-9E0F-F431686F2A46}"/>
                </a:ext>
              </a:extLst>
            </p:cNvPr>
            <p:cNvSpPr/>
            <p:nvPr/>
          </p:nvSpPr>
          <p:spPr>
            <a:xfrm>
              <a:off x="6467452" y="1819592"/>
              <a:ext cx="56844" cy="31089"/>
            </a:xfrm>
            <a:custGeom>
              <a:avLst/>
              <a:gdLst>
                <a:gd name="connsiteX0" fmla="*/ 54508 w 56844"/>
                <a:gd name="connsiteY0" fmla="*/ 25020 h 31089"/>
                <a:gd name="connsiteX1" fmla="*/ 10653 w 56844"/>
                <a:gd name="connsiteY1" fmla="*/ 31090 h 31089"/>
                <a:gd name="connsiteX2" fmla="*/ 0 w 56844"/>
                <a:gd name="connsiteY2" fmla="*/ 12637 h 31089"/>
                <a:gd name="connsiteX3" fmla="*/ 56845 w 56844"/>
                <a:gd name="connsiteY3" fmla="*/ 11484 h 31089"/>
              </a:gdLst>
              <a:ahLst/>
              <a:cxnLst>
                <a:cxn ang="0">
                  <a:pos x="connsiteX0" y="connsiteY0"/>
                </a:cxn>
                <a:cxn ang="0">
                  <a:pos x="connsiteX1" y="connsiteY1"/>
                </a:cxn>
                <a:cxn ang="0">
                  <a:pos x="connsiteX2" y="connsiteY2"/>
                </a:cxn>
                <a:cxn ang="0">
                  <a:pos x="connsiteX3" y="connsiteY3"/>
                </a:cxn>
              </a:cxnLst>
              <a:rect l="l" t="t" r="r" b="b"/>
              <a:pathLst>
                <a:path w="56844" h="31089">
                  <a:moveTo>
                    <a:pt x="54508" y="25020"/>
                  </a:moveTo>
                  <a:cubicBezTo>
                    <a:pt x="54508" y="25020"/>
                    <a:pt x="26434" y="8358"/>
                    <a:pt x="10653" y="31090"/>
                  </a:cubicBezTo>
                  <a:lnTo>
                    <a:pt x="0" y="12637"/>
                  </a:lnTo>
                  <a:cubicBezTo>
                    <a:pt x="0" y="12637"/>
                    <a:pt x="37026" y="-15011"/>
                    <a:pt x="56845" y="1148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38" name="Freeform: Shape 4737">
              <a:extLst>
                <a:ext uri="{FF2B5EF4-FFF2-40B4-BE49-F238E27FC236}">
                  <a16:creationId xmlns:a16="http://schemas.microsoft.com/office/drawing/2014/main" id="{B11C8048-F52C-2EF5-6A14-AE9AB7531FA9}"/>
                </a:ext>
              </a:extLst>
            </p:cNvPr>
            <p:cNvSpPr/>
            <p:nvPr/>
          </p:nvSpPr>
          <p:spPr>
            <a:xfrm>
              <a:off x="6875502" y="833166"/>
              <a:ext cx="30895" cy="32034"/>
            </a:xfrm>
            <a:custGeom>
              <a:avLst/>
              <a:gdLst>
                <a:gd name="connsiteX0" fmla="*/ 30896 w 30895"/>
                <a:gd name="connsiteY0" fmla="*/ 7330 h 32034"/>
                <a:gd name="connsiteX1" fmla="*/ 14082 w 30895"/>
                <a:gd name="connsiteY1" fmla="*/ 32035 h 32034"/>
                <a:gd name="connsiteX2" fmla="*/ 0 w 30895"/>
                <a:gd name="connsiteY2" fmla="*/ 29000 h 32034"/>
                <a:gd name="connsiteX3" fmla="*/ 25281 w 30895"/>
                <a:gd name="connsiteY3" fmla="*/ 107 h 32034"/>
              </a:gdLst>
              <a:ahLst/>
              <a:cxnLst>
                <a:cxn ang="0">
                  <a:pos x="connsiteX0" y="connsiteY0"/>
                </a:cxn>
                <a:cxn ang="0">
                  <a:pos x="connsiteX1" y="connsiteY1"/>
                </a:cxn>
                <a:cxn ang="0">
                  <a:pos x="connsiteX2" y="connsiteY2"/>
                </a:cxn>
                <a:cxn ang="0">
                  <a:pos x="connsiteX3" y="connsiteY3"/>
                </a:cxn>
              </a:cxnLst>
              <a:rect l="l" t="t" r="r" b="b"/>
              <a:pathLst>
                <a:path w="30895" h="32034">
                  <a:moveTo>
                    <a:pt x="30896" y="7330"/>
                  </a:moveTo>
                  <a:cubicBezTo>
                    <a:pt x="30896" y="7330"/>
                    <a:pt x="9803" y="13765"/>
                    <a:pt x="14082" y="32035"/>
                  </a:cubicBezTo>
                  <a:lnTo>
                    <a:pt x="0" y="29000"/>
                  </a:lnTo>
                  <a:cubicBezTo>
                    <a:pt x="0" y="29000"/>
                    <a:pt x="3035" y="-2048"/>
                    <a:pt x="25281" y="107"/>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39" name="Freeform: Shape 4738">
              <a:extLst>
                <a:ext uri="{FF2B5EF4-FFF2-40B4-BE49-F238E27FC236}">
                  <a16:creationId xmlns:a16="http://schemas.microsoft.com/office/drawing/2014/main" id="{5A174F2D-D3A4-6CCF-13FA-350731481D9A}"/>
                </a:ext>
              </a:extLst>
            </p:cNvPr>
            <p:cNvSpPr/>
            <p:nvPr/>
          </p:nvSpPr>
          <p:spPr>
            <a:xfrm>
              <a:off x="7252110" y="812622"/>
              <a:ext cx="30895" cy="32062"/>
            </a:xfrm>
            <a:custGeom>
              <a:avLst/>
              <a:gdLst>
                <a:gd name="connsiteX0" fmla="*/ 30896 w 30895"/>
                <a:gd name="connsiteY0" fmla="*/ 7327 h 32062"/>
                <a:gd name="connsiteX1" fmla="*/ 14052 w 30895"/>
                <a:gd name="connsiteY1" fmla="*/ 32062 h 32062"/>
                <a:gd name="connsiteX2" fmla="*/ 0 w 30895"/>
                <a:gd name="connsiteY2" fmla="*/ 29027 h 32062"/>
                <a:gd name="connsiteX3" fmla="*/ 25281 w 3089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95" h="32062">
                  <a:moveTo>
                    <a:pt x="30896" y="7327"/>
                  </a:moveTo>
                  <a:cubicBezTo>
                    <a:pt x="30896" y="7327"/>
                    <a:pt x="9651" y="13762"/>
                    <a:pt x="14052" y="32062"/>
                  </a:cubicBezTo>
                  <a:lnTo>
                    <a:pt x="0" y="29027"/>
                  </a:lnTo>
                  <a:cubicBezTo>
                    <a:pt x="0" y="29027"/>
                    <a:pt x="3035" y="-2020"/>
                    <a:pt x="2528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0" name="Freeform: Shape 4739">
              <a:extLst>
                <a:ext uri="{FF2B5EF4-FFF2-40B4-BE49-F238E27FC236}">
                  <a16:creationId xmlns:a16="http://schemas.microsoft.com/office/drawing/2014/main" id="{6FB9DE92-B710-C430-5E97-347851C9F90D}"/>
                </a:ext>
              </a:extLst>
            </p:cNvPr>
            <p:cNvSpPr/>
            <p:nvPr/>
          </p:nvSpPr>
          <p:spPr>
            <a:xfrm>
              <a:off x="6408817" y="827112"/>
              <a:ext cx="55812" cy="35228"/>
            </a:xfrm>
            <a:custGeom>
              <a:avLst/>
              <a:gdLst>
                <a:gd name="connsiteX0" fmla="*/ 0 w 55812"/>
                <a:gd name="connsiteY0" fmla="*/ 13688 h 35228"/>
                <a:gd name="connsiteX1" fmla="*/ 42125 w 55812"/>
                <a:gd name="connsiteY1" fmla="*/ 0 h 35228"/>
                <a:gd name="connsiteX2" fmla="*/ 55813 w 55812"/>
                <a:gd name="connsiteY2" fmla="*/ 16419 h 35228"/>
                <a:gd name="connsiteX3" fmla="*/ 0 w 55812"/>
                <a:gd name="connsiteY3" fmla="*/ 27375 h 35228"/>
              </a:gdLst>
              <a:ahLst/>
              <a:cxnLst>
                <a:cxn ang="0">
                  <a:pos x="connsiteX0" y="connsiteY0"/>
                </a:cxn>
                <a:cxn ang="0">
                  <a:pos x="connsiteX1" y="connsiteY1"/>
                </a:cxn>
                <a:cxn ang="0">
                  <a:pos x="connsiteX2" y="connsiteY2"/>
                </a:cxn>
                <a:cxn ang="0">
                  <a:pos x="connsiteX3" y="connsiteY3"/>
                </a:cxn>
              </a:cxnLst>
              <a:rect l="l" t="t" r="r" b="b"/>
              <a:pathLst>
                <a:path w="55812" h="35228">
                  <a:moveTo>
                    <a:pt x="0" y="13688"/>
                  </a:moveTo>
                  <a:cubicBezTo>
                    <a:pt x="0" y="13688"/>
                    <a:pt x="30532" y="25281"/>
                    <a:pt x="42125" y="0"/>
                  </a:cubicBezTo>
                  <a:lnTo>
                    <a:pt x="55813" y="16419"/>
                  </a:lnTo>
                  <a:cubicBezTo>
                    <a:pt x="55813" y="16419"/>
                    <a:pt x="24098" y="50046"/>
                    <a:pt x="0" y="2737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1" name="Freeform: Shape 4740">
              <a:extLst>
                <a:ext uri="{FF2B5EF4-FFF2-40B4-BE49-F238E27FC236}">
                  <a16:creationId xmlns:a16="http://schemas.microsoft.com/office/drawing/2014/main" id="{B17ADEE3-18A0-185A-7B23-ED7D8C6ABF55}"/>
                </a:ext>
              </a:extLst>
            </p:cNvPr>
            <p:cNvSpPr/>
            <p:nvPr/>
          </p:nvSpPr>
          <p:spPr>
            <a:xfrm>
              <a:off x="5640335" y="1444622"/>
              <a:ext cx="30865" cy="32062"/>
            </a:xfrm>
            <a:custGeom>
              <a:avLst/>
              <a:gdLst>
                <a:gd name="connsiteX0" fmla="*/ 30866 w 30865"/>
                <a:gd name="connsiteY0" fmla="*/ 7327 h 32062"/>
                <a:gd name="connsiteX1" fmla="*/ 14052 w 30865"/>
                <a:gd name="connsiteY1" fmla="*/ 32062 h 32062"/>
                <a:gd name="connsiteX2" fmla="*/ 0 w 30865"/>
                <a:gd name="connsiteY2" fmla="*/ 29027 h 32062"/>
                <a:gd name="connsiteX3" fmla="*/ 25251 w 3086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65" h="32062">
                  <a:moveTo>
                    <a:pt x="30866" y="7327"/>
                  </a:moveTo>
                  <a:cubicBezTo>
                    <a:pt x="30866" y="7327"/>
                    <a:pt x="9621" y="13762"/>
                    <a:pt x="14052" y="32062"/>
                  </a:cubicBezTo>
                  <a:lnTo>
                    <a:pt x="0" y="29027"/>
                  </a:lnTo>
                  <a:cubicBezTo>
                    <a:pt x="0" y="29027"/>
                    <a:pt x="3035" y="-2020"/>
                    <a:pt x="2525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2" name="Freeform: Shape 4741">
              <a:extLst>
                <a:ext uri="{FF2B5EF4-FFF2-40B4-BE49-F238E27FC236}">
                  <a16:creationId xmlns:a16="http://schemas.microsoft.com/office/drawing/2014/main" id="{6ED3B3DC-BF42-C9D9-DDF0-504AADDDD2F3}"/>
                </a:ext>
              </a:extLst>
            </p:cNvPr>
            <p:cNvSpPr/>
            <p:nvPr/>
          </p:nvSpPr>
          <p:spPr>
            <a:xfrm>
              <a:off x="6086170" y="898343"/>
              <a:ext cx="30071" cy="34416"/>
            </a:xfrm>
            <a:custGeom>
              <a:avLst/>
              <a:gdLst>
                <a:gd name="connsiteX0" fmla="*/ 21063 w 30071"/>
                <a:gd name="connsiteY0" fmla="*/ 34416 h 34416"/>
                <a:gd name="connsiteX1" fmla="*/ 0 w 30071"/>
                <a:gd name="connsiteY1" fmla="*/ 13172 h 34416"/>
                <a:gd name="connsiteX2" fmla="*/ 5584 w 30071"/>
                <a:gd name="connsiteY2" fmla="*/ 0 h 34416"/>
                <a:gd name="connsiteX3" fmla="*/ 29196 w 30071"/>
                <a:gd name="connsiteY3" fmla="*/ 30350 h 34416"/>
              </a:gdLst>
              <a:ahLst/>
              <a:cxnLst>
                <a:cxn ang="0">
                  <a:pos x="connsiteX0" y="connsiteY0"/>
                </a:cxn>
                <a:cxn ang="0">
                  <a:pos x="connsiteX1" y="connsiteY1"/>
                </a:cxn>
                <a:cxn ang="0">
                  <a:pos x="connsiteX2" y="connsiteY2"/>
                </a:cxn>
                <a:cxn ang="0">
                  <a:pos x="connsiteX3" y="connsiteY3"/>
                </a:cxn>
              </a:cxnLst>
              <a:rect l="l" t="t" r="r" b="b"/>
              <a:pathLst>
                <a:path w="30071" h="34416">
                  <a:moveTo>
                    <a:pt x="21063" y="34416"/>
                  </a:moveTo>
                  <a:cubicBezTo>
                    <a:pt x="21063" y="34416"/>
                    <a:pt x="18726" y="12474"/>
                    <a:pt x="0" y="13172"/>
                  </a:cubicBezTo>
                  <a:lnTo>
                    <a:pt x="5584" y="0"/>
                  </a:lnTo>
                  <a:cubicBezTo>
                    <a:pt x="5584" y="0"/>
                    <a:pt x="35509" y="8832"/>
                    <a:pt x="29196"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3" name="Freeform: Shape 4742">
              <a:extLst>
                <a:ext uri="{FF2B5EF4-FFF2-40B4-BE49-F238E27FC236}">
                  <a16:creationId xmlns:a16="http://schemas.microsoft.com/office/drawing/2014/main" id="{898D364D-1413-83E4-CFD7-468264B9C6EC}"/>
                </a:ext>
              </a:extLst>
            </p:cNvPr>
            <p:cNvSpPr/>
            <p:nvPr/>
          </p:nvSpPr>
          <p:spPr>
            <a:xfrm>
              <a:off x="5381574" y="876916"/>
              <a:ext cx="30367" cy="34386"/>
            </a:xfrm>
            <a:custGeom>
              <a:avLst/>
              <a:gdLst>
                <a:gd name="connsiteX0" fmla="*/ 21245 w 30367"/>
                <a:gd name="connsiteY0" fmla="*/ 34386 h 34386"/>
                <a:gd name="connsiteX1" fmla="*/ 0 w 30367"/>
                <a:gd name="connsiteY1" fmla="*/ 13141 h 34386"/>
                <a:gd name="connsiteX2" fmla="*/ 5888 w 30367"/>
                <a:gd name="connsiteY2" fmla="*/ 0 h 34386"/>
                <a:gd name="connsiteX3" fmla="*/ 29500 w 30367"/>
                <a:gd name="connsiteY3" fmla="*/ 30350 h 34386"/>
              </a:gdLst>
              <a:ahLst/>
              <a:cxnLst>
                <a:cxn ang="0">
                  <a:pos x="connsiteX0" y="connsiteY0"/>
                </a:cxn>
                <a:cxn ang="0">
                  <a:pos x="connsiteX1" y="connsiteY1"/>
                </a:cxn>
                <a:cxn ang="0">
                  <a:pos x="connsiteX2" y="connsiteY2"/>
                </a:cxn>
                <a:cxn ang="0">
                  <a:pos x="connsiteX3" y="connsiteY3"/>
                </a:cxn>
              </a:cxnLst>
              <a:rect l="l" t="t" r="r" b="b"/>
              <a:pathLst>
                <a:path w="30367" h="34386">
                  <a:moveTo>
                    <a:pt x="21245" y="34386"/>
                  </a:moveTo>
                  <a:cubicBezTo>
                    <a:pt x="21245" y="34386"/>
                    <a:pt x="18908" y="12443"/>
                    <a:pt x="0" y="13141"/>
                  </a:cubicBezTo>
                  <a:lnTo>
                    <a:pt x="5888" y="0"/>
                  </a:lnTo>
                  <a:cubicBezTo>
                    <a:pt x="5888" y="0"/>
                    <a:pt x="35782" y="8832"/>
                    <a:pt x="29500"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4" name="Freeform: Shape 4743">
              <a:extLst>
                <a:ext uri="{FF2B5EF4-FFF2-40B4-BE49-F238E27FC236}">
                  <a16:creationId xmlns:a16="http://schemas.microsoft.com/office/drawing/2014/main" id="{79F894B8-8BF9-22B3-1F47-F63F1D53DAFD}"/>
                </a:ext>
              </a:extLst>
            </p:cNvPr>
            <p:cNvSpPr/>
            <p:nvPr/>
          </p:nvSpPr>
          <p:spPr>
            <a:xfrm>
              <a:off x="6237554" y="977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78" y="17239"/>
                    <a:pt x="8619" y="17239"/>
                  </a:cubicBezTo>
                  <a:cubicBezTo>
                    <a:pt x="3860" y="17239"/>
                    <a:pt x="0" y="13378"/>
                    <a:pt x="0" y="8619"/>
                  </a:cubicBezTo>
                  <a:cubicBezTo>
                    <a:pt x="0" y="3859"/>
                    <a:pt x="3860" y="0"/>
                    <a:pt x="8619" y="0"/>
                  </a:cubicBezTo>
                  <a:cubicBezTo>
                    <a:pt x="13378"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5" name="Freeform: Shape 4744">
              <a:extLst>
                <a:ext uri="{FF2B5EF4-FFF2-40B4-BE49-F238E27FC236}">
                  <a16:creationId xmlns:a16="http://schemas.microsoft.com/office/drawing/2014/main" id="{B61A6F7B-939E-A294-FC78-EF1D7B18346A}"/>
                </a:ext>
              </a:extLst>
            </p:cNvPr>
            <p:cNvSpPr/>
            <p:nvPr/>
          </p:nvSpPr>
          <p:spPr>
            <a:xfrm>
              <a:off x="6725423" y="1439992"/>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88"/>
                    <a:pt x="3830" y="18"/>
                    <a:pt x="8589" y="0"/>
                  </a:cubicBezTo>
                  <a:cubicBezTo>
                    <a:pt x="8610" y="0"/>
                    <a:pt x="8628" y="0"/>
                    <a:pt x="8650" y="0"/>
                  </a:cubicBezTo>
                  <a:cubicBezTo>
                    <a:pt x="13387" y="15"/>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6" name="Freeform: Shape 4745">
              <a:extLst>
                <a:ext uri="{FF2B5EF4-FFF2-40B4-BE49-F238E27FC236}">
                  <a16:creationId xmlns:a16="http://schemas.microsoft.com/office/drawing/2014/main" id="{2EEC9A1F-179F-B38D-39EF-04A00B699DAC}"/>
                </a:ext>
              </a:extLst>
            </p:cNvPr>
            <p:cNvSpPr/>
            <p:nvPr/>
          </p:nvSpPr>
          <p:spPr>
            <a:xfrm>
              <a:off x="6592947" y="103470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80"/>
                    <a:pt x="13380" y="17239"/>
                    <a:pt x="8619" y="17239"/>
                  </a:cubicBezTo>
                  <a:cubicBezTo>
                    <a:pt x="3859" y="17239"/>
                    <a:pt x="0" y="13380"/>
                    <a:pt x="0" y="8619"/>
                  </a:cubicBezTo>
                  <a:cubicBezTo>
                    <a:pt x="0" y="3859"/>
                    <a:pt x="3859" y="0"/>
                    <a:pt x="8619" y="0"/>
                  </a:cubicBezTo>
                  <a:cubicBezTo>
                    <a:pt x="13380"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7" name="Freeform: Shape 4746">
              <a:extLst>
                <a:ext uri="{FF2B5EF4-FFF2-40B4-BE49-F238E27FC236}">
                  <a16:creationId xmlns:a16="http://schemas.microsoft.com/office/drawing/2014/main" id="{482DEEBA-7926-A68D-2061-BAE2A232B200}"/>
                </a:ext>
              </a:extLst>
            </p:cNvPr>
            <p:cNvSpPr/>
            <p:nvPr/>
          </p:nvSpPr>
          <p:spPr>
            <a:xfrm>
              <a:off x="6160193" y="1606277"/>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8" name="Freeform: Shape 4747">
              <a:extLst>
                <a:ext uri="{FF2B5EF4-FFF2-40B4-BE49-F238E27FC236}">
                  <a16:creationId xmlns:a16="http://schemas.microsoft.com/office/drawing/2014/main" id="{C16BD5DF-9ACA-DA24-63C2-9BBE2C7A73A0}"/>
                </a:ext>
              </a:extLst>
            </p:cNvPr>
            <p:cNvSpPr/>
            <p:nvPr/>
          </p:nvSpPr>
          <p:spPr>
            <a:xfrm>
              <a:off x="6862816" y="176828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1" y="17239"/>
                    <a:pt x="8619" y="17239"/>
                  </a:cubicBezTo>
                  <a:cubicBezTo>
                    <a:pt x="3857" y="17239"/>
                    <a:pt x="0" y="13378"/>
                    <a:pt x="0" y="8619"/>
                  </a:cubicBezTo>
                  <a:cubicBezTo>
                    <a:pt x="0" y="3860"/>
                    <a:pt x="3857" y="0"/>
                    <a:pt x="8619" y="0"/>
                  </a:cubicBezTo>
                  <a:cubicBezTo>
                    <a:pt x="13378"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49" name="Freeform: Shape 4748">
              <a:extLst>
                <a:ext uri="{FF2B5EF4-FFF2-40B4-BE49-F238E27FC236}">
                  <a16:creationId xmlns:a16="http://schemas.microsoft.com/office/drawing/2014/main" id="{24BC61AF-EBCA-DA5B-F5C3-7B7F0844A869}"/>
                </a:ext>
              </a:extLst>
            </p:cNvPr>
            <p:cNvSpPr/>
            <p:nvPr/>
          </p:nvSpPr>
          <p:spPr>
            <a:xfrm>
              <a:off x="7158269" y="1987134"/>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8650 w 17238"/>
                <a:gd name="connsiteY4" fmla="*/ 0 h 17238"/>
                <a:gd name="connsiteX5" fmla="*/ 17239 w 17238"/>
                <a:gd name="connsiteY5" fmla="*/ 861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19"/>
                  </a:moveTo>
                  <a:cubicBezTo>
                    <a:pt x="17239" y="13378"/>
                    <a:pt x="13378" y="17239"/>
                    <a:pt x="8619" y="17239"/>
                  </a:cubicBezTo>
                  <a:cubicBezTo>
                    <a:pt x="3861" y="17239"/>
                    <a:pt x="0" y="13378"/>
                    <a:pt x="0" y="8619"/>
                  </a:cubicBezTo>
                  <a:cubicBezTo>
                    <a:pt x="0" y="3857"/>
                    <a:pt x="3861" y="0"/>
                    <a:pt x="8619" y="0"/>
                  </a:cubicBezTo>
                  <a:cubicBezTo>
                    <a:pt x="8628" y="0"/>
                    <a:pt x="8641" y="0"/>
                    <a:pt x="8650" y="0"/>
                  </a:cubicBezTo>
                  <a:cubicBezTo>
                    <a:pt x="13399" y="18"/>
                    <a:pt x="17239" y="387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50" name="Freeform: Shape 4749">
              <a:extLst>
                <a:ext uri="{FF2B5EF4-FFF2-40B4-BE49-F238E27FC236}">
                  <a16:creationId xmlns:a16="http://schemas.microsoft.com/office/drawing/2014/main" id="{92E7C454-1FF0-473F-A360-381528D4E4C6}"/>
                </a:ext>
              </a:extLst>
            </p:cNvPr>
            <p:cNvSpPr/>
            <p:nvPr/>
          </p:nvSpPr>
          <p:spPr>
            <a:xfrm>
              <a:off x="5686041" y="202686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7"/>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51" name="Freeform: Shape 4750">
              <a:extLst>
                <a:ext uri="{FF2B5EF4-FFF2-40B4-BE49-F238E27FC236}">
                  <a16:creationId xmlns:a16="http://schemas.microsoft.com/office/drawing/2014/main" id="{B8D03158-07B6-6E62-4954-A21BEBA93C57}"/>
                </a:ext>
              </a:extLst>
            </p:cNvPr>
            <p:cNvSpPr/>
            <p:nvPr/>
          </p:nvSpPr>
          <p:spPr>
            <a:xfrm>
              <a:off x="5426067" y="1728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0" y="17239"/>
                    <a:pt x="8619" y="17239"/>
                  </a:cubicBezTo>
                  <a:cubicBezTo>
                    <a:pt x="3859" y="17239"/>
                    <a:pt x="0" y="13378"/>
                    <a:pt x="0" y="8619"/>
                  </a:cubicBezTo>
                  <a:cubicBezTo>
                    <a:pt x="0" y="3860"/>
                    <a:pt x="3859" y="0"/>
                    <a:pt x="8619" y="0"/>
                  </a:cubicBezTo>
                  <a:cubicBezTo>
                    <a:pt x="13380"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52" name="Freeform: Shape 4751">
              <a:extLst>
                <a:ext uri="{FF2B5EF4-FFF2-40B4-BE49-F238E27FC236}">
                  <a16:creationId xmlns:a16="http://schemas.microsoft.com/office/drawing/2014/main" id="{D4A68CB3-7DC4-DAF4-DEE9-4DCA34CA3730}"/>
                </a:ext>
              </a:extLst>
            </p:cNvPr>
            <p:cNvSpPr/>
            <p:nvPr/>
          </p:nvSpPr>
          <p:spPr>
            <a:xfrm>
              <a:off x="5426067" y="1312159"/>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5" y="13348"/>
                    <a:pt x="13410" y="17220"/>
                    <a:pt x="8650" y="17239"/>
                  </a:cubicBezTo>
                  <a:cubicBezTo>
                    <a:pt x="3889" y="17257"/>
                    <a:pt x="17" y="13408"/>
                    <a:pt x="0" y="8650"/>
                  </a:cubicBezTo>
                  <a:cubicBezTo>
                    <a:pt x="-17" y="3891"/>
                    <a:pt x="3829" y="18"/>
                    <a:pt x="8589" y="0"/>
                  </a:cubicBezTo>
                  <a:cubicBezTo>
                    <a:pt x="8599" y="0"/>
                    <a:pt x="8609" y="0"/>
                    <a:pt x="8619" y="0"/>
                  </a:cubicBezTo>
                  <a:cubicBezTo>
                    <a:pt x="13368" y="0"/>
                    <a:pt x="17222" y="3839"/>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53" name="Freeform: Shape 4752">
              <a:extLst>
                <a:ext uri="{FF2B5EF4-FFF2-40B4-BE49-F238E27FC236}">
                  <a16:creationId xmlns:a16="http://schemas.microsoft.com/office/drawing/2014/main" id="{B06BF97C-CA43-749B-D47B-FB2C51E0ED22}"/>
                </a:ext>
              </a:extLst>
            </p:cNvPr>
            <p:cNvSpPr/>
            <p:nvPr/>
          </p:nvSpPr>
          <p:spPr>
            <a:xfrm>
              <a:off x="5667224" y="828568"/>
              <a:ext cx="17238" cy="17238"/>
            </a:xfrm>
            <a:custGeom>
              <a:avLst/>
              <a:gdLst>
                <a:gd name="connsiteX0" fmla="*/ 17239 w 17238"/>
                <a:gd name="connsiteY0" fmla="*/ 8620 h 17238"/>
                <a:gd name="connsiteX1" fmla="*/ 8619 w 17238"/>
                <a:gd name="connsiteY1" fmla="*/ 17239 h 17238"/>
                <a:gd name="connsiteX2" fmla="*/ 0 w 17238"/>
                <a:gd name="connsiteY2" fmla="*/ 8618 h 17238"/>
                <a:gd name="connsiteX3" fmla="*/ 8619 w 17238"/>
                <a:gd name="connsiteY3" fmla="*/ 0 h 17238"/>
                <a:gd name="connsiteX4" fmla="*/ 8741 w 17238"/>
                <a:gd name="connsiteY4" fmla="*/ 1 h 17238"/>
                <a:gd name="connsiteX5" fmla="*/ 17239 w 17238"/>
                <a:gd name="connsiteY5" fmla="*/ 8620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20"/>
                  </a:moveTo>
                  <a:cubicBezTo>
                    <a:pt x="17239" y="13381"/>
                    <a:pt x="13378" y="17239"/>
                    <a:pt x="8619" y="17239"/>
                  </a:cubicBezTo>
                  <a:cubicBezTo>
                    <a:pt x="3857" y="17238"/>
                    <a:pt x="0" y="13379"/>
                    <a:pt x="0" y="8618"/>
                  </a:cubicBezTo>
                  <a:cubicBezTo>
                    <a:pt x="0" y="3858"/>
                    <a:pt x="3860" y="0"/>
                    <a:pt x="8619" y="0"/>
                  </a:cubicBezTo>
                  <a:cubicBezTo>
                    <a:pt x="8662" y="0"/>
                    <a:pt x="8701" y="0"/>
                    <a:pt x="8741" y="1"/>
                  </a:cubicBezTo>
                  <a:cubicBezTo>
                    <a:pt x="13460" y="51"/>
                    <a:pt x="17257" y="3900"/>
                    <a:pt x="17239" y="862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54" name="Freeform: Shape 4753">
              <a:extLst>
                <a:ext uri="{FF2B5EF4-FFF2-40B4-BE49-F238E27FC236}">
                  <a16:creationId xmlns:a16="http://schemas.microsoft.com/office/drawing/2014/main" id="{9945E7BC-BFA5-4353-67B3-84B924226D35}"/>
                </a:ext>
              </a:extLst>
            </p:cNvPr>
            <p:cNvSpPr/>
            <p:nvPr/>
          </p:nvSpPr>
          <p:spPr>
            <a:xfrm>
              <a:off x="7398274" y="117340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4"/>
                    <a:pt x="18" y="13408"/>
                    <a:pt x="0" y="8650"/>
                  </a:cubicBezTo>
                  <a:cubicBezTo>
                    <a:pt x="-18" y="3888"/>
                    <a:pt x="3830" y="18"/>
                    <a:pt x="8589" y="0"/>
                  </a:cubicBezTo>
                  <a:cubicBezTo>
                    <a:pt x="8610" y="0"/>
                    <a:pt x="8629" y="0"/>
                    <a:pt x="8650" y="0"/>
                  </a:cubicBezTo>
                  <a:cubicBezTo>
                    <a:pt x="13387" y="15"/>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55" name="Freeform: Shape 4754">
              <a:extLst>
                <a:ext uri="{FF2B5EF4-FFF2-40B4-BE49-F238E27FC236}">
                  <a16:creationId xmlns:a16="http://schemas.microsoft.com/office/drawing/2014/main" id="{17D03BFE-7503-D507-07F7-DABC87C36746}"/>
                </a:ext>
              </a:extLst>
            </p:cNvPr>
            <p:cNvSpPr/>
            <p:nvPr/>
          </p:nvSpPr>
          <p:spPr>
            <a:xfrm>
              <a:off x="7398274" y="1507884"/>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7"/>
                    <a:pt x="18" y="13408"/>
                    <a:pt x="0" y="8650"/>
                  </a:cubicBezTo>
                  <a:cubicBezTo>
                    <a:pt x="-18" y="3891"/>
                    <a:pt x="3830" y="18"/>
                    <a:pt x="8589" y="0"/>
                  </a:cubicBezTo>
                  <a:cubicBezTo>
                    <a:pt x="8610" y="0"/>
                    <a:pt x="8629" y="0"/>
                    <a:pt x="8650" y="0"/>
                  </a:cubicBezTo>
                  <a:cubicBezTo>
                    <a:pt x="13387" y="18"/>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56" name="Freeform: Shape 4755">
              <a:extLst>
                <a:ext uri="{FF2B5EF4-FFF2-40B4-BE49-F238E27FC236}">
                  <a16:creationId xmlns:a16="http://schemas.microsoft.com/office/drawing/2014/main" id="{B758E4DE-9DB6-B656-5549-54D8058CBF86}"/>
                </a:ext>
              </a:extLst>
            </p:cNvPr>
            <p:cNvSpPr/>
            <p:nvPr/>
          </p:nvSpPr>
          <p:spPr>
            <a:xfrm>
              <a:off x="7149680" y="957706"/>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12" y="17222"/>
                    <a:pt x="8650" y="17239"/>
                  </a:cubicBezTo>
                  <a:cubicBezTo>
                    <a:pt x="3891" y="17255"/>
                    <a:pt x="18" y="13410"/>
                    <a:pt x="0" y="8650"/>
                  </a:cubicBezTo>
                  <a:cubicBezTo>
                    <a:pt x="-15" y="3889"/>
                    <a:pt x="3830" y="17"/>
                    <a:pt x="8589" y="0"/>
                  </a:cubicBezTo>
                  <a:cubicBezTo>
                    <a:pt x="8598" y="0"/>
                    <a:pt x="8610" y="0"/>
                    <a:pt x="8619" y="0"/>
                  </a:cubicBezTo>
                  <a:cubicBezTo>
                    <a:pt x="13369" y="0"/>
                    <a:pt x="17223" y="3840"/>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57" name="Freeform: Shape 4756">
              <a:extLst>
                <a:ext uri="{FF2B5EF4-FFF2-40B4-BE49-F238E27FC236}">
                  <a16:creationId xmlns:a16="http://schemas.microsoft.com/office/drawing/2014/main" id="{108C94AE-9CE4-E5DE-2790-FB45322685B0}"/>
                </a:ext>
              </a:extLst>
            </p:cNvPr>
            <p:cNvSpPr/>
            <p:nvPr/>
          </p:nvSpPr>
          <p:spPr>
            <a:xfrm>
              <a:off x="6048537" y="792240"/>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09" y="17222"/>
                    <a:pt x="8650" y="17239"/>
                  </a:cubicBezTo>
                  <a:cubicBezTo>
                    <a:pt x="3891" y="17255"/>
                    <a:pt x="18" y="13410"/>
                    <a:pt x="0" y="8650"/>
                  </a:cubicBezTo>
                  <a:cubicBezTo>
                    <a:pt x="-15" y="3889"/>
                    <a:pt x="3830" y="17"/>
                    <a:pt x="8589" y="0"/>
                  </a:cubicBezTo>
                  <a:cubicBezTo>
                    <a:pt x="8610" y="0"/>
                    <a:pt x="8628" y="0"/>
                    <a:pt x="8650" y="0"/>
                  </a:cubicBezTo>
                  <a:cubicBezTo>
                    <a:pt x="13387" y="17"/>
                    <a:pt x="17223" y="3852"/>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grpSp>
        <p:nvGrpSpPr>
          <p:cNvPr id="4758" name="Graphic 39">
            <a:extLst>
              <a:ext uri="{FF2B5EF4-FFF2-40B4-BE49-F238E27FC236}">
                <a16:creationId xmlns:a16="http://schemas.microsoft.com/office/drawing/2014/main" id="{CB9ED0C0-4958-EDA9-533C-41710CEB7FEC}"/>
              </a:ext>
            </a:extLst>
          </p:cNvPr>
          <p:cNvGrpSpPr/>
          <p:nvPr/>
        </p:nvGrpSpPr>
        <p:grpSpPr>
          <a:xfrm rot="10800000">
            <a:off x="7803111" y="677735"/>
            <a:ext cx="1527993" cy="1015523"/>
            <a:chOff x="5381574" y="792240"/>
            <a:chExt cx="2071953" cy="1251859"/>
          </a:xfrm>
          <a:solidFill>
            <a:schemeClr val="accent2"/>
          </a:solidFill>
        </p:grpSpPr>
        <p:sp>
          <p:nvSpPr>
            <p:cNvPr id="4759" name="Freeform: Shape 4758">
              <a:extLst>
                <a:ext uri="{FF2B5EF4-FFF2-40B4-BE49-F238E27FC236}">
                  <a16:creationId xmlns:a16="http://schemas.microsoft.com/office/drawing/2014/main" id="{49C290C1-1EF0-6094-40AC-0873766A8B63}"/>
                </a:ext>
              </a:extLst>
            </p:cNvPr>
            <p:cNvSpPr/>
            <p:nvPr/>
          </p:nvSpPr>
          <p:spPr>
            <a:xfrm>
              <a:off x="6213153" y="1266119"/>
              <a:ext cx="46634" cy="47830"/>
            </a:xfrm>
            <a:custGeom>
              <a:avLst/>
              <a:gdLst>
                <a:gd name="connsiteX0" fmla="*/ 34872 w 46634"/>
                <a:gd name="connsiteY0" fmla="*/ 47831 h 47830"/>
                <a:gd name="connsiteX1" fmla="*/ 0 w 46634"/>
                <a:gd name="connsiteY1" fmla="*/ 20516 h 47830"/>
                <a:gd name="connsiteX2" fmla="*/ 5888 w 46634"/>
                <a:gd name="connsiteY2" fmla="*/ 0 h 47830"/>
                <a:gd name="connsiteX3" fmla="*/ 46222 w 46634"/>
                <a:gd name="connsiteY3" fmla="*/ 40092 h 47830"/>
              </a:gdLst>
              <a:ahLst/>
              <a:cxnLst>
                <a:cxn ang="0">
                  <a:pos x="connsiteX0" y="connsiteY0"/>
                </a:cxn>
                <a:cxn ang="0">
                  <a:pos x="connsiteX1" y="connsiteY1"/>
                </a:cxn>
                <a:cxn ang="0">
                  <a:pos x="connsiteX2" y="connsiteY2"/>
                </a:cxn>
                <a:cxn ang="0">
                  <a:pos x="connsiteX3" y="connsiteY3"/>
                </a:cxn>
              </a:cxnLst>
              <a:rect l="l" t="t" r="r" b="b"/>
              <a:pathLst>
                <a:path w="46634" h="47830">
                  <a:moveTo>
                    <a:pt x="34872" y="47831"/>
                  </a:moveTo>
                  <a:cubicBezTo>
                    <a:pt x="34872" y="47831"/>
                    <a:pt x="27315" y="15994"/>
                    <a:pt x="0" y="20516"/>
                  </a:cubicBezTo>
                  <a:lnTo>
                    <a:pt x="5888" y="0"/>
                  </a:lnTo>
                  <a:cubicBezTo>
                    <a:pt x="5888" y="0"/>
                    <a:pt x="51412" y="7436"/>
                    <a:pt x="4622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0" name="Freeform: Shape 4759">
              <a:extLst>
                <a:ext uri="{FF2B5EF4-FFF2-40B4-BE49-F238E27FC236}">
                  <a16:creationId xmlns:a16="http://schemas.microsoft.com/office/drawing/2014/main" id="{13E61374-CA81-12CD-C2F2-C25153043469}"/>
                </a:ext>
              </a:extLst>
            </p:cNvPr>
            <p:cNvSpPr/>
            <p:nvPr/>
          </p:nvSpPr>
          <p:spPr>
            <a:xfrm>
              <a:off x="6166870" y="192012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1" name="Freeform: Shape 4760">
              <a:extLst>
                <a:ext uri="{FF2B5EF4-FFF2-40B4-BE49-F238E27FC236}">
                  <a16:creationId xmlns:a16="http://schemas.microsoft.com/office/drawing/2014/main" id="{00F0E22D-6582-B2BC-552F-78AFBB331013}"/>
                </a:ext>
              </a:extLst>
            </p:cNvPr>
            <p:cNvSpPr/>
            <p:nvPr/>
          </p:nvSpPr>
          <p:spPr>
            <a:xfrm>
              <a:off x="6742571" y="1905697"/>
              <a:ext cx="45190" cy="47778"/>
            </a:xfrm>
            <a:custGeom>
              <a:avLst/>
              <a:gdLst>
                <a:gd name="connsiteX0" fmla="*/ 45190 w 45190"/>
                <a:gd name="connsiteY0" fmla="*/ 10661 h 47778"/>
                <a:gd name="connsiteX1" fmla="*/ 20911 w 45190"/>
                <a:gd name="connsiteY1" fmla="*/ 47779 h 47778"/>
                <a:gd name="connsiteX2" fmla="*/ 0 w 45190"/>
                <a:gd name="connsiteY2" fmla="*/ 43651 h 47778"/>
                <a:gd name="connsiteX3" fmla="*/ 36420 w 45190"/>
                <a:gd name="connsiteY3" fmla="*/ 100 h 47778"/>
              </a:gdLst>
              <a:ahLst/>
              <a:cxnLst>
                <a:cxn ang="0">
                  <a:pos x="connsiteX0" y="connsiteY0"/>
                </a:cxn>
                <a:cxn ang="0">
                  <a:pos x="connsiteX1" y="connsiteY1"/>
                </a:cxn>
                <a:cxn ang="0">
                  <a:pos x="connsiteX2" y="connsiteY2"/>
                </a:cxn>
                <a:cxn ang="0">
                  <a:pos x="connsiteX3" y="connsiteY3"/>
                </a:cxn>
              </a:cxnLst>
              <a:rect l="l" t="t" r="r" b="b"/>
              <a:pathLst>
                <a:path w="45190" h="47778">
                  <a:moveTo>
                    <a:pt x="45190" y="10661"/>
                  </a:moveTo>
                  <a:cubicBezTo>
                    <a:pt x="45190" y="10661"/>
                    <a:pt x="14143" y="20828"/>
                    <a:pt x="20911" y="47779"/>
                  </a:cubicBezTo>
                  <a:lnTo>
                    <a:pt x="0" y="43651"/>
                  </a:lnTo>
                  <a:cubicBezTo>
                    <a:pt x="0" y="43651"/>
                    <a:pt x="3581" y="-2419"/>
                    <a:pt x="36420" y="10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2" name="Freeform: Shape 4761">
              <a:extLst>
                <a:ext uri="{FF2B5EF4-FFF2-40B4-BE49-F238E27FC236}">
                  <a16:creationId xmlns:a16="http://schemas.microsoft.com/office/drawing/2014/main" id="{265C4BF6-CE6B-8CB9-58CD-C47B64EF3CCE}"/>
                </a:ext>
              </a:extLst>
            </p:cNvPr>
            <p:cNvSpPr/>
            <p:nvPr/>
          </p:nvSpPr>
          <p:spPr>
            <a:xfrm>
              <a:off x="7306284" y="1757812"/>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61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36" y="16025"/>
                    <a:pt x="0" y="20486"/>
                  </a:cubicBezTo>
                  <a:lnTo>
                    <a:pt x="5857" y="0"/>
                  </a:lnTo>
                  <a:cubicBezTo>
                    <a:pt x="5857" y="0"/>
                    <a:pt x="51382" y="7436"/>
                    <a:pt x="46192" y="40061"/>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3" name="Freeform: Shape 4762">
              <a:extLst>
                <a:ext uri="{FF2B5EF4-FFF2-40B4-BE49-F238E27FC236}">
                  <a16:creationId xmlns:a16="http://schemas.microsoft.com/office/drawing/2014/main" id="{90709F3B-50E2-ADCF-EE00-0113CE6617BE}"/>
                </a:ext>
              </a:extLst>
            </p:cNvPr>
            <p:cNvSpPr/>
            <p:nvPr/>
          </p:nvSpPr>
          <p:spPr>
            <a:xfrm>
              <a:off x="7406923" y="908813"/>
              <a:ext cx="46604" cy="47800"/>
            </a:xfrm>
            <a:custGeom>
              <a:avLst/>
              <a:gdLst>
                <a:gd name="connsiteX0" fmla="*/ 34932 w 46604"/>
                <a:gd name="connsiteY0" fmla="*/ 47801 h 47800"/>
                <a:gd name="connsiteX1" fmla="*/ 0 w 46604"/>
                <a:gd name="connsiteY1" fmla="*/ 20486 h 47800"/>
                <a:gd name="connsiteX2" fmla="*/ 5857 w 46604"/>
                <a:gd name="connsiteY2" fmla="*/ 0 h 47800"/>
                <a:gd name="connsiteX3" fmla="*/ 46192 w 46604"/>
                <a:gd name="connsiteY3" fmla="*/ 40092 h 47800"/>
              </a:gdLst>
              <a:ahLst/>
              <a:cxnLst>
                <a:cxn ang="0">
                  <a:pos x="connsiteX0" y="connsiteY0"/>
                </a:cxn>
                <a:cxn ang="0">
                  <a:pos x="connsiteX1" y="connsiteY1"/>
                </a:cxn>
                <a:cxn ang="0">
                  <a:pos x="connsiteX2" y="connsiteY2"/>
                </a:cxn>
                <a:cxn ang="0">
                  <a:pos x="connsiteX3" y="connsiteY3"/>
                </a:cxn>
              </a:cxnLst>
              <a:rect l="l" t="t" r="r" b="b"/>
              <a:pathLst>
                <a:path w="46604" h="47800">
                  <a:moveTo>
                    <a:pt x="34932" y="47801"/>
                  </a:moveTo>
                  <a:cubicBezTo>
                    <a:pt x="34932" y="47801"/>
                    <a:pt x="27406" y="15994"/>
                    <a:pt x="0" y="20486"/>
                  </a:cubicBezTo>
                  <a:lnTo>
                    <a:pt x="5857" y="0"/>
                  </a:lnTo>
                  <a:cubicBezTo>
                    <a:pt x="5857" y="0"/>
                    <a:pt x="51382" y="7436"/>
                    <a:pt x="46192" y="40092"/>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4" name="Freeform: Shape 4763">
              <a:extLst>
                <a:ext uri="{FF2B5EF4-FFF2-40B4-BE49-F238E27FC236}">
                  <a16:creationId xmlns:a16="http://schemas.microsoft.com/office/drawing/2014/main" id="{06E30164-A298-B9F3-614C-4C0C9A26BD31}"/>
                </a:ext>
              </a:extLst>
            </p:cNvPr>
            <p:cNvSpPr/>
            <p:nvPr/>
          </p:nvSpPr>
          <p:spPr>
            <a:xfrm>
              <a:off x="5759920" y="1015795"/>
              <a:ext cx="32860" cy="53809"/>
            </a:xfrm>
            <a:custGeom>
              <a:avLst/>
              <a:gdLst>
                <a:gd name="connsiteX0" fmla="*/ 32861 w 32860"/>
                <a:gd name="connsiteY0" fmla="*/ 6798 h 53809"/>
                <a:gd name="connsiteX1" fmla="*/ 23756 w 32860"/>
                <a:gd name="connsiteY1" fmla="*/ 50107 h 53809"/>
                <a:gd name="connsiteX2" fmla="*/ 2754 w 32860"/>
                <a:gd name="connsiteY2" fmla="*/ 53810 h 53809"/>
                <a:gd name="connsiteX3" fmla="*/ 21176 w 32860"/>
                <a:gd name="connsiteY3" fmla="*/ 0 h 53809"/>
              </a:gdLst>
              <a:ahLst/>
              <a:cxnLst>
                <a:cxn ang="0">
                  <a:pos x="connsiteX0" y="connsiteY0"/>
                </a:cxn>
                <a:cxn ang="0">
                  <a:pos x="connsiteX1" y="connsiteY1"/>
                </a:cxn>
                <a:cxn ang="0">
                  <a:pos x="connsiteX2" y="connsiteY2"/>
                </a:cxn>
                <a:cxn ang="0">
                  <a:pos x="connsiteX3" y="connsiteY3"/>
                </a:cxn>
              </a:cxnLst>
              <a:rect l="l" t="t" r="r" b="b"/>
              <a:pathLst>
                <a:path w="32860" h="53809">
                  <a:moveTo>
                    <a:pt x="32861" y="6798"/>
                  </a:moveTo>
                  <a:cubicBezTo>
                    <a:pt x="32861" y="6798"/>
                    <a:pt x="7549" y="27436"/>
                    <a:pt x="23756" y="50107"/>
                  </a:cubicBezTo>
                  <a:lnTo>
                    <a:pt x="2754" y="53810"/>
                  </a:lnTo>
                  <a:cubicBezTo>
                    <a:pt x="2754" y="53810"/>
                    <a:pt x="-10509" y="9530"/>
                    <a:pt x="21176" y="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5" name="Freeform: Shape 4764">
              <a:extLst>
                <a:ext uri="{FF2B5EF4-FFF2-40B4-BE49-F238E27FC236}">
                  <a16:creationId xmlns:a16="http://schemas.microsoft.com/office/drawing/2014/main" id="{A8B48D3F-ACDE-E9C7-3B0F-6EA8734C78E3}"/>
                </a:ext>
              </a:extLst>
            </p:cNvPr>
            <p:cNvSpPr/>
            <p:nvPr/>
          </p:nvSpPr>
          <p:spPr>
            <a:xfrm>
              <a:off x="6385842" y="1065589"/>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675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45"/>
                    <a:pt x="19636" y="44746"/>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6" name="Freeform: Shape 4765">
              <a:extLst>
                <a:ext uri="{FF2B5EF4-FFF2-40B4-BE49-F238E27FC236}">
                  <a16:creationId xmlns:a16="http://schemas.microsoft.com/office/drawing/2014/main" id="{309CD7BF-09BC-FC2E-A3BF-846EE30B5BF3}"/>
                </a:ext>
              </a:extLst>
            </p:cNvPr>
            <p:cNvSpPr/>
            <p:nvPr/>
          </p:nvSpPr>
          <p:spPr>
            <a:xfrm>
              <a:off x="5515841" y="1863601"/>
              <a:ext cx="50865" cy="44745"/>
            </a:xfrm>
            <a:custGeom>
              <a:avLst/>
              <a:gdLst>
                <a:gd name="connsiteX0" fmla="*/ 50866 w 50865"/>
                <a:gd name="connsiteY0" fmla="*/ 13364 h 44745"/>
                <a:gd name="connsiteX1" fmla="*/ 19636 w 50865"/>
                <a:gd name="connsiteY1" fmla="*/ 44746 h 44745"/>
                <a:gd name="connsiteX2" fmla="*/ 0 w 50865"/>
                <a:gd name="connsiteY2" fmla="*/ 36430 h 44745"/>
                <a:gd name="connsiteX3" fmla="*/ 44796 w 50865"/>
                <a:gd name="connsiteY3" fmla="*/ 1255 h 44745"/>
              </a:gdLst>
              <a:ahLst/>
              <a:cxnLst>
                <a:cxn ang="0">
                  <a:pos x="connsiteX0" y="connsiteY0"/>
                </a:cxn>
                <a:cxn ang="0">
                  <a:pos x="connsiteX1" y="connsiteY1"/>
                </a:cxn>
                <a:cxn ang="0">
                  <a:pos x="connsiteX2" y="connsiteY2"/>
                </a:cxn>
                <a:cxn ang="0">
                  <a:pos x="connsiteX3" y="connsiteY3"/>
                </a:cxn>
              </a:cxnLst>
              <a:rect l="l" t="t" r="r" b="b"/>
              <a:pathLst>
                <a:path w="50865" h="44745">
                  <a:moveTo>
                    <a:pt x="50866" y="13364"/>
                  </a:moveTo>
                  <a:cubicBezTo>
                    <a:pt x="50866" y="13364"/>
                    <a:pt x="18422" y="16976"/>
                    <a:pt x="19636" y="44746"/>
                  </a:cubicBezTo>
                  <a:lnTo>
                    <a:pt x="0" y="36430"/>
                  </a:lnTo>
                  <a:cubicBezTo>
                    <a:pt x="0" y="36430"/>
                    <a:pt x="12959" y="-7941"/>
                    <a:pt x="44796"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7" name="Freeform: Shape 4766">
              <a:extLst>
                <a:ext uri="{FF2B5EF4-FFF2-40B4-BE49-F238E27FC236}">
                  <a16:creationId xmlns:a16="http://schemas.microsoft.com/office/drawing/2014/main" id="{A5A85742-7E48-61A9-6BBF-370CE90989B1}"/>
                </a:ext>
              </a:extLst>
            </p:cNvPr>
            <p:cNvSpPr/>
            <p:nvPr/>
          </p:nvSpPr>
          <p:spPr>
            <a:xfrm>
              <a:off x="7249379" y="1328416"/>
              <a:ext cx="50865" cy="44715"/>
            </a:xfrm>
            <a:custGeom>
              <a:avLst/>
              <a:gdLst>
                <a:gd name="connsiteX0" fmla="*/ 50866 w 50865"/>
                <a:gd name="connsiteY0" fmla="*/ 13334 h 44715"/>
                <a:gd name="connsiteX1" fmla="*/ 19636 w 50865"/>
                <a:gd name="connsiteY1" fmla="*/ 44715 h 44715"/>
                <a:gd name="connsiteX2" fmla="*/ 0 w 50865"/>
                <a:gd name="connsiteY2" fmla="*/ 36430 h 44715"/>
                <a:gd name="connsiteX3" fmla="*/ 44675 w 50865"/>
                <a:gd name="connsiteY3" fmla="*/ 1255 h 44715"/>
              </a:gdLst>
              <a:ahLst/>
              <a:cxnLst>
                <a:cxn ang="0">
                  <a:pos x="connsiteX0" y="connsiteY0"/>
                </a:cxn>
                <a:cxn ang="0">
                  <a:pos x="connsiteX1" y="connsiteY1"/>
                </a:cxn>
                <a:cxn ang="0">
                  <a:pos x="connsiteX2" y="connsiteY2"/>
                </a:cxn>
                <a:cxn ang="0">
                  <a:pos x="connsiteX3" y="connsiteY3"/>
                </a:cxn>
              </a:cxnLst>
              <a:rect l="l" t="t" r="r" b="b"/>
              <a:pathLst>
                <a:path w="50865" h="44715">
                  <a:moveTo>
                    <a:pt x="50866" y="13334"/>
                  </a:moveTo>
                  <a:cubicBezTo>
                    <a:pt x="50866" y="13334"/>
                    <a:pt x="18422" y="16945"/>
                    <a:pt x="19636" y="44715"/>
                  </a:cubicBezTo>
                  <a:lnTo>
                    <a:pt x="0" y="36430"/>
                  </a:lnTo>
                  <a:cubicBezTo>
                    <a:pt x="0" y="36430"/>
                    <a:pt x="12899" y="-7941"/>
                    <a:pt x="44675" y="125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8" name="Freeform: Shape 4767">
              <a:extLst>
                <a:ext uri="{FF2B5EF4-FFF2-40B4-BE49-F238E27FC236}">
                  <a16:creationId xmlns:a16="http://schemas.microsoft.com/office/drawing/2014/main" id="{AF68071E-4C7C-22D8-286C-BDCB0A2C50DC}"/>
                </a:ext>
              </a:extLst>
            </p:cNvPr>
            <p:cNvSpPr/>
            <p:nvPr/>
          </p:nvSpPr>
          <p:spPr>
            <a:xfrm>
              <a:off x="6514160" y="1525164"/>
              <a:ext cx="50865" cy="44754"/>
            </a:xfrm>
            <a:custGeom>
              <a:avLst/>
              <a:gdLst>
                <a:gd name="connsiteX0" fmla="*/ 50866 w 50865"/>
                <a:gd name="connsiteY0" fmla="*/ 13373 h 44754"/>
                <a:gd name="connsiteX1" fmla="*/ 19606 w 50865"/>
                <a:gd name="connsiteY1" fmla="*/ 44754 h 44754"/>
                <a:gd name="connsiteX2" fmla="*/ 0 w 50865"/>
                <a:gd name="connsiteY2" fmla="*/ 36438 h 44754"/>
                <a:gd name="connsiteX3" fmla="*/ 44675 w 50865"/>
                <a:gd name="connsiteY3" fmla="*/ 1233 h 44754"/>
              </a:gdLst>
              <a:ahLst/>
              <a:cxnLst>
                <a:cxn ang="0">
                  <a:pos x="connsiteX0" y="connsiteY0"/>
                </a:cxn>
                <a:cxn ang="0">
                  <a:pos x="connsiteX1" y="connsiteY1"/>
                </a:cxn>
                <a:cxn ang="0">
                  <a:pos x="connsiteX2" y="connsiteY2"/>
                </a:cxn>
                <a:cxn ang="0">
                  <a:pos x="connsiteX3" y="connsiteY3"/>
                </a:cxn>
              </a:cxnLst>
              <a:rect l="l" t="t" r="r" b="b"/>
              <a:pathLst>
                <a:path w="50865" h="44754">
                  <a:moveTo>
                    <a:pt x="50866" y="13373"/>
                  </a:moveTo>
                  <a:cubicBezTo>
                    <a:pt x="50866" y="13373"/>
                    <a:pt x="18422" y="16984"/>
                    <a:pt x="19606" y="44754"/>
                  </a:cubicBezTo>
                  <a:lnTo>
                    <a:pt x="0" y="36438"/>
                  </a:lnTo>
                  <a:cubicBezTo>
                    <a:pt x="0" y="36438"/>
                    <a:pt x="12899" y="-7872"/>
                    <a:pt x="44675" y="1233"/>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69" name="Freeform: Shape 4768">
              <a:extLst>
                <a:ext uri="{FF2B5EF4-FFF2-40B4-BE49-F238E27FC236}">
                  <a16:creationId xmlns:a16="http://schemas.microsoft.com/office/drawing/2014/main" id="{37701C3E-C87C-07CB-B6A1-1A8371FA4E50}"/>
                </a:ext>
              </a:extLst>
            </p:cNvPr>
            <p:cNvSpPr/>
            <p:nvPr/>
          </p:nvSpPr>
          <p:spPr>
            <a:xfrm>
              <a:off x="6467452" y="1819592"/>
              <a:ext cx="56844" cy="31089"/>
            </a:xfrm>
            <a:custGeom>
              <a:avLst/>
              <a:gdLst>
                <a:gd name="connsiteX0" fmla="*/ 54508 w 56844"/>
                <a:gd name="connsiteY0" fmla="*/ 25020 h 31089"/>
                <a:gd name="connsiteX1" fmla="*/ 10653 w 56844"/>
                <a:gd name="connsiteY1" fmla="*/ 31090 h 31089"/>
                <a:gd name="connsiteX2" fmla="*/ 0 w 56844"/>
                <a:gd name="connsiteY2" fmla="*/ 12637 h 31089"/>
                <a:gd name="connsiteX3" fmla="*/ 56845 w 56844"/>
                <a:gd name="connsiteY3" fmla="*/ 11484 h 31089"/>
              </a:gdLst>
              <a:ahLst/>
              <a:cxnLst>
                <a:cxn ang="0">
                  <a:pos x="connsiteX0" y="connsiteY0"/>
                </a:cxn>
                <a:cxn ang="0">
                  <a:pos x="connsiteX1" y="connsiteY1"/>
                </a:cxn>
                <a:cxn ang="0">
                  <a:pos x="connsiteX2" y="connsiteY2"/>
                </a:cxn>
                <a:cxn ang="0">
                  <a:pos x="connsiteX3" y="connsiteY3"/>
                </a:cxn>
              </a:cxnLst>
              <a:rect l="l" t="t" r="r" b="b"/>
              <a:pathLst>
                <a:path w="56844" h="31089">
                  <a:moveTo>
                    <a:pt x="54508" y="25020"/>
                  </a:moveTo>
                  <a:cubicBezTo>
                    <a:pt x="54508" y="25020"/>
                    <a:pt x="26434" y="8358"/>
                    <a:pt x="10653" y="31090"/>
                  </a:cubicBezTo>
                  <a:lnTo>
                    <a:pt x="0" y="12637"/>
                  </a:lnTo>
                  <a:cubicBezTo>
                    <a:pt x="0" y="12637"/>
                    <a:pt x="37026" y="-15011"/>
                    <a:pt x="56845" y="1148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0" name="Freeform: Shape 4769">
              <a:extLst>
                <a:ext uri="{FF2B5EF4-FFF2-40B4-BE49-F238E27FC236}">
                  <a16:creationId xmlns:a16="http://schemas.microsoft.com/office/drawing/2014/main" id="{C2B33F0B-A744-87BC-997D-591D7A76DF90}"/>
                </a:ext>
              </a:extLst>
            </p:cNvPr>
            <p:cNvSpPr/>
            <p:nvPr/>
          </p:nvSpPr>
          <p:spPr>
            <a:xfrm>
              <a:off x="6875502" y="833166"/>
              <a:ext cx="30895" cy="32034"/>
            </a:xfrm>
            <a:custGeom>
              <a:avLst/>
              <a:gdLst>
                <a:gd name="connsiteX0" fmla="*/ 30896 w 30895"/>
                <a:gd name="connsiteY0" fmla="*/ 7330 h 32034"/>
                <a:gd name="connsiteX1" fmla="*/ 14082 w 30895"/>
                <a:gd name="connsiteY1" fmla="*/ 32035 h 32034"/>
                <a:gd name="connsiteX2" fmla="*/ 0 w 30895"/>
                <a:gd name="connsiteY2" fmla="*/ 29000 h 32034"/>
                <a:gd name="connsiteX3" fmla="*/ 25281 w 30895"/>
                <a:gd name="connsiteY3" fmla="*/ 107 h 32034"/>
              </a:gdLst>
              <a:ahLst/>
              <a:cxnLst>
                <a:cxn ang="0">
                  <a:pos x="connsiteX0" y="connsiteY0"/>
                </a:cxn>
                <a:cxn ang="0">
                  <a:pos x="connsiteX1" y="connsiteY1"/>
                </a:cxn>
                <a:cxn ang="0">
                  <a:pos x="connsiteX2" y="connsiteY2"/>
                </a:cxn>
                <a:cxn ang="0">
                  <a:pos x="connsiteX3" y="connsiteY3"/>
                </a:cxn>
              </a:cxnLst>
              <a:rect l="l" t="t" r="r" b="b"/>
              <a:pathLst>
                <a:path w="30895" h="32034">
                  <a:moveTo>
                    <a:pt x="30896" y="7330"/>
                  </a:moveTo>
                  <a:cubicBezTo>
                    <a:pt x="30896" y="7330"/>
                    <a:pt x="9803" y="13765"/>
                    <a:pt x="14082" y="32035"/>
                  </a:cubicBezTo>
                  <a:lnTo>
                    <a:pt x="0" y="29000"/>
                  </a:lnTo>
                  <a:cubicBezTo>
                    <a:pt x="0" y="29000"/>
                    <a:pt x="3035" y="-2048"/>
                    <a:pt x="25281" y="107"/>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1" name="Freeform: Shape 4770">
              <a:extLst>
                <a:ext uri="{FF2B5EF4-FFF2-40B4-BE49-F238E27FC236}">
                  <a16:creationId xmlns:a16="http://schemas.microsoft.com/office/drawing/2014/main" id="{396BA97C-34FD-69B2-4B8E-B481A287648A}"/>
                </a:ext>
              </a:extLst>
            </p:cNvPr>
            <p:cNvSpPr/>
            <p:nvPr/>
          </p:nvSpPr>
          <p:spPr>
            <a:xfrm>
              <a:off x="7252110" y="812622"/>
              <a:ext cx="30895" cy="32062"/>
            </a:xfrm>
            <a:custGeom>
              <a:avLst/>
              <a:gdLst>
                <a:gd name="connsiteX0" fmla="*/ 30896 w 30895"/>
                <a:gd name="connsiteY0" fmla="*/ 7327 h 32062"/>
                <a:gd name="connsiteX1" fmla="*/ 14052 w 30895"/>
                <a:gd name="connsiteY1" fmla="*/ 32062 h 32062"/>
                <a:gd name="connsiteX2" fmla="*/ 0 w 30895"/>
                <a:gd name="connsiteY2" fmla="*/ 29027 h 32062"/>
                <a:gd name="connsiteX3" fmla="*/ 25281 w 3089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95" h="32062">
                  <a:moveTo>
                    <a:pt x="30896" y="7327"/>
                  </a:moveTo>
                  <a:cubicBezTo>
                    <a:pt x="30896" y="7327"/>
                    <a:pt x="9651" y="13762"/>
                    <a:pt x="14052" y="32062"/>
                  </a:cubicBezTo>
                  <a:lnTo>
                    <a:pt x="0" y="29027"/>
                  </a:lnTo>
                  <a:cubicBezTo>
                    <a:pt x="0" y="29027"/>
                    <a:pt x="3035" y="-2020"/>
                    <a:pt x="2528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2" name="Freeform: Shape 4771">
              <a:extLst>
                <a:ext uri="{FF2B5EF4-FFF2-40B4-BE49-F238E27FC236}">
                  <a16:creationId xmlns:a16="http://schemas.microsoft.com/office/drawing/2014/main" id="{845EB868-4E36-060F-669D-65BC033E6DA1}"/>
                </a:ext>
              </a:extLst>
            </p:cNvPr>
            <p:cNvSpPr/>
            <p:nvPr/>
          </p:nvSpPr>
          <p:spPr>
            <a:xfrm>
              <a:off x="6408817" y="827112"/>
              <a:ext cx="55812" cy="35228"/>
            </a:xfrm>
            <a:custGeom>
              <a:avLst/>
              <a:gdLst>
                <a:gd name="connsiteX0" fmla="*/ 0 w 55812"/>
                <a:gd name="connsiteY0" fmla="*/ 13688 h 35228"/>
                <a:gd name="connsiteX1" fmla="*/ 42125 w 55812"/>
                <a:gd name="connsiteY1" fmla="*/ 0 h 35228"/>
                <a:gd name="connsiteX2" fmla="*/ 55813 w 55812"/>
                <a:gd name="connsiteY2" fmla="*/ 16419 h 35228"/>
                <a:gd name="connsiteX3" fmla="*/ 0 w 55812"/>
                <a:gd name="connsiteY3" fmla="*/ 27375 h 35228"/>
              </a:gdLst>
              <a:ahLst/>
              <a:cxnLst>
                <a:cxn ang="0">
                  <a:pos x="connsiteX0" y="connsiteY0"/>
                </a:cxn>
                <a:cxn ang="0">
                  <a:pos x="connsiteX1" y="connsiteY1"/>
                </a:cxn>
                <a:cxn ang="0">
                  <a:pos x="connsiteX2" y="connsiteY2"/>
                </a:cxn>
                <a:cxn ang="0">
                  <a:pos x="connsiteX3" y="connsiteY3"/>
                </a:cxn>
              </a:cxnLst>
              <a:rect l="l" t="t" r="r" b="b"/>
              <a:pathLst>
                <a:path w="55812" h="35228">
                  <a:moveTo>
                    <a:pt x="0" y="13688"/>
                  </a:moveTo>
                  <a:cubicBezTo>
                    <a:pt x="0" y="13688"/>
                    <a:pt x="30532" y="25281"/>
                    <a:pt x="42125" y="0"/>
                  </a:cubicBezTo>
                  <a:lnTo>
                    <a:pt x="55813" y="16419"/>
                  </a:lnTo>
                  <a:cubicBezTo>
                    <a:pt x="55813" y="16419"/>
                    <a:pt x="24098" y="50046"/>
                    <a:pt x="0" y="27375"/>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3" name="Freeform: Shape 4772">
              <a:extLst>
                <a:ext uri="{FF2B5EF4-FFF2-40B4-BE49-F238E27FC236}">
                  <a16:creationId xmlns:a16="http://schemas.microsoft.com/office/drawing/2014/main" id="{F6175DA8-155C-2E3F-03AC-994AD021C7F3}"/>
                </a:ext>
              </a:extLst>
            </p:cNvPr>
            <p:cNvSpPr/>
            <p:nvPr/>
          </p:nvSpPr>
          <p:spPr>
            <a:xfrm>
              <a:off x="5640335" y="1444622"/>
              <a:ext cx="30865" cy="32062"/>
            </a:xfrm>
            <a:custGeom>
              <a:avLst/>
              <a:gdLst>
                <a:gd name="connsiteX0" fmla="*/ 30866 w 30865"/>
                <a:gd name="connsiteY0" fmla="*/ 7327 h 32062"/>
                <a:gd name="connsiteX1" fmla="*/ 14052 w 30865"/>
                <a:gd name="connsiteY1" fmla="*/ 32062 h 32062"/>
                <a:gd name="connsiteX2" fmla="*/ 0 w 30865"/>
                <a:gd name="connsiteY2" fmla="*/ 29027 h 32062"/>
                <a:gd name="connsiteX3" fmla="*/ 25251 w 30865"/>
                <a:gd name="connsiteY3" fmla="*/ 104 h 32062"/>
              </a:gdLst>
              <a:ahLst/>
              <a:cxnLst>
                <a:cxn ang="0">
                  <a:pos x="connsiteX0" y="connsiteY0"/>
                </a:cxn>
                <a:cxn ang="0">
                  <a:pos x="connsiteX1" y="connsiteY1"/>
                </a:cxn>
                <a:cxn ang="0">
                  <a:pos x="connsiteX2" y="connsiteY2"/>
                </a:cxn>
                <a:cxn ang="0">
                  <a:pos x="connsiteX3" y="connsiteY3"/>
                </a:cxn>
              </a:cxnLst>
              <a:rect l="l" t="t" r="r" b="b"/>
              <a:pathLst>
                <a:path w="30865" h="32062">
                  <a:moveTo>
                    <a:pt x="30866" y="7327"/>
                  </a:moveTo>
                  <a:cubicBezTo>
                    <a:pt x="30866" y="7327"/>
                    <a:pt x="9621" y="13762"/>
                    <a:pt x="14052" y="32062"/>
                  </a:cubicBezTo>
                  <a:lnTo>
                    <a:pt x="0" y="29027"/>
                  </a:lnTo>
                  <a:cubicBezTo>
                    <a:pt x="0" y="29027"/>
                    <a:pt x="3035" y="-2020"/>
                    <a:pt x="25251" y="104"/>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4" name="Freeform: Shape 4773">
              <a:extLst>
                <a:ext uri="{FF2B5EF4-FFF2-40B4-BE49-F238E27FC236}">
                  <a16:creationId xmlns:a16="http://schemas.microsoft.com/office/drawing/2014/main" id="{7D645B39-2DBB-2788-4BB3-6BF7A2043884}"/>
                </a:ext>
              </a:extLst>
            </p:cNvPr>
            <p:cNvSpPr/>
            <p:nvPr/>
          </p:nvSpPr>
          <p:spPr>
            <a:xfrm>
              <a:off x="6086170" y="898343"/>
              <a:ext cx="30071" cy="34416"/>
            </a:xfrm>
            <a:custGeom>
              <a:avLst/>
              <a:gdLst>
                <a:gd name="connsiteX0" fmla="*/ 21063 w 30071"/>
                <a:gd name="connsiteY0" fmla="*/ 34416 h 34416"/>
                <a:gd name="connsiteX1" fmla="*/ 0 w 30071"/>
                <a:gd name="connsiteY1" fmla="*/ 13172 h 34416"/>
                <a:gd name="connsiteX2" fmla="*/ 5584 w 30071"/>
                <a:gd name="connsiteY2" fmla="*/ 0 h 34416"/>
                <a:gd name="connsiteX3" fmla="*/ 29196 w 30071"/>
                <a:gd name="connsiteY3" fmla="*/ 30350 h 34416"/>
              </a:gdLst>
              <a:ahLst/>
              <a:cxnLst>
                <a:cxn ang="0">
                  <a:pos x="connsiteX0" y="connsiteY0"/>
                </a:cxn>
                <a:cxn ang="0">
                  <a:pos x="connsiteX1" y="connsiteY1"/>
                </a:cxn>
                <a:cxn ang="0">
                  <a:pos x="connsiteX2" y="connsiteY2"/>
                </a:cxn>
                <a:cxn ang="0">
                  <a:pos x="connsiteX3" y="connsiteY3"/>
                </a:cxn>
              </a:cxnLst>
              <a:rect l="l" t="t" r="r" b="b"/>
              <a:pathLst>
                <a:path w="30071" h="34416">
                  <a:moveTo>
                    <a:pt x="21063" y="34416"/>
                  </a:moveTo>
                  <a:cubicBezTo>
                    <a:pt x="21063" y="34416"/>
                    <a:pt x="18726" y="12474"/>
                    <a:pt x="0" y="13172"/>
                  </a:cubicBezTo>
                  <a:lnTo>
                    <a:pt x="5584" y="0"/>
                  </a:lnTo>
                  <a:cubicBezTo>
                    <a:pt x="5584" y="0"/>
                    <a:pt x="35509" y="8832"/>
                    <a:pt x="29196"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5" name="Freeform: Shape 4774">
              <a:extLst>
                <a:ext uri="{FF2B5EF4-FFF2-40B4-BE49-F238E27FC236}">
                  <a16:creationId xmlns:a16="http://schemas.microsoft.com/office/drawing/2014/main" id="{19B29E5E-6BED-F0B3-D8B6-373BB780728F}"/>
                </a:ext>
              </a:extLst>
            </p:cNvPr>
            <p:cNvSpPr/>
            <p:nvPr/>
          </p:nvSpPr>
          <p:spPr>
            <a:xfrm>
              <a:off x="5381574" y="876916"/>
              <a:ext cx="30367" cy="34386"/>
            </a:xfrm>
            <a:custGeom>
              <a:avLst/>
              <a:gdLst>
                <a:gd name="connsiteX0" fmla="*/ 21245 w 30367"/>
                <a:gd name="connsiteY0" fmla="*/ 34386 h 34386"/>
                <a:gd name="connsiteX1" fmla="*/ 0 w 30367"/>
                <a:gd name="connsiteY1" fmla="*/ 13141 h 34386"/>
                <a:gd name="connsiteX2" fmla="*/ 5888 w 30367"/>
                <a:gd name="connsiteY2" fmla="*/ 0 h 34386"/>
                <a:gd name="connsiteX3" fmla="*/ 29500 w 30367"/>
                <a:gd name="connsiteY3" fmla="*/ 30350 h 34386"/>
              </a:gdLst>
              <a:ahLst/>
              <a:cxnLst>
                <a:cxn ang="0">
                  <a:pos x="connsiteX0" y="connsiteY0"/>
                </a:cxn>
                <a:cxn ang="0">
                  <a:pos x="connsiteX1" y="connsiteY1"/>
                </a:cxn>
                <a:cxn ang="0">
                  <a:pos x="connsiteX2" y="connsiteY2"/>
                </a:cxn>
                <a:cxn ang="0">
                  <a:pos x="connsiteX3" y="connsiteY3"/>
                </a:cxn>
              </a:cxnLst>
              <a:rect l="l" t="t" r="r" b="b"/>
              <a:pathLst>
                <a:path w="30367" h="34386">
                  <a:moveTo>
                    <a:pt x="21245" y="34386"/>
                  </a:moveTo>
                  <a:cubicBezTo>
                    <a:pt x="21245" y="34386"/>
                    <a:pt x="18908" y="12443"/>
                    <a:pt x="0" y="13141"/>
                  </a:cubicBezTo>
                  <a:lnTo>
                    <a:pt x="5888" y="0"/>
                  </a:lnTo>
                  <a:cubicBezTo>
                    <a:pt x="5888" y="0"/>
                    <a:pt x="35782" y="8832"/>
                    <a:pt x="29500" y="3035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6" name="Freeform: Shape 4775">
              <a:extLst>
                <a:ext uri="{FF2B5EF4-FFF2-40B4-BE49-F238E27FC236}">
                  <a16:creationId xmlns:a16="http://schemas.microsoft.com/office/drawing/2014/main" id="{FDE7C274-B331-84CB-C179-C7D986DC0EF3}"/>
                </a:ext>
              </a:extLst>
            </p:cNvPr>
            <p:cNvSpPr/>
            <p:nvPr/>
          </p:nvSpPr>
          <p:spPr>
            <a:xfrm>
              <a:off x="6237554" y="977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78" y="17239"/>
                    <a:pt x="8619" y="17239"/>
                  </a:cubicBezTo>
                  <a:cubicBezTo>
                    <a:pt x="3860" y="17239"/>
                    <a:pt x="0" y="13378"/>
                    <a:pt x="0" y="8619"/>
                  </a:cubicBezTo>
                  <a:cubicBezTo>
                    <a:pt x="0" y="3859"/>
                    <a:pt x="3860" y="0"/>
                    <a:pt x="8619" y="0"/>
                  </a:cubicBezTo>
                  <a:cubicBezTo>
                    <a:pt x="13378"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7" name="Freeform: Shape 4776">
              <a:extLst>
                <a:ext uri="{FF2B5EF4-FFF2-40B4-BE49-F238E27FC236}">
                  <a16:creationId xmlns:a16="http://schemas.microsoft.com/office/drawing/2014/main" id="{992A07F5-9301-7C5D-AC85-4B14D2CAA0C6}"/>
                </a:ext>
              </a:extLst>
            </p:cNvPr>
            <p:cNvSpPr/>
            <p:nvPr/>
          </p:nvSpPr>
          <p:spPr>
            <a:xfrm>
              <a:off x="6725423" y="1439992"/>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88"/>
                    <a:pt x="3830" y="18"/>
                    <a:pt x="8589" y="0"/>
                  </a:cubicBezTo>
                  <a:cubicBezTo>
                    <a:pt x="8610" y="0"/>
                    <a:pt x="8628" y="0"/>
                    <a:pt x="8650" y="0"/>
                  </a:cubicBezTo>
                  <a:cubicBezTo>
                    <a:pt x="13387" y="15"/>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8" name="Freeform: Shape 4777">
              <a:extLst>
                <a:ext uri="{FF2B5EF4-FFF2-40B4-BE49-F238E27FC236}">
                  <a16:creationId xmlns:a16="http://schemas.microsoft.com/office/drawing/2014/main" id="{A8E10A55-1EA3-DCCB-1037-883C7DEFFBF1}"/>
                </a:ext>
              </a:extLst>
            </p:cNvPr>
            <p:cNvSpPr/>
            <p:nvPr/>
          </p:nvSpPr>
          <p:spPr>
            <a:xfrm>
              <a:off x="6592947" y="103470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80"/>
                    <a:pt x="13380" y="17239"/>
                    <a:pt x="8619" y="17239"/>
                  </a:cubicBezTo>
                  <a:cubicBezTo>
                    <a:pt x="3859" y="17239"/>
                    <a:pt x="0" y="13380"/>
                    <a:pt x="0" y="8619"/>
                  </a:cubicBezTo>
                  <a:cubicBezTo>
                    <a:pt x="0" y="3859"/>
                    <a:pt x="3859" y="0"/>
                    <a:pt x="8619" y="0"/>
                  </a:cubicBezTo>
                  <a:cubicBezTo>
                    <a:pt x="13380" y="0"/>
                    <a:pt x="17239" y="3859"/>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79" name="Freeform: Shape 4778">
              <a:extLst>
                <a:ext uri="{FF2B5EF4-FFF2-40B4-BE49-F238E27FC236}">
                  <a16:creationId xmlns:a16="http://schemas.microsoft.com/office/drawing/2014/main" id="{F65ACD36-F749-1C6C-79CA-9C592E21311D}"/>
                </a:ext>
              </a:extLst>
            </p:cNvPr>
            <p:cNvSpPr/>
            <p:nvPr/>
          </p:nvSpPr>
          <p:spPr>
            <a:xfrm>
              <a:off x="6160193" y="1606277"/>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4"/>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0" name="Freeform: Shape 4779">
              <a:extLst>
                <a:ext uri="{FF2B5EF4-FFF2-40B4-BE49-F238E27FC236}">
                  <a16:creationId xmlns:a16="http://schemas.microsoft.com/office/drawing/2014/main" id="{9F73EBE6-AE1B-3B2F-3E9B-FC4F46AECF61}"/>
                </a:ext>
              </a:extLst>
            </p:cNvPr>
            <p:cNvSpPr/>
            <p:nvPr/>
          </p:nvSpPr>
          <p:spPr>
            <a:xfrm>
              <a:off x="6862816" y="1768283"/>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1" y="17239"/>
                    <a:pt x="8619" y="17239"/>
                  </a:cubicBezTo>
                  <a:cubicBezTo>
                    <a:pt x="3857" y="17239"/>
                    <a:pt x="0" y="13378"/>
                    <a:pt x="0" y="8619"/>
                  </a:cubicBezTo>
                  <a:cubicBezTo>
                    <a:pt x="0" y="3860"/>
                    <a:pt x="3857" y="0"/>
                    <a:pt x="8619" y="0"/>
                  </a:cubicBezTo>
                  <a:cubicBezTo>
                    <a:pt x="13378"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1" name="Freeform: Shape 4780">
              <a:extLst>
                <a:ext uri="{FF2B5EF4-FFF2-40B4-BE49-F238E27FC236}">
                  <a16:creationId xmlns:a16="http://schemas.microsoft.com/office/drawing/2014/main" id="{608B96A9-525F-29A2-AD27-B3C87E4EE325}"/>
                </a:ext>
              </a:extLst>
            </p:cNvPr>
            <p:cNvSpPr/>
            <p:nvPr/>
          </p:nvSpPr>
          <p:spPr>
            <a:xfrm>
              <a:off x="7158269" y="1987134"/>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8650 w 17238"/>
                <a:gd name="connsiteY4" fmla="*/ 0 h 17238"/>
                <a:gd name="connsiteX5" fmla="*/ 17239 w 17238"/>
                <a:gd name="connsiteY5" fmla="*/ 861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19"/>
                  </a:moveTo>
                  <a:cubicBezTo>
                    <a:pt x="17239" y="13378"/>
                    <a:pt x="13378" y="17239"/>
                    <a:pt x="8619" y="17239"/>
                  </a:cubicBezTo>
                  <a:cubicBezTo>
                    <a:pt x="3861" y="17239"/>
                    <a:pt x="0" y="13378"/>
                    <a:pt x="0" y="8619"/>
                  </a:cubicBezTo>
                  <a:cubicBezTo>
                    <a:pt x="0" y="3857"/>
                    <a:pt x="3861" y="0"/>
                    <a:pt x="8619" y="0"/>
                  </a:cubicBezTo>
                  <a:cubicBezTo>
                    <a:pt x="8628" y="0"/>
                    <a:pt x="8641" y="0"/>
                    <a:pt x="8650" y="0"/>
                  </a:cubicBezTo>
                  <a:cubicBezTo>
                    <a:pt x="13399" y="18"/>
                    <a:pt x="17239" y="387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2" name="Freeform: Shape 4781">
              <a:extLst>
                <a:ext uri="{FF2B5EF4-FFF2-40B4-BE49-F238E27FC236}">
                  <a16:creationId xmlns:a16="http://schemas.microsoft.com/office/drawing/2014/main" id="{8C15AA5C-E36C-53C8-133A-E12BED5165E2}"/>
                </a:ext>
              </a:extLst>
            </p:cNvPr>
            <p:cNvSpPr/>
            <p:nvPr/>
          </p:nvSpPr>
          <p:spPr>
            <a:xfrm>
              <a:off x="5686041" y="202686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8"/>
                    <a:pt x="13408" y="17220"/>
                    <a:pt x="8650" y="17239"/>
                  </a:cubicBezTo>
                  <a:cubicBezTo>
                    <a:pt x="3891" y="17257"/>
                    <a:pt x="18" y="13408"/>
                    <a:pt x="0" y="8650"/>
                  </a:cubicBezTo>
                  <a:cubicBezTo>
                    <a:pt x="-15" y="3891"/>
                    <a:pt x="3830" y="18"/>
                    <a:pt x="8589" y="0"/>
                  </a:cubicBezTo>
                  <a:cubicBezTo>
                    <a:pt x="8610" y="0"/>
                    <a:pt x="8628" y="0"/>
                    <a:pt x="8650" y="0"/>
                  </a:cubicBezTo>
                  <a:cubicBezTo>
                    <a:pt x="13387" y="18"/>
                    <a:pt x="17223"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3" name="Freeform: Shape 4782">
              <a:extLst>
                <a:ext uri="{FF2B5EF4-FFF2-40B4-BE49-F238E27FC236}">
                  <a16:creationId xmlns:a16="http://schemas.microsoft.com/office/drawing/2014/main" id="{E08E1595-C9F3-29B2-390E-2BF330D8C46E}"/>
                </a:ext>
              </a:extLst>
            </p:cNvPr>
            <p:cNvSpPr/>
            <p:nvPr/>
          </p:nvSpPr>
          <p:spPr>
            <a:xfrm>
              <a:off x="5426067" y="1728950"/>
              <a:ext cx="17238" cy="17238"/>
            </a:xfrm>
            <a:custGeom>
              <a:avLst/>
              <a:gdLst>
                <a:gd name="connsiteX0" fmla="*/ 17239 w 17238"/>
                <a:gd name="connsiteY0" fmla="*/ 8619 h 17238"/>
                <a:gd name="connsiteX1" fmla="*/ 8619 w 17238"/>
                <a:gd name="connsiteY1" fmla="*/ 17239 h 17238"/>
                <a:gd name="connsiteX2" fmla="*/ 0 w 17238"/>
                <a:gd name="connsiteY2" fmla="*/ 8619 h 17238"/>
                <a:gd name="connsiteX3" fmla="*/ 8619 w 17238"/>
                <a:gd name="connsiteY3" fmla="*/ 0 h 17238"/>
                <a:gd name="connsiteX4" fmla="*/ 17239 w 17238"/>
                <a:gd name="connsiteY4" fmla="*/ 8619 h 172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38" h="17238">
                  <a:moveTo>
                    <a:pt x="17239" y="8619"/>
                  </a:moveTo>
                  <a:cubicBezTo>
                    <a:pt x="17239" y="13378"/>
                    <a:pt x="13380" y="17239"/>
                    <a:pt x="8619" y="17239"/>
                  </a:cubicBezTo>
                  <a:cubicBezTo>
                    <a:pt x="3859" y="17239"/>
                    <a:pt x="0" y="13378"/>
                    <a:pt x="0" y="8619"/>
                  </a:cubicBezTo>
                  <a:cubicBezTo>
                    <a:pt x="0" y="3860"/>
                    <a:pt x="3859" y="0"/>
                    <a:pt x="8619" y="0"/>
                  </a:cubicBezTo>
                  <a:cubicBezTo>
                    <a:pt x="13380" y="0"/>
                    <a:pt x="17239" y="3860"/>
                    <a:pt x="17239" y="861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4" name="Freeform: Shape 4783">
              <a:extLst>
                <a:ext uri="{FF2B5EF4-FFF2-40B4-BE49-F238E27FC236}">
                  <a16:creationId xmlns:a16="http://schemas.microsoft.com/office/drawing/2014/main" id="{71CF0227-7724-0B40-A4EB-A8958E71BEA9}"/>
                </a:ext>
              </a:extLst>
            </p:cNvPr>
            <p:cNvSpPr/>
            <p:nvPr/>
          </p:nvSpPr>
          <p:spPr>
            <a:xfrm>
              <a:off x="5426067" y="1312159"/>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5" y="13348"/>
                    <a:pt x="13410" y="17220"/>
                    <a:pt x="8650" y="17239"/>
                  </a:cubicBezTo>
                  <a:cubicBezTo>
                    <a:pt x="3889" y="17257"/>
                    <a:pt x="17" y="13408"/>
                    <a:pt x="0" y="8650"/>
                  </a:cubicBezTo>
                  <a:cubicBezTo>
                    <a:pt x="-17" y="3891"/>
                    <a:pt x="3829" y="18"/>
                    <a:pt x="8589" y="0"/>
                  </a:cubicBezTo>
                  <a:cubicBezTo>
                    <a:pt x="8599" y="0"/>
                    <a:pt x="8609" y="0"/>
                    <a:pt x="8619" y="0"/>
                  </a:cubicBezTo>
                  <a:cubicBezTo>
                    <a:pt x="13368" y="0"/>
                    <a:pt x="17222" y="3839"/>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5" name="Freeform: Shape 4784">
              <a:extLst>
                <a:ext uri="{FF2B5EF4-FFF2-40B4-BE49-F238E27FC236}">
                  <a16:creationId xmlns:a16="http://schemas.microsoft.com/office/drawing/2014/main" id="{1AA2016B-2FA9-EE3C-3E78-248854652035}"/>
                </a:ext>
              </a:extLst>
            </p:cNvPr>
            <p:cNvSpPr/>
            <p:nvPr/>
          </p:nvSpPr>
          <p:spPr>
            <a:xfrm>
              <a:off x="5667224" y="828568"/>
              <a:ext cx="17238" cy="17238"/>
            </a:xfrm>
            <a:custGeom>
              <a:avLst/>
              <a:gdLst>
                <a:gd name="connsiteX0" fmla="*/ 17239 w 17238"/>
                <a:gd name="connsiteY0" fmla="*/ 8620 h 17238"/>
                <a:gd name="connsiteX1" fmla="*/ 8619 w 17238"/>
                <a:gd name="connsiteY1" fmla="*/ 17239 h 17238"/>
                <a:gd name="connsiteX2" fmla="*/ 0 w 17238"/>
                <a:gd name="connsiteY2" fmla="*/ 8618 h 17238"/>
                <a:gd name="connsiteX3" fmla="*/ 8619 w 17238"/>
                <a:gd name="connsiteY3" fmla="*/ 0 h 17238"/>
                <a:gd name="connsiteX4" fmla="*/ 8741 w 17238"/>
                <a:gd name="connsiteY4" fmla="*/ 1 h 17238"/>
                <a:gd name="connsiteX5" fmla="*/ 17239 w 17238"/>
                <a:gd name="connsiteY5" fmla="*/ 8620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620"/>
                  </a:moveTo>
                  <a:cubicBezTo>
                    <a:pt x="17239" y="13381"/>
                    <a:pt x="13378" y="17239"/>
                    <a:pt x="8619" y="17239"/>
                  </a:cubicBezTo>
                  <a:cubicBezTo>
                    <a:pt x="3857" y="17238"/>
                    <a:pt x="0" y="13379"/>
                    <a:pt x="0" y="8618"/>
                  </a:cubicBezTo>
                  <a:cubicBezTo>
                    <a:pt x="0" y="3858"/>
                    <a:pt x="3860" y="0"/>
                    <a:pt x="8619" y="0"/>
                  </a:cubicBezTo>
                  <a:cubicBezTo>
                    <a:pt x="8662" y="0"/>
                    <a:pt x="8701" y="0"/>
                    <a:pt x="8741" y="1"/>
                  </a:cubicBezTo>
                  <a:cubicBezTo>
                    <a:pt x="13460" y="51"/>
                    <a:pt x="17257" y="3900"/>
                    <a:pt x="17239" y="8620"/>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6" name="Freeform: Shape 4785">
              <a:extLst>
                <a:ext uri="{FF2B5EF4-FFF2-40B4-BE49-F238E27FC236}">
                  <a16:creationId xmlns:a16="http://schemas.microsoft.com/office/drawing/2014/main" id="{EEFC8FEE-A8D8-5757-5FD1-F3A523CFA23F}"/>
                </a:ext>
              </a:extLst>
            </p:cNvPr>
            <p:cNvSpPr/>
            <p:nvPr/>
          </p:nvSpPr>
          <p:spPr>
            <a:xfrm>
              <a:off x="7398274" y="1173401"/>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4"/>
                    <a:pt x="18" y="13408"/>
                    <a:pt x="0" y="8650"/>
                  </a:cubicBezTo>
                  <a:cubicBezTo>
                    <a:pt x="-18" y="3888"/>
                    <a:pt x="3830" y="18"/>
                    <a:pt x="8589" y="0"/>
                  </a:cubicBezTo>
                  <a:cubicBezTo>
                    <a:pt x="8610" y="0"/>
                    <a:pt x="8629" y="0"/>
                    <a:pt x="8650" y="0"/>
                  </a:cubicBezTo>
                  <a:cubicBezTo>
                    <a:pt x="13387" y="15"/>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7" name="Freeform: Shape 4786">
              <a:extLst>
                <a:ext uri="{FF2B5EF4-FFF2-40B4-BE49-F238E27FC236}">
                  <a16:creationId xmlns:a16="http://schemas.microsoft.com/office/drawing/2014/main" id="{04C1B003-42A4-80BB-360F-ED0939CFDA27}"/>
                </a:ext>
              </a:extLst>
            </p:cNvPr>
            <p:cNvSpPr/>
            <p:nvPr/>
          </p:nvSpPr>
          <p:spPr>
            <a:xfrm>
              <a:off x="7398274" y="1507884"/>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4" y="13348"/>
                    <a:pt x="13409" y="17220"/>
                    <a:pt x="8650" y="17239"/>
                  </a:cubicBezTo>
                  <a:cubicBezTo>
                    <a:pt x="3888" y="17257"/>
                    <a:pt x="18" y="13408"/>
                    <a:pt x="0" y="8650"/>
                  </a:cubicBezTo>
                  <a:cubicBezTo>
                    <a:pt x="-18" y="3891"/>
                    <a:pt x="3830" y="18"/>
                    <a:pt x="8589" y="0"/>
                  </a:cubicBezTo>
                  <a:cubicBezTo>
                    <a:pt x="8610" y="0"/>
                    <a:pt x="8629" y="0"/>
                    <a:pt x="8650" y="0"/>
                  </a:cubicBezTo>
                  <a:cubicBezTo>
                    <a:pt x="13387" y="18"/>
                    <a:pt x="17220" y="3851"/>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8" name="Freeform: Shape 4787">
              <a:extLst>
                <a:ext uri="{FF2B5EF4-FFF2-40B4-BE49-F238E27FC236}">
                  <a16:creationId xmlns:a16="http://schemas.microsoft.com/office/drawing/2014/main" id="{934FA723-76BB-2851-9D49-310D7CAED5D3}"/>
                </a:ext>
              </a:extLst>
            </p:cNvPr>
            <p:cNvSpPr/>
            <p:nvPr/>
          </p:nvSpPr>
          <p:spPr>
            <a:xfrm>
              <a:off x="7149680" y="957706"/>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19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12" y="17222"/>
                    <a:pt x="8650" y="17239"/>
                  </a:cubicBezTo>
                  <a:cubicBezTo>
                    <a:pt x="3891" y="17255"/>
                    <a:pt x="18" y="13410"/>
                    <a:pt x="0" y="8650"/>
                  </a:cubicBezTo>
                  <a:cubicBezTo>
                    <a:pt x="-15" y="3889"/>
                    <a:pt x="3830" y="17"/>
                    <a:pt x="8589" y="0"/>
                  </a:cubicBezTo>
                  <a:cubicBezTo>
                    <a:pt x="8598" y="0"/>
                    <a:pt x="8610" y="0"/>
                    <a:pt x="8619" y="0"/>
                  </a:cubicBezTo>
                  <a:cubicBezTo>
                    <a:pt x="13369" y="0"/>
                    <a:pt x="17223" y="3840"/>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789" name="Freeform: Shape 4788">
              <a:extLst>
                <a:ext uri="{FF2B5EF4-FFF2-40B4-BE49-F238E27FC236}">
                  <a16:creationId xmlns:a16="http://schemas.microsoft.com/office/drawing/2014/main" id="{E3E5A8DC-11BF-E497-EFDD-B7BA483D5CCC}"/>
                </a:ext>
              </a:extLst>
            </p:cNvPr>
            <p:cNvSpPr/>
            <p:nvPr/>
          </p:nvSpPr>
          <p:spPr>
            <a:xfrm>
              <a:off x="6048537" y="792240"/>
              <a:ext cx="17238" cy="17238"/>
            </a:xfrm>
            <a:custGeom>
              <a:avLst/>
              <a:gdLst>
                <a:gd name="connsiteX0" fmla="*/ 17239 w 17238"/>
                <a:gd name="connsiteY0" fmla="*/ 8589 h 17238"/>
                <a:gd name="connsiteX1" fmla="*/ 8650 w 17238"/>
                <a:gd name="connsiteY1" fmla="*/ 17239 h 17238"/>
                <a:gd name="connsiteX2" fmla="*/ 0 w 17238"/>
                <a:gd name="connsiteY2" fmla="*/ 8650 h 17238"/>
                <a:gd name="connsiteX3" fmla="*/ 8589 w 17238"/>
                <a:gd name="connsiteY3" fmla="*/ 0 h 17238"/>
                <a:gd name="connsiteX4" fmla="*/ 8650 w 17238"/>
                <a:gd name="connsiteY4" fmla="*/ 0 h 17238"/>
                <a:gd name="connsiteX5" fmla="*/ 17239 w 17238"/>
                <a:gd name="connsiteY5" fmla="*/ 8589 h 172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238" h="17238">
                  <a:moveTo>
                    <a:pt x="17239" y="8589"/>
                  </a:moveTo>
                  <a:cubicBezTo>
                    <a:pt x="17257" y="13349"/>
                    <a:pt x="13409" y="17222"/>
                    <a:pt x="8650" y="17239"/>
                  </a:cubicBezTo>
                  <a:cubicBezTo>
                    <a:pt x="3891" y="17255"/>
                    <a:pt x="18" y="13410"/>
                    <a:pt x="0" y="8650"/>
                  </a:cubicBezTo>
                  <a:cubicBezTo>
                    <a:pt x="-15" y="3889"/>
                    <a:pt x="3830" y="17"/>
                    <a:pt x="8589" y="0"/>
                  </a:cubicBezTo>
                  <a:cubicBezTo>
                    <a:pt x="8610" y="0"/>
                    <a:pt x="8628" y="0"/>
                    <a:pt x="8650" y="0"/>
                  </a:cubicBezTo>
                  <a:cubicBezTo>
                    <a:pt x="13387" y="17"/>
                    <a:pt x="17223" y="3852"/>
                    <a:pt x="17239" y="8589"/>
                  </a:cubicBezTo>
                  <a:close/>
                </a:path>
              </a:pathLst>
            </a:custGeom>
            <a:grpFill/>
            <a:ln w="302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grpSp>
      <p:pic>
        <p:nvPicPr>
          <p:cNvPr id="4790" name="Picture 4789" descr="Diagram&#10;&#10;Description automatically generated">
            <a:extLst>
              <a:ext uri="{FF2B5EF4-FFF2-40B4-BE49-F238E27FC236}">
                <a16:creationId xmlns:a16="http://schemas.microsoft.com/office/drawing/2014/main" id="{BBCF311C-7A7A-6AC8-8579-10CEBE23B691}"/>
              </a:ext>
            </a:extLst>
          </p:cNvPr>
          <p:cNvPicPr>
            <a:picLocks noChangeAspect="1"/>
          </p:cNvPicPr>
          <p:nvPr/>
        </p:nvPicPr>
        <p:blipFill rotWithShape="1">
          <a:blip r:embed="rId15" cstate="screen">
            <a:extLst>
              <a:ext uri="{28A0092B-C50C-407E-A947-70E740481C1C}">
                <a14:useLocalDpi xmlns:a14="http://schemas.microsoft.com/office/drawing/2010/main" val="0"/>
              </a:ext>
            </a:extLst>
          </a:blip>
          <a:srcRect/>
          <a:stretch/>
        </p:blipFill>
        <p:spPr>
          <a:xfrm>
            <a:off x="5937260" y="699197"/>
            <a:ext cx="1179863" cy="1058135"/>
          </a:xfrm>
          <a:prstGeom prst="rect">
            <a:avLst/>
          </a:prstGeom>
          <a:effectLst>
            <a:glow rad="254000">
              <a:schemeClr val="bg1">
                <a:alpha val="15000"/>
              </a:schemeClr>
            </a:glow>
          </a:effectLst>
        </p:spPr>
      </p:pic>
      <p:pic>
        <p:nvPicPr>
          <p:cNvPr id="4791" name="Picture 4790" descr="Diagram&#10;&#10;Description automatically generated">
            <a:extLst>
              <a:ext uri="{FF2B5EF4-FFF2-40B4-BE49-F238E27FC236}">
                <a16:creationId xmlns:a16="http://schemas.microsoft.com/office/drawing/2014/main" id="{1A363931-A08C-9B54-FF7E-8B8212DD9B5F}"/>
              </a:ext>
            </a:extLst>
          </p:cNvPr>
          <p:cNvPicPr>
            <a:picLocks noChangeAspect="1"/>
          </p:cNvPicPr>
          <p:nvPr/>
        </p:nvPicPr>
        <p:blipFill rotWithShape="1">
          <a:blip r:embed="rId16" cstate="screen">
            <a:extLst>
              <a:ext uri="{28A0092B-C50C-407E-A947-70E740481C1C}">
                <a14:useLocalDpi xmlns:a14="http://schemas.microsoft.com/office/drawing/2010/main" val="0"/>
              </a:ext>
            </a:extLst>
          </a:blip>
          <a:srcRect b="-7035"/>
          <a:stretch/>
        </p:blipFill>
        <p:spPr>
          <a:xfrm>
            <a:off x="4460465" y="670557"/>
            <a:ext cx="1179863" cy="1058135"/>
          </a:xfrm>
          <a:prstGeom prst="rect">
            <a:avLst/>
          </a:prstGeom>
          <a:effectLst>
            <a:glow rad="254000">
              <a:schemeClr val="bg1">
                <a:alpha val="15000"/>
              </a:schemeClr>
            </a:glow>
          </a:effectLst>
        </p:spPr>
      </p:pic>
      <p:pic>
        <p:nvPicPr>
          <p:cNvPr id="4792" name="Picture 4791" descr="Diagram&#10;&#10;Description automatically generated">
            <a:extLst>
              <a:ext uri="{FF2B5EF4-FFF2-40B4-BE49-F238E27FC236}">
                <a16:creationId xmlns:a16="http://schemas.microsoft.com/office/drawing/2014/main" id="{57755FB0-C9D3-4A60-777E-44A63B11FBD7}"/>
              </a:ext>
            </a:extLst>
          </p:cNvPr>
          <p:cNvPicPr>
            <a:picLocks noChangeAspect="1"/>
          </p:cNvPicPr>
          <p:nvPr/>
        </p:nvPicPr>
        <p:blipFill rotWithShape="1">
          <a:blip r:embed="rId17" cstate="screen">
            <a:extLst>
              <a:ext uri="{28A0092B-C50C-407E-A947-70E740481C1C}">
                <a14:useLocalDpi xmlns:a14="http://schemas.microsoft.com/office/drawing/2010/main" val="0"/>
              </a:ext>
            </a:extLst>
          </a:blip>
          <a:srcRect r="-1349" b="-7019"/>
          <a:stretch/>
        </p:blipFill>
        <p:spPr>
          <a:xfrm>
            <a:off x="7378149" y="674641"/>
            <a:ext cx="1179863" cy="1058135"/>
          </a:xfrm>
          <a:prstGeom prst="rect">
            <a:avLst/>
          </a:prstGeom>
          <a:effectLst>
            <a:glow rad="254000">
              <a:schemeClr val="bg1">
                <a:alpha val="15000"/>
              </a:schemeClr>
            </a:glow>
          </a:effectLst>
        </p:spPr>
      </p:pic>
      <p:pic>
        <p:nvPicPr>
          <p:cNvPr id="4794" name="Graphic 4793" descr="Cloud outline">
            <a:extLst>
              <a:ext uri="{FF2B5EF4-FFF2-40B4-BE49-F238E27FC236}">
                <a16:creationId xmlns:a16="http://schemas.microsoft.com/office/drawing/2014/main" id="{D2384B0C-CE1D-CA2E-6592-37FDBF164541}"/>
              </a:ext>
            </a:extLst>
          </p:cNvPr>
          <p:cNvPicPr>
            <a:picLocks noChangeAspect="1"/>
          </p:cNvPicPr>
          <p:nvPr/>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5287195" y="137094"/>
            <a:ext cx="278165" cy="278165"/>
          </a:xfrm>
          <a:prstGeom prst="rect">
            <a:avLst/>
          </a:prstGeom>
        </p:spPr>
      </p:pic>
      <p:sp>
        <p:nvSpPr>
          <p:cNvPr id="17" name="TextBox 16">
            <a:extLst>
              <a:ext uri="{FF2B5EF4-FFF2-40B4-BE49-F238E27FC236}">
                <a16:creationId xmlns:a16="http://schemas.microsoft.com/office/drawing/2014/main" id="{AEA630B7-A15C-7126-D7C0-0042AAC0C672}"/>
              </a:ext>
            </a:extLst>
          </p:cNvPr>
          <p:cNvSpPr txBox="1"/>
          <p:nvPr/>
        </p:nvSpPr>
        <p:spPr>
          <a:xfrm>
            <a:off x="9698665" y="3739144"/>
            <a:ext cx="2351914" cy="738664"/>
          </a:xfrm>
          <a:prstGeom prst="rect">
            <a:avLst/>
          </a:prstGeom>
          <a:noFill/>
        </p:spPr>
        <p:txBody>
          <a:bodyPr wrap="square" rtlCol="0">
            <a:spAutoFit/>
          </a:body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400" b="1" i="0" u="none" strike="noStrike" kern="1200" cap="none" spc="0" normalizeH="0" baseline="0" noProof="0">
                <a:ln>
                  <a:noFill/>
                </a:ln>
                <a:solidFill>
                  <a:prstClr val="black"/>
                </a:solidFill>
                <a:effectLst/>
                <a:uLnTx/>
                <a:uFillTx/>
                <a:latin typeface="Georgia Pro Cond Semibold" panose="020B0604020202020204" pitchFamily="18" charset="0"/>
                <a:ea typeface="+mn-ea"/>
                <a:cs typeface="Times New Roman" panose="02020603050405020304" pitchFamily="18" charset="0"/>
              </a:rPr>
              <a:t>SETTING NEW TRENDS AND PRECEDENCE</a:t>
            </a:r>
            <a:br>
              <a:rPr kumimoji="0" lang="en-US" sz="1400" b="1" i="0" u="none" strike="noStrike" kern="1200" cap="none" spc="0" normalizeH="0" baseline="0" noProof="0">
                <a:ln>
                  <a:noFill/>
                </a:ln>
                <a:solidFill>
                  <a:prstClr val="black"/>
                </a:solidFill>
                <a:effectLst/>
                <a:uLnTx/>
                <a:uFillTx/>
                <a:latin typeface="Georgia Pro Cond Semibold" panose="020B0604020202020204" pitchFamily="18" charset="0"/>
                <a:ea typeface="+mn-ea"/>
                <a:cs typeface="Times New Roman" panose="02020603050405020304" pitchFamily="18" charset="0"/>
              </a:rPr>
            </a:br>
            <a:endParaRPr kumimoji="0" lang="en-US" sz="1400" b="1" i="0" u="none" strike="noStrike" kern="1200" cap="none" spc="0" normalizeH="0" baseline="0" noProof="0">
              <a:ln>
                <a:noFill/>
              </a:ln>
              <a:solidFill>
                <a:prstClr val="black"/>
              </a:solidFill>
              <a:effectLst/>
              <a:uLnTx/>
              <a:uFillTx/>
              <a:latin typeface="Georgia Pro Cond Semibold" panose="020B0604020202020204" pitchFamily="18" charset="0"/>
              <a:ea typeface="+mn-ea"/>
              <a:cs typeface="Times New Roman" panose="02020603050405020304" pitchFamily="18" charset="0"/>
            </a:endParaRPr>
          </a:p>
        </p:txBody>
      </p:sp>
      <p:sp>
        <p:nvSpPr>
          <p:cNvPr id="18" name="TextBox 17">
            <a:extLst>
              <a:ext uri="{FF2B5EF4-FFF2-40B4-BE49-F238E27FC236}">
                <a16:creationId xmlns:a16="http://schemas.microsoft.com/office/drawing/2014/main" id="{B0CB3652-480B-AC09-4B53-85FCFAEC485A}"/>
              </a:ext>
            </a:extLst>
          </p:cNvPr>
          <p:cNvSpPr txBox="1"/>
          <p:nvPr/>
        </p:nvSpPr>
        <p:spPr>
          <a:xfrm>
            <a:off x="9630193" y="4385505"/>
            <a:ext cx="2415702" cy="2261392"/>
          </a:xfrm>
          <a:prstGeom prst="rect">
            <a:avLst/>
          </a:prstGeom>
          <a:noFill/>
        </p:spPr>
        <p:txBody>
          <a:bodyPr wrap="square" numCol="1" spcCol="252000" rtlCol="0">
            <a:noAutofit/>
          </a:bodyPr>
          <a:lstStyle/>
          <a:p>
            <a:pPr marL="171450" marR="0" lvl="0" indent="-171450" algn="l" defTabSz="914400" rtl="0" eaLnBrk="1" fontAlgn="auto" latinLnBrk="0" hangingPunct="1">
              <a:lnSpc>
                <a:spcPct val="107000"/>
              </a:lnSpc>
              <a:spcBef>
                <a:spcPts val="0"/>
              </a:spcBef>
              <a:spcAft>
                <a:spcPts val="0"/>
              </a:spcAft>
              <a:buClrTx/>
              <a:buSzTx/>
              <a:buFont typeface="Arial" panose="020B0604020202020204" pitchFamily="34" charset="0"/>
              <a:buChar char="•"/>
              <a:tabLst/>
              <a:defRPr/>
            </a:pPr>
            <a:r>
              <a:rPr kumimoji="0" lang="en-IN"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First, true game-based learning on VAT, accessible on web and Appstore</a:t>
            </a:r>
          </a:p>
          <a:p>
            <a:pPr marL="171450" marR="0" lvl="0" indent="-171450" algn="l" defTabSz="914400" rtl="0" eaLnBrk="1" fontAlgn="auto" latinLnBrk="0" hangingPunct="1">
              <a:lnSpc>
                <a:spcPct val="107000"/>
              </a:lnSpc>
              <a:spcBef>
                <a:spcPts val="0"/>
              </a:spcBef>
              <a:spcAft>
                <a:spcPts val="0"/>
              </a:spcAft>
              <a:buClrTx/>
              <a:buSzTx/>
              <a:buFont typeface="Arial" panose="020B0604020202020204" pitchFamily="34" charset="0"/>
              <a:buChar char="•"/>
              <a:tabLst/>
              <a:defRPr/>
            </a:pPr>
            <a:r>
              <a:rPr kumimoji="0" lang="en-IN"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Training development partner for </a:t>
            </a:r>
            <a:r>
              <a:rPr lang="en-IN" sz="900">
                <a:solidFill>
                  <a:prstClr val="black"/>
                </a:solidFill>
                <a:latin typeface="Roboto Light" panose="02000000000000000000" pitchFamily="2" charset="0"/>
                <a:ea typeface="Roboto Light" panose="02000000000000000000" pitchFamily="2" charset="0"/>
                <a:cs typeface="Roboto Light" panose="02000000000000000000" pitchFamily="2" charset="0"/>
              </a:rPr>
              <a:t>client’s </a:t>
            </a:r>
            <a:r>
              <a:rPr kumimoji="0" lang="en-IN"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Global SAP implementation across 36 countries. </a:t>
            </a:r>
          </a:p>
          <a:p>
            <a:pPr marL="171450" marR="0" lvl="0" indent="-171450" algn="l" defTabSz="914400" rtl="0" eaLnBrk="1" fontAlgn="auto" latinLnBrk="0" hangingPunct="1">
              <a:lnSpc>
                <a:spcPct val="107000"/>
              </a:lnSpc>
              <a:spcBef>
                <a:spcPts val="0"/>
              </a:spcBef>
              <a:spcAft>
                <a:spcPts val="0"/>
              </a:spcAft>
              <a:buClrTx/>
              <a:buSzTx/>
              <a:buFont typeface="Arial" panose="020B0604020202020204" pitchFamily="34" charset="0"/>
              <a:buChar char="•"/>
              <a:tabLst/>
              <a:defRPr/>
            </a:pPr>
            <a:r>
              <a:rPr kumimoji="0" lang="en-IN"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Video-on-demand player</a:t>
            </a:r>
          </a:p>
          <a:p>
            <a:pPr marL="171450" marR="0" lvl="0" indent="-171450" algn="l" defTabSz="914400" rtl="0" eaLnBrk="1" fontAlgn="auto" latinLnBrk="0" hangingPunct="1">
              <a:lnSpc>
                <a:spcPct val="107000"/>
              </a:lnSpc>
              <a:spcBef>
                <a:spcPts val="0"/>
              </a:spcBef>
              <a:spcAft>
                <a:spcPts val="0"/>
              </a:spcAft>
              <a:buClrTx/>
              <a:buSzTx/>
              <a:buFont typeface="Arial" panose="020B0604020202020204" pitchFamily="34" charset="0"/>
              <a:buChar char="•"/>
              <a:tabLst/>
              <a:defRPr/>
            </a:pPr>
            <a:r>
              <a:rPr kumimoji="0" lang="en-IN"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Full mobile apps–Tax App and Thought leadership app</a:t>
            </a:r>
          </a:p>
          <a:p>
            <a:pPr marL="171450" marR="0" lvl="0" indent="-171450" algn="l" defTabSz="914400" rtl="0" eaLnBrk="1" fontAlgn="auto" latinLnBrk="0" hangingPunct="1">
              <a:lnSpc>
                <a:spcPct val="107000"/>
              </a:lnSpc>
              <a:spcBef>
                <a:spcPts val="0"/>
              </a:spcBef>
              <a:spcAft>
                <a:spcPts val="0"/>
              </a:spcAft>
              <a:buClrTx/>
              <a:buSzTx/>
              <a:buFont typeface="Arial" panose="020B0604020202020204" pitchFamily="34" charset="0"/>
              <a:buChar char="•"/>
              <a:tabLst/>
              <a:defRPr/>
            </a:pPr>
            <a:r>
              <a:rPr kumimoji="0" lang="en-IN"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Learning operations workflow for Global Tax, using SharePoint</a:t>
            </a:r>
            <a:endPar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endParaRPr>
          </a:p>
          <a:p>
            <a:pPr marL="171450" marR="0" lvl="0" indent="-171450" algn="l" defTabSz="914400" rtl="0" eaLnBrk="1" fontAlgn="auto" latinLnBrk="0" hangingPunct="1">
              <a:lnSpc>
                <a:spcPct val="107000"/>
              </a:lnSpc>
              <a:spcBef>
                <a:spcPts val="0"/>
              </a:spcBef>
              <a:spcAft>
                <a:spcPts val="0"/>
              </a:spcAft>
              <a:buClrTx/>
              <a:buSzTx/>
              <a:buFont typeface="Arial" panose="020B0604020202020204" pitchFamily="34" charset="0"/>
              <a:buChar char="•"/>
              <a:tabLst/>
              <a:defRPr/>
            </a:pPr>
            <a:endParaRPr kumimoji="0" lang="en-US" sz="9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endParaRPr>
          </a:p>
        </p:txBody>
      </p:sp>
      <p:sp>
        <p:nvSpPr>
          <p:cNvPr id="4" name="TextBox 3">
            <a:extLst>
              <a:ext uri="{FF2B5EF4-FFF2-40B4-BE49-F238E27FC236}">
                <a16:creationId xmlns:a16="http://schemas.microsoft.com/office/drawing/2014/main" id="{DEA22272-267D-FA09-8084-7D584DFA8CB0}"/>
              </a:ext>
            </a:extLst>
          </p:cNvPr>
          <p:cNvSpPr txBox="1"/>
          <p:nvPr/>
        </p:nvSpPr>
        <p:spPr>
          <a:xfrm>
            <a:off x="5665827" y="5764341"/>
            <a:ext cx="1560661" cy="707886"/>
          </a:xfrm>
          <a:prstGeom prst="rect">
            <a:avLst/>
          </a:prstGeom>
        </p:spPr>
        <p:txBody>
          <a:bodyPr wrap="square" rtlCol="0">
            <a:spAutoFit/>
          </a:bodyPr>
          <a:lstStyle/>
          <a:p>
            <a:pPr>
              <a:defRPr/>
            </a:pPr>
            <a:r>
              <a:rPr lang="en-US" sz="1000">
                <a:solidFill>
                  <a:srgbClr val="013888"/>
                </a:solidFill>
                <a:latin typeface="Roboto" panose="02000000000000000000" pitchFamily="2" charset="0"/>
                <a:ea typeface="Roboto" panose="02000000000000000000" pitchFamily="2" charset="0"/>
                <a:cs typeface="Roboto" panose="02000000000000000000" pitchFamily="2" charset="0"/>
              </a:rPr>
              <a:t>estimated savings stand at a record </a:t>
            </a:r>
          </a:p>
          <a:p>
            <a:pPr>
              <a:defRPr/>
            </a:pPr>
            <a:r>
              <a:rPr lang="en-US" sz="2000" b="1" spc="-150">
                <a:solidFill>
                  <a:srgbClr val="013888"/>
                </a:solidFill>
                <a:latin typeface="Roboto" panose="02000000000000000000" pitchFamily="2" charset="0"/>
                <a:ea typeface="Roboto" panose="02000000000000000000" pitchFamily="2" charset="0"/>
                <a:cs typeface="Roboto" panose="02000000000000000000" pitchFamily="2" charset="0"/>
              </a:rPr>
              <a:t>$ 4.7 M</a:t>
            </a:r>
          </a:p>
        </p:txBody>
      </p:sp>
      <p:pic>
        <p:nvPicPr>
          <p:cNvPr id="41" name="Picture 40">
            <a:extLst>
              <a:ext uri="{FF2B5EF4-FFF2-40B4-BE49-F238E27FC236}">
                <a16:creationId xmlns:a16="http://schemas.microsoft.com/office/drawing/2014/main" id="{6D00F6C6-F385-2E26-736F-FF571C426C15}"/>
              </a:ext>
            </a:extLst>
          </p:cNvPr>
          <p:cNvPicPr>
            <a:picLocks noChangeAspect="1"/>
          </p:cNvPicPr>
          <p:nvPr/>
        </p:nvPicPr>
        <p:blipFill>
          <a:blip r:embed="rId18" cstate="screen">
            <a:extLst>
              <a:ext uri="{28A0092B-C50C-407E-A947-70E740481C1C}">
                <a14:useLocalDpi xmlns:a14="http://schemas.microsoft.com/office/drawing/2010/main" val="0"/>
              </a:ext>
            </a:extLst>
          </a:blip>
          <a:stretch>
            <a:fillRect/>
          </a:stretch>
        </p:blipFill>
        <p:spPr>
          <a:xfrm>
            <a:off x="46012" y="2980623"/>
            <a:ext cx="2754310" cy="144089"/>
          </a:xfrm>
          <a:prstGeom prst="rect">
            <a:avLst/>
          </a:prstGeom>
        </p:spPr>
      </p:pic>
      <p:pic>
        <p:nvPicPr>
          <p:cNvPr id="5" name="Picture 4">
            <a:extLst>
              <a:ext uri="{FF2B5EF4-FFF2-40B4-BE49-F238E27FC236}">
                <a16:creationId xmlns:a16="http://schemas.microsoft.com/office/drawing/2014/main" id="{DA24BFB0-4C58-A48D-880D-BE5E1A78A987}"/>
              </a:ext>
            </a:extLst>
          </p:cNvPr>
          <p:cNvPicPr>
            <a:picLocks noChangeAspect="1"/>
          </p:cNvPicPr>
          <p:nvPr/>
        </p:nvPicPr>
        <p:blipFill>
          <a:blip r:embed="rId19" cstate="screen">
            <a:extLst>
              <a:ext uri="{28A0092B-C50C-407E-A947-70E740481C1C}">
                <a14:useLocalDpi xmlns:a14="http://schemas.microsoft.com/office/drawing/2010/main" val="0"/>
              </a:ext>
            </a:extLst>
          </a:blip>
          <a:stretch>
            <a:fillRect/>
          </a:stretch>
        </p:blipFill>
        <p:spPr>
          <a:xfrm>
            <a:off x="4617870" y="5622645"/>
            <a:ext cx="1072184" cy="1034561"/>
          </a:xfrm>
          <a:prstGeom prst="rect">
            <a:avLst/>
          </a:prstGeom>
        </p:spPr>
      </p:pic>
      <p:pic>
        <p:nvPicPr>
          <p:cNvPr id="39" name="Picture 38">
            <a:extLst>
              <a:ext uri="{FF2B5EF4-FFF2-40B4-BE49-F238E27FC236}">
                <a16:creationId xmlns:a16="http://schemas.microsoft.com/office/drawing/2014/main" id="{782542B7-0374-4683-E362-1DF0DE520CBF}"/>
              </a:ext>
            </a:extLst>
          </p:cNvPr>
          <p:cNvPicPr>
            <a:picLocks noChangeAspect="1"/>
          </p:cNvPicPr>
          <p:nvPr/>
        </p:nvPicPr>
        <p:blipFill>
          <a:blip r:embed="rId20" cstate="screen">
            <a:extLst>
              <a:ext uri="{28A0092B-C50C-407E-A947-70E740481C1C}">
                <a14:useLocalDpi xmlns:a14="http://schemas.microsoft.com/office/drawing/2010/main" val="0"/>
              </a:ext>
            </a:extLst>
          </a:blip>
          <a:stretch>
            <a:fillRect/>
          </a:stretch>
        </p:blipFill>
        <p:spPr>
          <a:xfrm>
            <a:off x="191564" y="5803062"/>
            <a:ext cx="1091448" cy="978929"/>
          </a:xfrm>
          <a:prstGeom prst="rect">
            <a:avLst/>
          </a:prstGeom>
        </p:spPr>
      </p:pic>
      <p:sp>
        <p:nvSpPr>
          <p:cNvPr id="3217" name="Rectangle: Top Corners Rounded 3216">
            <a:extLst>
              <a:ext uri="{FF2B5EF4-FFF2-40B4-BE49-F238E27FC236}">
                <a16:creationId xmlns:a16="http://schemas.microsoft.com/office/drawing/2014/main" id="{4F38310A-5D12-424C-F2DB-66FA6D8C3927}"/>
              </a:ext>
            </a:extLst>
          </p:cNvPr>
          <p:cNvSpPr/>
          <p:nvPr/>
        </p:nvSpPr>
        <p:spPr>
          <a:xfrm rot="5400000">
            <a:off x="1161597" y="-948669"/>
            <a:ext cx="988027" cy="3311217"/>
          </a:xfrm>
          <a:prstGeom prst="round2SameRect">
            <a:avLst>
              <a:gd name="adj1" fmla="val 33119"/>
              <a:gd name="adj2" fmla="val 0"/>
            </a:avLst>
          </a:prstGeom>
          <a:solidFill>
            <a:srgbClr val="000000">
              <a:alpha val="25098"/>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218" name="Rectangle: Top Corners Rounded 3217">
            <a:extLst>
              <a:ext uri="{FF2B5EF4-FFF2-40B4-BE49-F238E27FC236}">
                <a16:creationId xmlns:a16="http://schemas.microsoft.com/office/drawing/2014/main" id="{077508F8-2748-5E2E-B159-476CC6F17D34}"/>
              </a:ext>
            </a:extLst>
          </p:cNvPr>
          <p:cNvSpPr/>
          <p:nvPr/>
        </p:nvSpPr>
        <p:spPr>
          <a:xfrm rot="5400000">
            <a:off x="1190883" y="-995524"/>
            <a:ext cx="922406" cy="3318265"/>
          </a:xfrm>
          <a:prstGeom prst="round2SameRect">
            <a:avLst>
              <a:gd name="adj1" fmla="val 33119"/>
              <a:gd name="adj2" fmla="val 0"/>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219" name="Picture 3218" descr="A picture containing text&#10;&#10;Description automatically generated">
            <a:extLst>
              <a:ext uri="{FF2B5EF4-FFF2-40B4-BE49-F238E27FC236}">
                <a16:creationId xmlns:a16="http://schemas.microsoft.com/office/drawing/2014/main" id="{279A57B9-7914-04C1-CCB0-3B86BFE31EF8}"/>
              </a:ext>
            </a:extLst>
          </p:cNvPr>
          <p:cNvPicPr>
            <a:picLocks noChangeAspect="1"/>
          </p:cNvPicPr>
          <p:nvPr/>
        </p:nvPicPr>
        <p:blipFill>
          <a:blip r:embed="rId21" cstate="screen">
            <a:extLst>
              <a:ext uri="{28A0092B-C50C-407E-A947-70E740481C1C}">
                <a14:useLocalDpi xmlns:a14="http://schemas.microsoft.com/office/drawing/2010/main" val="0"/>
              </a:ext>
            </a:extLst>
          </a:blip>
          <a:stretch>
            <a:fillRect/>
          </a:stretch>
        </p:blipFill>
        <p:spPr>
          <a:xfrm>
            <a:off x="1943786" y="460558"/>
            <a:ext cx="1239304" cy="371790"/>
          </a:xfrm>
          <a:prstGeom prst="rect">
            <a:avLst/>
          </a:prstGeom>
        </p:spPr>
      </p:pic>
      <p:sp>
        <p:nvSpPr>
          <p:cNvPr id="3220" name="TextBox 3219">
            <a:extLst>
              <a:ext uri="{FF2B5EF4-FFF2-40B4-BE49-F238E27FC236}">
                <a16:creationId xmlns:a16="http://schemas.microsoft.com/office/drawing/2014/main" id="{2BCEEBAF-2525-F983-9E06-1ECFD5345269}"/>
              </a:ext>
            </a:extLst>
          </p:cNvPr>
          <p:cNvSpPr txBox="1"/>
          <p:nvPr/>
        </p:nvSpPr>
        <p:spPr>
          <a:xfrm>
            <a:off x="1690086" y="384843"/>
            <a:ext cx="227393" cy="523220"/>
          </a:xfrm>
          <a:prstGeom prst="rect">
            <a:avLst/>
          </a:prstGeom>
          <a:noFill/>
        </p:spPr>
        <p:txBody>
          <a:bodyPr wrap="square" rtlCol="0">
            <a:spAutoFit/>
          </a:bodyPr>
          <a:lstStyle/>
          <a:p>
            <a:pPr algn="ctr"/>
            <a:r>
              <a:rPr lang="en-IN" sz="2800">
                <a:latin typeface="Arial Rounded MT Bold" panose="020F0704030504030204" pitchFamily="34" charset="0"/>
              </a:rPr>
              <a:t>+</a:t>
            </a:r>
          </a:p>
        </p:txBody>
      </p:sp>
      <p:sp>
        <p:nvSpPr>
          <p:cNvPr id="3225" name="TextBox 3224">
            <a:extLst>
              <a:ext uri="{FF2B5EF4-FFF2-40B4-BE49-F238E27FC236}">
                <a16:creationId xmlns:a16="http://schemas.microsoft.com/office/drawing/2014/main" id="{9B617335-C4CD-D250-B711-BCBF0354AC13}"/>
              </a:ext>
            </a:extLst>
          </p:cNvPr>
          <p:cNvSpPr txBox="1"/>
          <p:nvPr/>
        </p:nvSpPr>
        <p:spPr>
          <a:xfrm>
            <a:off x="220131" y="292823"/>
            <a:ext cx="1346844" cy="677108"/>
          </a:xfrm>
          <a:prstGeom prst="rect">
            <a:avLst/>
          </a:prstGeom>
          <a:noFill/>
        </p:spPr>
        <p:txBody>
          <a:bodyPr wrap="none" rtlCol="0">
            <a:spAutoFit/>
          </a:bodyPr>
          <a:lstStyle/>
          <a:p>
            <a:r>
              <a:rPr lang="en-IN">
                <a:solidFill>
                  <a:srgbClr val="1A74CE"/>
                </a:solidFill>
                <a:latin typeface="Roboto Condensed" panose="02000000000000000000" pitchFamily="2" charset="0"/>
                <a:ea typeface="Roboto Condensed" panose="02000000000000000000" pitchFamily="2" charset="0"/>
                <a:cs typeface="Roboto Condensed" panose="02000000000000000000" pitchFamily="2" charset="0"/>
              </a:rPr>
              <a:t>A</a:t>
            </a:r>
            <a:r>
              <a:rPr lang="en-IN" sz="1050">
                <a:solidFill>
                  <a:srgbClr val="1A74CE"/>
                </a:solidFill>
                <a:latin typeface="Roboto Condensed" panose="02000000000000000000" pitchFamily="2" charset="0"/>
                <a:ea typeface="Roboto Condensed" panose="02000000000000000000" pitchFamily="2" charset="0"/>
                <a:cs typeface="Roboto Condensed" panose="02000000000000000000" pitchFamily="2" charset="0"/>
              </a:rPr>
              <a:t> </a:t>
            </a:r>
            <a:r>
              <a:rPr lang="en-IN" sz="2000" b="1">
                <a:latin typeface="Roboto Condensed" panose="02000000000000000000" pitchFamily="2" charset="0"/>
                <a:ea typeface="Roboto Condensed" panose="02000000000000000000" pitchFamily="2" charset="0"/>
                <a:cs typeface="Roboto Condensed" panose="02000000000000000000" pitchFamily="2" charset="0"/>
              </a:rPr>
              <a:t>BIG</a:t>
            </a:r>
            <a:r>
              <a:rPr lang="en-IN" sz="1050" b="1">
                <a:latin typeface="Roboto Condensed" panose="02000000000000000000" pitchFamily="2" charset="0"/>
                <a:ea typeface="Roboto Condensed" panose="02000000000000000000" pitchFamily="2" charset="0"/>
                <a:cs typeface="Roboto Condensed" panose="02000000000000000000" pitchFamily="2" charset="0"/>
              </a:rPr>
              <a:t> </a:t>
            </a:r>
            <a:r>
              <a:rPr lang="en-IN" sz="2400" b="1">
                <a:solidFill>
                  <a:srgbClr val="1A74CE"/>
                </a:solidFill>
                <a:latin typeface="Roboto Condensed" panose="02000000000000000000" pitchFamily="2" charset="0"/>
                <a:ea typeface="Roboto Condensed" panose="02000000000000000000" pitchFamily="2" charset="0"/>
                <a:cs typeface="Roboto Condensed" panose="02000000000000000000" pitchFamily="2" charset="0"/>
              </a:rPr>
              <a:t>4</a:t>
            </a:r>
          </a:p>
          <a:p>
            <a:r>
              <a:rPr lang="en-IN" sz="1400">
                <a:latin typeface="Roboto Condensed" panose="02000000000000000000" pitchFamily="2" charset="0"/>
                <a:ea typeface="Roboto Condensed" panose="02000000000000000000" pitchFamily="2" charset="0"/>
                <a:cs typeface="Roboto Condensed" panose="02000000000000000000" pitchFamily="2" charset="0"/>
              </a:rPr>
              <a:t>Accounting Firm</a:t>
            </a:r>
            <a:endParaRPr lang="en-IN" sz="1100">
              <a:latin typeface="Roboto Condensed" panose="02000000000000000000" pitchFamily="2" charset="0"/>
              <a:ea typeface="Roboto Condensed" panose="02000000000000000000" pitchFamily="2" charset="0"/>
              <a:cs typeface="Roboto Condensed" panose="02000000000000000000" pitchFamily="2" charset="0"/>
            </a:endParaRPr>
          </a:p>
        </p:txBody>
      </p:sp>
      <p:cxnSp>
        <p:nvCxnSpPr>
          <p:cNvPr id="43" name="Straight Connector 42">
            <a:extLst>
              <a:ext uri="{FF2B5EF4-FFF2-40B4-BE49-F238E27FC236}">
                <a16:creationId xmlns:a16="http://schemas.microsoft.com/office/drawing/2014/main" id="{824DA11A-D8A9-F3C9-C909-D2EB66AA40BB}"/>
              </a:ext>
            </a:extLst>
          </p:cNvPr>
          <p:cNvCxnSpPr>
            <a:cxnSpLocks/>
          </p:cNvCxnSpPr>
          <p:nvPr/>
        </p:nvCxnSpPr>
        <p:spPr>
          <a:xfrm rot="16200000">
            <a:off x="11591865" y="6661765"/>
            <a:ext cx="153787" cy="0"/>
          </a:xfrm>
          <a:prstGeom prst="line">
            <a:avLst/>
          </a:prstGeom>
          <a:ln>
            <a:solidFill>
              <a:srgbClr val="C51C15"/>
            </a:solidFill>
          </a:ln>
        </p:spPr>
        <p:style>
          <a:lnRef idx="2">
            <a:schemeClr val="accent1"/>
          </a:lnRef>
          <a:fillRef idx="0">
            <a:schemeClr val="accent1"/>
          </a:fillRef>
          <a:effectRef idx="1">
            <a:schemeClr val="accent1"/>
          </a:effectRef>
          <a:fontRef idx="minor">
            <a:schemeClr val="tx1"/>
          </a:fontRef>
        </p:style>
      </p:cxnSp>
      <p:pic>
        <p:nvPicPr>
          <p:cNvPr id="45" name="Picture 44" descr="A black and blue logo&#10;&#10;Description automatically generated">
            <a:extLst>
              <a:ext uri="{FF2B5EF4-FFF2-40B4-BE49-F238E27FC236}">
                <a16:creationId xmlns:a16="http://schemas.microsoft.com/office/drawing/2014/main" id="{1294B332-A898-4771-D6A8-78A8695DAADE}"/>
              </a:ext>
            </a:extLst>
          </p:cNvPr>
          <p:cNvPicPr>
            <a:picLocks noChangeAspect="1"/>
          </p:cNvPicPr>
          <p:nvPr/>
        </p:nvPicPr>
        <p:blipFill rotWithShape="1">
          <a:blip r:embed="rId22" cstate="hqprint">
            <a:extLst>
              <a:ext uri="{28A0092B-C50C-407E-A947-70E740481C1C}">
                <a14:useLocalDpi xmlns:a14="http://schemas.microsoft.com/office/drawing/2010/main" val="0"/>
              </a:ext>
            </a:extLst>
          </a:blip>
          <a:srcRect l="6855" t="1709"/>
          <a:stretch/>
        </p:blipFill>
        <p:spPr>
          <a:xfrm>
            <a:off x="10928689" y="6550920"/>
            <a:ext cx="656862" cy="207945"/>
          </a:xfrm>
          <a:prstGeom prst="rect">
            <a:avLst/>
          </a:prstGeom>
        </p:spPr>
      </p:pic>
      <p:sp>
        <p:nvSpPr>
          <p:cNvPr id="46" name="Slide Number Placeholder 5">
            <a:extLst>
              <a:ext uri="{FF2B5EF4-FFF2-40B4-BE49-F238E27FC236}">
                <a16:creationId xmlns:a16="http://schemas.microsoft.com/office/drawing/2014/main" id="{64ECC9AA-1D9B-786A-309E-CA32858C2B8F}"/>
              </a:ext>
            </a:extLst>
          </p:cNvPr>
          <p:cNvSpPr txBox="1">
            <a:spLocks/>
          </p:cNvSpPr>
          <p:nvPr/>
        </p:nvSpPr>
        <p:spPr>
          <a:xfrm>
            <a:off x="11704318" y="6469966"/>
            <a:ext cx="462279" cy="365125"/>
          </a:xfrm>
          <a:prstGeom prst="rect">
            <a:avLst/>
          </a:prstGeom>
        </p:spPr>
        <p:txBody>
          <a:bodyPr vert="horz" lIns="91440" tIns="45720" rIns="91440" bIns="45720" rtlCol="0" anchor="ctr"/>
          <a:lstStyle>
            <a:defPPr>
              <a:defRPr lang="en-US"/>
            </a:defPPr>
            <a:lvl1pPr marL="0" algn="l" defTabSz="914400" rtl="0" eaLnBrk="1" latinLnBrk="0" hangingPunct="1">
              <a:defRPr sz="1050" kern="1200">
                <a:solidFill>
                  <a:schemeClr val="tx1">
                    <a:tint val="82000"/>
                  </a:schemeClr>
                </a:solidFill>
                <a:latin typeface="Roboto" panose="02000000000000000000" pitchFamily="2" charset="0"/>
                <a:ea typeface="Roboto" panose="02000000000000000000" pitchFamily="2" charset="0"/>
                <a:cs typeface="Roboto" panose="02000000000000000000" pitchFamily="2"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C150780B-7B8E-48D2-81A7-58E396A0D346}" type="slidenum">
              <a:rPr lang="en-IN" sz="1000" smtClean="0">
                <a:solidFill>
                  <a:srgbClr val="161417"/>
                </a:solidFill>
              </a:rPr>
              <a:pPr/>
              <a:t>20</a:t>
            </a:fld>
            <a:endParaRPr lang="en-IN" sz="1000">
              <a:solidFill>
                <a:srgbClr val="161417"/>
              </a:solidFill>
            </a:endParaRPr>
          </a:p>
        </p:txBody>
      </p:sp>
      <p:grpSp>
        <p:nvGrpSpPr>
          <p:cNvPr id="2" name="Group 1">
            <a:extLst>
              <a:ext uri="{FF2B5EF4-FFF2-40B4-BE49-F238E27FC236}">
                <a16:creationId xmlns:a16="http://schemas.microsoft.com/office/drawing/2014/main" id="{592D3F9D-AAB6-2E4F-A304-CEEED3B00A9B}"/>
              </a:ext>
            </a:extLst>
          </p:cNvPr>
          <p:cNvGrpSpPr/>
          <p:nvPr/>
        </p:nvGrpSpPr>
        <p:grpSpPr>
          <a:xfrm>
            <a:off x="10981564" y="233285"/>
            <a:ext cx="896870" cy="167744"/>
            <a:chOff x="5498460" y="7094800"/>
            <a:chExt cx="1273175" cy="238125"/>
          </a:xfrm>
        </p:grpSpPr>
        <p:sp>
          <p:nvSpPr>
            <p:cNvPr id="3" name="AutoShape 3">
              <a:extLst>
                <a:ext uri="{FF2B5EF4-FFF2-40B4-BE49-F238E27FC236}">
                  <a16:creationId xmlns:a16="http://schemas.microsoft.com/office/drawing/2014/main" id="{DA91C6E1-402A-5377-6E88-7DB8F8100FF0}"/>
                </a:ext>
              </a:extLst>
            </p:cNvPr>
            <p:cNvSpPr>
              <a:spLocks noChangeAspect="1" noChangeArrowheads="1" noTextEdit="1"/>
            </p:cNvSpPr>
            <p:nvPr/>
          </p:nvSpPr>
          <p:spPr bwMode="auto">
            <a:xfrm>
              <a:off x="5498461" y="7094800"/>
              <a:ext cx="1273174" cy="23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8" name="Freeform 5">
              <a:extLst>
                <a:ext uri="{FF2B5EF4-FFF2-40B4-BE49-F238E27FC236}">
                  <a16:creationId xmlns:a16="http://schemas.microsoft.com/office/drawing/2014/main" id="{37067286-7B37-33B2-B871-FC27C4546744}"/>
                </a:ext>
              </a:extLst>
            </p:cNvPr>
            <p:cNvSpPr>
              <a:spLocks noEditPoints="1"/>
            </p:cNvSpPr>
            <p:nvPr/>
          </p:nvSpPr>
          <p:spPr bwMode="auto">
            <a:xfrm>
              <a:off x="5498461"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0" name="Freeform 6">
              <a:extLst>
                <a:ext uri="{FF2B5EF4-FFF2-40B4-BE49-F238E27FC236}">
                  <a16:creationId xmlns:a16="http://schemas.microsoft.com/office/drawing/2014/main" id="{8FA877A9-2026-77A3-BFF8-C97732F11ECF}"/>
                </a:ext>
              </a:extLst>
            </p:cNvPr>
            <p:cNvSpPr>
              <a:spLocks noEditPoints="1"/>
            </p:cNvSpPr>
            <p:nvPr/>
          </p:nvSpPr>
          <p:spPr bwMode="auto">
            <a:xfrm>
              <a:off x="5752461" y="7097976"/>
              <a:ext cx="163512" cy="234949"/>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128" name="Freeform 7">
              <a:extLst>
                <a:ext uri="{FF2B5EF4-FFF2-40B4-BE49-F238E27FC236}">
                  <a16:creationId xmlns:a16="http://schemas.microsoft.com/office/drawing/2014/main" id="{5F3CCC72-677A-6B93-DBDF-5BF362BB481A}"/>
                </a:ext>
              </a:extLst>
            </p:cNvPr>
            <p:cNvSpPr>
              <a:spLocks/>
            </p:cNvSpPr>
            <p:nvPr/>
          </p:nvSpPr>
          <p:spPr bwMode="auto">
            <a:xfrm>
              <a:off x="5933437" y="7097976"/>
              <a:ext cx="201612" cy="234949"/>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129" name="Freeform 8">
              <a:extLst>
                <a:ext uri="{FF2B5EF4-FFF2-40B4-BE49-F238E27FC236}">
                  <a16:creationId xmlns:a16="http://schemas.microsoft.com/office/drawing/2014/main" id="{74876BE5-6B6E-1FC2-4E6D-7FE687388602}"/>
                </a:ext>
              </a:extLst>
            </p:cNvPr>
            <p:cNvSpPr>
              <a:spLocks noEditPoints="1"/>
            </p:cNvSpPr>
            <p:nvPr/>
          </p:nvSpPr>
          <p:spPr bwMode="auto">
            <a:xfrm>
              <a:off x="6358885" y="7097976"/>
              <a:ext cx="174625" cy="234949"/>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130" name="Freeform 9">
              <a:extLst>
                <a:ext uri="{FF2B5EF4-FFF2-40B4-BE49-F238E27FC236}">
                  <a16:creationId xmlns:a16="http://schemas.microsoft.com/office/drawing/2014/main" id="{46A53627-7460-8B8C-480D-38DFAA34DD36}"/>
                </a:ext>
              </a:extLst>
            </p:cNvPr>
            <p:cNvSpPr>
              <a:spLocks noEditPoints="1"/>
            </p:cNvSpPr>
            <p:nvPr/>
          </p:nvSpPr>
          <p:spPr bwMode="auto">
            <a:xfrm>
              <a:off x="6552559"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131" name="Freeform 10">
              <a:extLst>
                <a:ext uri="{FF2B5EF4-FFF2-40B4-BE49-F238E27FC236}">
                  <a16:creationId xmlns:a16="http://schemas.microsoft.com/office/drawing/2014/main" id="{1BE4416E-66B0-DE05-B833-095B1B570680}"/>
                </a:ext>
              </a:extLst>
            </p:cNvPr>
            <p:cNvSpPr>
              <a:spLocks/>
            </p:cNvSpPr>
            <p:nvPr/>
          </p:nvSpPr>
          <p:spPr bwMode="auto">
            <a:xfrm>
              <a:off x="6104884"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132" name="Freeform 11">
              <a:extLst>
                <a:ext uri="{FF2B5EF4-FFF2-40B4-BE49-F238E27FC236}">
                  <a16:creationId xmlns:a16="http://schemas.microsoft.com/office/drawing/2014/main" id="{E03AAC5B-A547-FAB4-2A40-C8B83241B7F9}"/>
                </a:ext>
              </a:extLst>
            </p:cNvPr>
            <p:cNvSpPr>
              <a:spLocks noEditPoints="1"/>
            </p:cNvSpPr>
            <p:nvPr/>
          </p:nvSpPr>
          <p:spPr bwMode="auto">
            <a:xfrm>
              <a:off x="5498460"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133" name="Freeform 12">
              <a:extLst>
                <a:ext uri="{FF2B5EF4-FFF2-40B4-BE49-F238E27FC236}">
                  <a16:creationId xmlns:a16="http://schemas.microsoft.com/office/drawing/2014/main" id="{1F77FCA2-9360-77D2-DF2A-9972959CC984}"/>
                </a:ext>
              </a:extLst>
            </p:cNvPr>
            <p:cNvSpPr>
              <a:spLocks noEditPoints="1"/>
            </p:cNvSpPr>
            <p:nvPr/>
          </p:nvSpPr>
          <p:spPr bwMode="auto">
            <a:xfrm>
              <a:off x="5752459" y="7097976"/>
              <a:ext cx="163512" cy="234949"/>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134" name="Freeform 13">
              <a:extLst>
                <a:ext uri="{FF2B5EF4-FFF2-40B4-BE49-F238E27FC236}">
                  <a16:creationId xmlns:a16="http://schemas.microsoft.com/office/drawing/2014/main" id="{860FB381-48B6-17C3-BA7F-55B88233E67A}"/>
                </a:ext>
              </a:extLst>
            </p:cNvPr>
            <p:cNvSpPr>
              <a:spLocks/>
            </p:cNvSpPr>
            <p:nvPr/>
          </p:nvSpPr>
          <p:spPr bwMode="auto">
            <a:xfrm>
              <a:off x="5933435" y="7097976"/>
              <a:ext cx="201612" cy="234949"/>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135" name="Freeform 14">
              <a:extLst>
                <a:ext uri="{FF2B5EF4-FFF2-40B4-BE49-F238E27FC236}">
                  <a16:creationId xmlns:a16="http://schemas.microsoft.com/office/drawing/2014/main" id="{BC5856BF-F63A-CFAA-888F-E7FDD2E0DBDF}"/>
                </a:ext>
              </a:extLst>
            </p:cNvPr>
            <p:cNvSpPr>
              <a:spLocks noEditPoints="1"/>
            </p:cNvSpPr>
            <p:nvPr/>
          </p:nvSpPr>
          <p:spPr bwMode="auto">
            <a:xfrm>
              <a:off x="6358883" y="7097976"/>
              <a:ext cx="174625" cy="234949"/>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136" name="Freeform 15">
              <a:extLst>
                <a:ext uri="{FF2B5EF4-FFF2-40B4-BE49-F238E27FC236}">
                  <a16:creationId xmlns:a16="http://schemas.microsoft.com/office/drawing/2014/main" id="{4E3F595B-1D50-3D69-2C8E-E3B83E6B9037}"/>
                </a:ext>
              </a:extLst>
            </p:cNvPr>
            <p:cNvSpPr>
              <a:spLocks noEditPoints="1"/>
            </p:cNvSpPr>
            <p:nvPr/>
          </p:nvSpPr>
          <p:spPr bwMode="auto">
            <a:xfrm>
              <a:off x="6552554" y="7094800"/>
              <a:ext cx="219074"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137" name="Freeform 16">
              <a:extLst>
                <a:ext uri="{FF2B5EF4-FFF2-40B4-BE49-F238E27FC236}">
                  <a16:creationId xmlns:a16="http://schemas.microsoft.com/office/drawing/2014/main" id="{2F0CEA41-C73A-CEB3-DD50-5D07CE0171A3}"/>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005A84"/>
            </a:solidFill>
            <a:ln>
              <a:noFill/>
            </a:ln>
          </p:spPr>
          <p:txBody>
            <a:bodyPr vert="horz" wrap="square" lIns="91440" tIns="45720" rIns="91440" bIns="45720" numCol="1" anchor="t" anchorCtr="0" compatLnSpc="1">
              <a:prstTxWarp prst="textNoShape">
                <a:avLst/>
              </a:prstTxWarp>
            </a:bodyPr>
            <a:lstStyle/>
            <a:p>
              <a:endParaRPr lang="en-US"/>
            </a:p>
          </p:txBody>
        </p:sp>
      </p:grpSp>
    </p:spTree>
    <p:custDataLst>
      <p:tags r:id="rId1"/>
    </p:custDataLst>
    <p:extLst>
      <p:ext uri="{BB962C8B-B14F-4D97-AF65-F5344CB8AC3E}">
        <p14:creationId xmlns:p14="http://schemas.microsoft.com/office/powerpoint/2010/main" val="1569352847"/>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Rectangle 14">
            <a:extLst>
              <a:ext uri="{FF2B5EF4-FFF2-40B4-BE49-F238E27FC236}">
                <a16:creationId xmlns:a16="http://schemas.microsoft.com/office/drawing/2014/main" id="{771C88C5-C6AA-453C-C9EC-7A2CE9BA1105}"/>
              </a:ext>
            </a:extLst>
          </p:cNvPr>
          <p:cNvSpPr/>
          <p:nvPr/>
        </p:nvSpPr>
        <p:spPr>
          <a:xfrm>
            <a:off x="0" y="0"/>
            <a:ext cx="12192000" cy="6858000"/>
          </a:xfrm>
          <a:prstGeom prst="rect">
            <a:avLst/>
          </a:prstGeom>
          <a:gradFill>
            <a:gsLst>
              <a:gs pos="0">
                <a:srgbClr val="00266D"/>
              </a:gs>
              <a:gs pos="70000">
                <a:srgbClr val="013888"/>
              </a:gs>
            </a:gsLst>
            <a:lin ang="126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7" name="Picture 6" descr="Neon background pattern">
            <a:extLst>
              <a:ext uri="{FF2B5EF4-FFF2-40B4-BE49-F238E27FC236}">
                <a16:creationId xmlns:a16="http://schemas.microsoft.com/office/drawing/2014/main" id="{EF76B2FD-CFB5-9D9F-81CF-124A846E5D22}"/>
              </a:ext>
            </a:extLst>
          </p:cNvPr>
          <p:cNvPicPr>
            <a:picLocks noChangeAspect="1"/>
          </p:cNvPicPr>
          <p:nvPr/>
        </p:nvPicPr>
        <p:blipFill rotWithShape="1">
          <a:blip r:embed="rId4" cstate="screen">
            <a:alphaModFix amt="14000"/>
            <a:extLst>
              <a:ext uri="{28A0092B-C50C-407E-A947-70E740481C1C}">
                <a14:useLocalDpi xmlns:a14="http://schemas.microsoft.com/office/drawing/2010/main" val="0"/>
              </a:ext>
            </a:extLst>
          </a:blip>
          <a:srcRect/>
          <a:stretch/>
        </p:blipFill>
        <p:spPr>
          <a:xfrm>
            <a:off x="0" y="0"/>
            <a:ext cx="12192005" cy="3750824"/>
          </a:xfrm>
          <a:prstGeom prst="rect">
            <a:avLst/>
          </a:prstGeom>
        </p:spPr>
      </p:pic>
      <p:sp>
        <p:nvSpPr>
          <p:cNvPr id="6" name="Rectangle 5">
            <a:extLst>
              <a:ext uri="{FF2B5EF4-FFF2-40B4-BE49-F238E27FC236}">
                <a16:creationId xmlns:a16="http://schemas.microsoft.com/office/drawing/2014/main" id="{6084052E-3FF2-3368-2295-CC14CAF88AFB}"/>
              </a:ext>
            </a:extLst>
          </p:cNvPr>
          <p:cNvSpPr/>
          <p:nvPr/>
        </p:nvSpPr>
        <p:spPr>
          <a:xfrm>
            <a:off x="2509926" y="6307982"/>
            <a:ext cx="4392007" cy="550608"/>
          </a:xfrm>
          <a:prstGeom prst="rect">
            <a:avLst/>
          </a:prstGeom>
          <a:solidFill>
            <a:srgbClr val="FBAD1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 name="Rectangle 8">
            <a:extLst>
              <a:ext uri="{FF2B5EF4-FFF2-40B4-BE49-F238E27FC236}">
                <a16:creationId xmlns:a16="http://schemas.microsoft.com/office/drawing/2014/main" id="{BC9690B1-BE2A-736E-57F0-B5545DC5BF69}"/>
              </a:ext>
            </a:extLst>
          </p:cNvPr>
          <p:cNvSpPr/>
          <p:nvPr/>
        </p:nvSpPr>
        <p:spPr>
          <a:xfrm>
            <a:off x="5817518" y="6307982"/>
            <a:ext cx="3096688" cy="550608"/>
          </a:xfrm>
          <a:prstGeom prst="rect">
            <a:avLst/>
          </a:prstGeom>
          <a:solidFill>
            <a:srgbClr val="0074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 name="Rectangle 11">
            <a:extLst>
              <a:ext uri="{FF2B5EF4-FFF2-40B4-BE49-F238E27FC236}">
                <a16:creationId xmlns:a16="http://schemas.microsoft.com/office/drawing/2014/main" id="{26CA0F81-857F-9AAF-37DF-2C989B6988DF}"/>
              </a:ext>
            </a:extLst>
          </p:cNvPr>
          <p:cNvSpPr/>
          <p:nvPr/>
        </p:nvSpPr>
        <p:spPr>
          <a:xfrm>
            <a:off x="8270240" y="6307982"/>
            <a:ext cx="2301646" cy="550608"/>
          </a:xfrm>
          <a:prstGeom prst="rect">
            <a:avLst/>
          </a:prstGeom>
          <a:solidFill>
            <a:srgbClr val="A14EB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3" name="Rectangle 12">
            <a:extLst>
              <a:ext uri="{FF2B5EF4-FFF2-40B4-BE49-F238E27FC236}">
                <a16:creationId xmlns:a16="http://schemas.microsoft.com/office/drawing/2014/main" id="{50220C6A-C6BF-F8B1-0B0A-90A565C67CFD}"/>
              </a:ext>
            </a:extLst>
          </p:cNvPr>
          <p:cNvSpPr/>
          <p:nvPr/>
        </p:nvSpPr>
        <p:spPr>
          <a:xfrm>
            <a:off x="10414000" y="5084259"/>
            <a:ext cx="1778000" cy="1773741"/>
          </a:xfrm>
          <a:prstGeom prst="rect">
            <a:avLst/>
          </a:prstGeom>
          <a:solidFill>
            <a:srgbClr val="66CC6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nvGrpSpPr>
          <p:cNvPr id="14" name="Group 13">
            <a:extLst>
              <a:ext uri="{FF2B5EF4-FFF2-40B4-BE49-F238E27FC236}">
                <a16:creationId xmlns:a16="http://schemas.microsoft.com/office/drawing/2014/main" id="{F031ACAD-D16F-0BAE-7C22-C6F851F55ACB}"/>
              </a:ext>
            </a:extLst>
          </p:cNvPr>
          <p:cNvGrpSpPr/>
          <p:nvPr/>
        </p:nvGrpSpPr>
        <p:grpSpPr>
          <a:xfrm>
            <a:off x="-18995" y="641203"/>
            <a:ext cx="12210995" cy="6216797"/>
            <a:chOff x="-43040" y="708644"/>
            <a:chExt cx="12210995" cy="6216797"/>
          </a:xfrm>
        </p:grpSpPr>
        <p:grpSp>
          <p:nvGrpSpPr>
            <p:cNvPr id="11" name="Group 10">
              <a:extLst>
                <a:ext uri="{FF2B5EF4-FFF2-40B4-BE49-F238E27FC236}">
                  <a16:creationId xmlns:a16="http://schemas.microsoft.com/office/drawing/2014/main" id="{35B30CF4-1584-85DB-69AE-6FD3E57BDF7D}"/>
                </a:ext>
              </a:extLst>
            </p:cNvPr>
            <p:cNvGrpSpPr/>
            <p:nvPr/>
          </p:nvGrpSpPr>
          <p:grpSpPr>
            <a:xfrm>
              <a:off x="-43040" y="708644"/>
              <a:ext cx="12210995" cy="6216797"/>
              <a:chOff x="-43040" y="708644"/>
              <a:chExt cx="12210995" cy="6216797"/>
            </a:xfrm>
          </p:grpSpPr>
          <p:sp>
            <p:nvSpPr>
              <p:cNvPr id="2778" name="Rectangle: Rounded Corners 2777">
                <a:extLst>
                  <a:ext uri="{FF2B5EF4-FFF2-40B4-BE49-F238E27FC236}">
                    <a16:creationId xmlns:a16="http://schemas.microsoft.com/office/drawing/2014/main" id="{69A5024F-E0DD-F93B-6458-76B8B62CFCB1}"/>
                  </a:ext>
                </a:extLst>
              </p:cNvPr>
              <p:cNvSpPr/>
              <p:nvPr/>
            </p:nvSpPr>
            <p:spPr>
              <a:xfrm>
                <a:off x="5088982" y="1684039"/>
                <a:ext cx="7076072" cy="3605957"/>
              </a:xfrm>
              <a:prstGeom prst="roundRect">
                <a:avLst>
                  <a:gd name="adj" fmla="val 13528"/>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494" name="Rectangle: Rounded Corners 3493">
                <a:extLst>
                  <a:ext uri="{FF2B5EF4-FFF2-40B4-BE49-F238E27FC236}">
                    <a16:creationId xmlns:a16="http://schemas.microsoft.com/office/drawing/2014/main" id="{72E63D3F-BD6B-5F37-9ED4-53391D357203}"/>
                  </a:ext>
                </a:extLst>
              </p:cNvPr>
              <p:cNvSpPr/>
              <p:nvPr/>
            </p:nvSpPr>
            <p:spPr>
              <a:xfrm>
                <a:off x="8015040" y="708644"/>
                <a:ext cx="3537975" cy="3616599"/>
              </a:xfrm>
              <a:prstGeom prst="roundRect">
                <a:avLst>
                  <a:gd name="adj" fmla="val 15537"/>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3" name="Rectangle: Rounded Corners 62">
                <a:extLst>
                  <a:ext uri="{FF2B5EF4-FFF2-40B4-BE49-F238E27FC236}">
                    <a16:creationId xmlns:a16="http://schemas.microsoft.com/office/drawing/2014/main" id="{405BA423-0430-820D-9B8D-F8DC8B7A7593}"/>
                  </a:ext>
                </a:extLst>
              </p:cNvPr>
              <p:cNvSpPr/>
              <p:nvPr/>
            </p:nvSpPr>
            <p:spPr>
              <a:xfrm>
                <a:off x="2323432" y="2561204"/>
                <a:ext cx="9844523" cy="3960616"/>
              </a:xfrm>
              <a:prstGeom prst="roundRect">
                <a:avLst>
                  <a:gd name="adj" fmla="val 1580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810" name="Rectangle: Rounded Corners 2809">
                <a:extLst>
                  <a:ext uri="{FF2B5EF4-FFF2-40B4-BE49-F238E27FC236}">
                    <a16:creationId xmlns:a16="http://schemas.microsoft.com/office/drawing/2014/main" id="{21571E59-BEC9-1CD7-6A51-74E23E03E84A}"/>
                  </a:ext>
                </a:extLst>
              </p:cNvPr>
              <p:cNvSpPr/>
              <p:nvPr/>
            </p:nvSpPr>
            <p:spPr>
              <a:xfrm>
                <a:off x="-43040" y="3543096"/>
                <a:ext cx="2602366" cy="3382345"/>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032" name="Moon 4031">
                <a:extLst>
                  <a:ext uri="{FF2B5EF4-FFF2-40B4-BE49-F238E27FC236}">
                    <a16:creationId xmlns:a16="http://schemas.microsoft.com/office/drawing/2014/main" id="{E802BF4F-61B5-5D06-E14C-F2C9F3D02883}"/>
                  </a:ext>
                </a:extLst>
              </p:cNvPr>
              <p:cNvSpPr/>
              <p:nvPr/>
            </p:nvSpPr>
            <p:spPr>
              <a:xfrm rot="13886770">
                <a:off x="2055132" y="3323175"/>
                <a:ext cx="430910" cy="485911"/>
              </a:xfrm>
              <a:prstGeom prst="moon">
                <a:avLst>
                  <a:gd name="adj" fmla="val 76165"/>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86" name="Moon 385">
                <a:extLst>
                  <a:ext uri="{FF2B5EF4-FFF2-40B4-BE49-F238E27FC236}">
                    <a16:creationId xmlns:a16="http://schemas.microsoft.com/office/drawing/2014/main" id="{488DA495-DA67-2A14-A47B-6B26D57D8D55}"/>
                  </a:ext>
                </a:extLst>
              </p:cNvPr>
              <p:cNvSpPr/>
              <p:nvPr/>
            </p:nvSpPr>
            <p:spPr>
              <a:xfrm rot="3026178">
                <a:off x="2500374" y="6357785"/>
                <a:ext cx="252280" cy="387745"/>
              </a:xfrm>
              <a:prstGeom prst="moon">
                <a:avLst>
                  <a:gd name="adj" fmla="val 61851"/>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79" name="Rectangle 2778">
                <a:extLst>
                  <a:ext uri="{FF2B5EF4-FFF2-40B4-BE49-F238E27FC236}">
                    <a16:creationId xmlns:a16="http://schemas.microsoft.com/office/drawing/2014/main" id="{E4873034-333A-E0A7-A1B2-D47D1140CBCC}"/>
                  </a:ext>
                </a:extLst>
              </p:cNvPr>
              <p:cNvSpPr/>
              <p:nvPr/>
            </p:nvSpPr>
            <p:spPr>
              <a:xfrm>
                <a:off x="5010416" y="2566005"/>
                <a:ext cx="82949" cy="3217903"/>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490" name="Rectangle 3489">
                <a:extLst>
                  <a:ext uri="{FF2B5EF4-FFF2-40B4-BE49-F238E27FC236}">
                    <a16:creationId xmlns:a16="http://schemas.microsoft.com/office/drawing/2014/main" id="{133E2C2F-F7C6-672E-DA2E-3590F0001AF0}"/>
                  </a:ext>
                </a:extLst>
              </p:cNvPr>
              <p:cNvSpPr/>
              <p:nvPr/>
            </p:nvSpPr>
            <p:spPr>
              <a:xfrm>
                <a:off x="7926585" y="1692504"/>
                <a:ext cx="82949" cy="4283028"/>
              </a:xfrm>
              <a:prstGeom prst="rect">
                <a:avLst/>
              </a:prstGeom>
              <a:gradFill flip="none" rotWithShape="1">
                <a:gsLst>
                  <a:gs pos="0">
                    <a:srgbClr val="E6E6E6"/>
                  </a:gs>
                  <a:gs pos="100000">
                    <a:srgbClr val="FFFFFF"/>
                  </a:gs>
                </a:gsLst>
                <a:lin ang="81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sp>
          <p:nvSpPr>
            <p:cNvPr id="385" name="Rectangle: Rounded Corners 384">
              <a:extLst>
                <a:ext uri="{FF2B5EF4-FFF2-40B4-BE49-F238E27FC236}">
                  <a16:creationId xmlns:a16="http://schemas.microsoft.com/office/drawing/2014/main" id="{E3740FED-C991-2305-EA7F-59F359EFAAA2}"/>
                </a:ext>
              </a:extLst>
            </p:cNvPr>
            <p:cNvSpPr/>
            <p:nvPr/>
          </p:nvSpPr>
          <p:spPr>
            <a:xfrm>
              <a:off x="2198832" y="6147588"/>
              <a:ext cx="2483951" cy="370185"/>
            </a:xfrm>
            <a:prstGeom prst="roundRect">
              <a:avLst>
                <a:gd name="adj" fmla="val 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sp>
        <p:nvSpPr>
          <p:cNvPr id="440" name="TextBox 439">
            <a:extLst>
              <a:ext uri="{FF2B5EF4-FFF2-40B4-BE49-F238E27FC236}">
                <a16:creationId xmlns:a16="http://schemas.microsoft.com/office/drawing/2014/main" id="{217D10BF-FE8F-BCDB-E9AB-92A656A5C982}"/>
              </a:ext>
            </a:extLst>
          </p:cNvPr>
          <p:cNvSpPr txBox="1"/>
          <p:nvPr/>
        </p:nvSpPr>
        <p:spPr>
          <a:xfrm>
            <a:off x="154880" y="4703738"/>
            <a:ext cx="2405730"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ptara commences Pilot testing for two major processes</a:t>
            </a:r>
          </a:p>
        </p:txBody>
      </p:sp>
      <p:sp>
        <p:nvSpPr>
          <p:cNvPr id="3218" name="TextBox 3217">
            <a:extLst>
              <a:ext uri="{FF2B5EF4-FFF2-40B4-BE49-F238E27FC236}">
                <a16:creationId xmlns:a16="http://schemas.microsoft.com/office/drawing/2014/main" id="{34EC7BF2-53CF-5CBE-EC6F-5E357D9A674F}"/>
              </a:ext>
            </a:extLst>
          </p:cNvPr>
          <p:cNvSpPr txBox="1"/>
          <p:nvPr/>
        </p:nvSpPr>
        <p:spPr>
          <a:xfrm>
            <a:off x="120266" y="3653524"/>
            <a:ext cx="1235694" cy="58477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3200" b="0" i="0" u="none" strike="noStrike" kern="1200" cap="none" spc="-150" normalizeH="0" baseline="0" noProof="0">
                <a:ln>
                  <a:noFill/>
                </a:ln>
                <a:solidFill>
                  <a:srgbClr val="FBAD17"/>
                </a:solidFill>
                <a:effectLst/>
                <a:uLnTx/>
                <a:uFillTx/>
                <a:latin typeface="Georgia Pro Cond Semibold" panose="020B0604020202020204" pitchFamily="18" charset="0"/>
                <a:ea typeface="+mn-ea"/>
                <a:cs typeface="Times New Roman" panose="02020603050405020304" pitchFamily="18" charset="0"/>
              </a:rPr>
              <a:t>2018</a:t>
            </a:r>
          </a:p>
        </p:txBody>
      </p:sp>
      <p:cxnSp>
        <p:nvCxnSpPr>
          <p:cNvPr id="3219" name="Straight Connector 3218">
            <a:extLst>
              <a:ext uri="{FF2B5EF4-FFF2-40B4-BE49-F238E27FC236}">
                <a16:creationId xmlns:a16="http://schemas.microsoft.com/office/drawing/2014/main" id="{3D85B13B-0ECE-B4FB-607B-2A03E3765F1F}"/>
              </a:ext>
            </a:extLst>
          </p:cNvPr>
          <p:cNvCxnSpPr>
            <a:cxnSpLocks/>
          </p:cNvCxnSpPr>
          <p:nvPr/>
        </p:nvCxnSpPr>
        <p:spPr>
          <a:xfrm>
            <a:off x="216737" y="4636660"/>
            <a:ext cx="2179223" cy="0"/>
          </a:xfrm>
          <a:prstGeom prst="line">
            <a:avLst/>
          </a:prstGeom>
          <a:ln w="28575">
            <a:solidFill>
              <a:srgbClr val="66CC66"/>
            </a:solidFill>
          </a:ln>
        </p:spPr>
        <p:style>
          <a:lnRef idx="1">
            <a:schemeClr val="accent1"/>
          </a:lnRef>
          <a:fillRef idx="0">
            <a:schemeClr val="accent1"/>
          </a:fillRef>
          <a:effectRef idx="0">
            <a:schemeClr val="accent1"/>
          </a:effectRef>
          <a:fontRef idx="minor">
            <a:schemeClr val="tx1"/>
          </a:fontRef>
        </p:style>
      </p:cxnSp>
      <p:sp>
        <p:nvSpPr>
          <p:cNvPr id="3220" name="TextBox 3219">
            <a:extLst>
              <a:ext uri="{FF2B5EF4-FFF2-40B4-BE49-F238E27FC236}">
                <a16:creationId xmlns:a16="http://schemas.microsoft.com/office/drawing/2014/main" id="{E4156F44-D79C-124E-9140-DDD8531D21ED}"/>
              </a:ext>
            </a:extLst>
          </p:cNvPr>
          <p:cNvSpPr txBox="1"/>
          <p:nvPr/>
        </p:nvSpPr>
        <p:spPr>
          <a:xfrm>
            <a:off x="134295" y="4206692"/>
            <a:ext cx="2671839" cy="40011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000" i="0" u="none" strike="noStrike" kern="1200" cap="none" spc="0" normalizeH="0" baseline="0" noProof="0">
                <a:ln>
                  <a:noFill/>
                </a:ln>
                <a:solidFill>
                  <a:prstClr val="black"/>
                </a:solidFill>
                <a:effectLst/>
                <a:uLnTx/>
                <a:uFillTx/>
                <a:latin typeface="Georgia Pro Cond Semibold" panose="02040706050405020303" pitchFamily="18" charset="0"/>
                <a:cs typeface="Times New Roman" panose="02020603050405020304" pitchFamily="18" charset="0"/>
              </a:rPr>
              <a:t>Journey Begins</a:t>
            </a:r>
            <a:endParaRPr kumimoji="0" lang="en-IN" sz="2000" i="0" u="none" strike="noStrike" kern="1200" cap="none" spc="0" normalizeH="0" baseline="0" noProof="0">
              <a:ln>
                <a:noFill/>
              </a:ln>
              <a:solidFill>
                <a:prstClr val="black"/>
              </a:solidFill>
              <a:effectLst/>
              <a:uLnTx/>
              <a:uFillTx/>
              <a:latin typeface="Georgia Pro Cond Semibold" panose="02040706050405020303" pitchFamily="18" charset="0"/>
              <a:cs typeface="Times New Roman" panose="02020603050405020304" pitchFamily="18" charset="0"/>
            </a:endParaRPr>
          </a:p>
        </p:txBody>
      </p:sp>
      <p:sp>
        <p:nvSpPr>
          <p:cNvPr id="2" name="TextBox 1">
            <a:extLst>
              <a:ext uri="{FF2B5EF4-FFF2-40B4-BE49-F238E27FC236}">
                <a16:creationId xmlns:a16="http://schemas.microsoft.com/office/drawing/2014/main" id="{98A2F49B-F0EF-1074-E4DD-79087B921211}"/>
              </a:ext>
            </a:extLst>
          </p:cNvPr>
          <p:cNvSpPr txBox="1"/>
          <p:nvPr/>
        </p:nvSpPr>
        <p:spPr>
          <a:xfrm>
            <a:off x="2609994" y="3840069"/>
            <a:ext cx="2330100" cy="1354217"/>
          </a:xfrm>
          <a:prstGeom prst="rect">
            <a:avLst/>
          </a:prstGeom>
          <a:noFill/>
        </p:spPr>
        <p:txBody>
          <a:bodyPr wrap="square" rtlCol="0">
            <a:spAutoFit/>
          </a:bodyPr>
          <a:lstStyle/>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effectLst/>
                <a:uLnTx/>
                <a:uFillTx/>
                <a:latin typeface="Roboto Light" panose="02000000000000000000" pitchFamily="2" charset="0"/>
                <a:ea typeface="Roboto Light" panose="02000000000000000000" pitchFamily="2" charset="0"/>
                <a:cs typeface="Roboto Light" panose="02000000000000000000" pitchFamily="2" charset="0"/>
              </a:rPr>
              <a:t>Content Authoring and Management</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Facility and infrastructure to accommodate staffing plans</a:t>
            </a:r>
          </a:p>
          <a:p>
            <a:pPr marL="171450" marR="0" lvl="0" indent="-171450" algn="l" defTabSz="914400" rtl="0" eaLnBrk="1" fontAlgn="auto" latinLnBrk="0" hangingPunct="1">
              <a:lnSpc>
                <a:spcPct val="100000"/>
              </a:lnSpc>
              <a:spcBef>
                <a:spcPts val="60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Onsite training for onboarded resources</a:t>
            </a:r>
          </a:p>
        </p:txBody>
      </p:sp>
      <p:sp>
        <p:nvSpPr>
          <p:cNvPr id="5" name="TextBox 4">
            <a:extLst>
              <a:ext uri="{FF2B5EF4-FFF2-40B4-BE49-F238E27FC236}">
                <a16:creationId xmlns:a16="http://schemas.microsoft.com/office/drawing/2014/main" id="{599BCE2D-76BF-15AF-2C39-705170FF17DA}"/>
              </a:ext>
            </a:extLst>
          </p:cNvPr>
          <p:cNvSpPr txBox="1"/>
          <p:nvPr/>
        </p:nvSpPr>
        <p:spPr>
          <a:xfrm>
            <a:off x="2632803" y="2833006"/>
            <a:ext cx="2125535" cy="707886"/>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000" i="0" u="none" strike="noStrike" kern="1200" cap="none" spc="0" normalizeH="0" baseline="0" noProof="0">
                <a:ln>
                  <a:noFill/>
                </a:ln>
                <a:solidFill>
                  <a:prstClr val="black"/>
                </a:solidFill>
                <a:effectLst/>
                <a:uLnTx/>
                <a:uFillTx/>
                <a:latin typeface="Georgia Pro Cond Semibold" panose="02040706050405020303" pitchFamily="18" charset="0"/>
                <a:cs typeface="Times New Roman" panose="02020603050405020304" pitchFamily="18" charset="0"/>
              </a:rPr>
              <a:t>Making A Difference</a:t>
            </a:r>
          </a:p>
        </p:txBody>
      </p:sp>
      <p:cxnSp>
        <p:nvCxnSpPr>
          <p:cNvPr id="18" name="Straight Connector 17">
            <a:extLst>
              <a:ext uri="{FF2B5EF4-FFF2-40B4-BE49-F238E27FC236}">
                <a16:creationId xmlns:a16="http://schemas.microsoft.com/office/drawing/2014/main" id="{3765F049-6FEE-3C69-4EF0-5BB12F5B3579}"/>
              </a:ext>
            </a:extLst>
          </p:cNvPr>
          <p:cNvCxnSpPr>
            <a:cxnSpLocks/>
          </p:cNvCxnSpPr>
          <p:nvPr/>
        </p:nvCxnSpPr>
        <p:spPr>
          <a:xfrm>
            <a:off x="2719996" y="3679836"/>
            <a:ext cx="1979105" cy="0"/>
          </a:xfrm>
          <a:prstGeom prst="line">
            <a:avLst/>
          </a:prstGeom>
          <a:ln w="28575">
            <a:solidFill>
              <a:srgbClr val="66CC66"/>
            </a:solidFill>
          </a:ln>
        </p:spPr>
        <p:style>
          <a:lnRef idx="1">
            <a:schemeClr val="accent1"/>
          </a:lnRef>
          <a:fillRef idx="0">
            <a:schemeClr val="accent1"/>
          </a:fillRef>
          <a:effectRef idx="0">
            <a:schemeClr val="accent1"/>
          </a:effectRef>
          <a:fontRef idx="minor">
            <a:schemeClr val="tx1"/>
          </a:fontRef>
        </p:style>
      </p:cxnSp>
      <p:sp>
        <p:nvSpPr>
          <p:cNvPr id="2788" name="TextBox 2787">
            <a:extLst>
              <a:ext uri="{FF2B5EF4-FFF2-40B4-BE49-F238E27FC236}">
                <a16:creationId xmlns:a16="http://schemas.microsoft.com/office/drawing/2014/main" id="{182DD2E4-CDC4-0227-3D2E-163387735D44}"/>
              </a:ext>
            </a:extLst>
          </p:cNvPr>
          <p:cNvSpPr txBox="1"/>
          <p:nvPr/>
        </p:nvSpPr>
        <p:spPr>
          <a:xfrm>
            <a:off x="5277523" y="2801029"/>
            <a:ext cx="2569950" cy="181588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A range of new business lines expand our reach:</a:t>
            </a:r>
          </a:p>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Content Development</a:t>
            </a:r>
          </a:p>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Salesforce and Veracode</a:t>
            </a:r>
          </a:p>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QA&amp; Testing</a:t>
            </a:r>
          </a:p>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Data Analytics</a:t>
            </a:r>
          </a:p>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Doc Setup and XBRL</a:t>
            </a:r>
          </a:p>
        </p:txBody>
      </p:sp>
      <p:sp>
        <p:nvSpPr>
          <p:cNvPr id="2789" name="TextBox 2788">
            <a:extLst>
              <a:ext uri="{FF2B5EF4-FFF2-40B4-BE49-F238E27FC236}">
                <a16:creationId xmlns:a16="http://schemas.microsoft.com/office/drawing/2014/main" id="{9700379B-FD00-48D2-3115-BD28D2609C9C}"/>
              </a:ext>
            </a:extLst>
          </p:cNvPr>
          <p:cNvSpPr txBox="1"/>
          <p:nvPr/>
        </p:nvSpPr>
        <p:spPr>
          <a:xfrm>
            <a:off x="5300331" y="1778474"/>
            <a:ext cx="2671838" cy="707886"/>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000" i="0" u="none" strike="noStrike" kern="1200" cap="none" spc="0" normalizeH="0" baseline="0" noProof="0">
                <a:ln>
                  <a:noFill/>
                </a:ln>
                <a:solidFill>
                  <a:prstClr val="black"/>
                </a:solidFill>
                <a:effectLst/>
                <a:uLnTx/>
                <a:uFillTx/>
                <a:latin typeface="Georgia Pro Cond Semibold" panose="02040706050405020303" pitchFamily="18" charset="0"/>
                <a:cs typeface="Times New Roman" panose="02020603050405020304" pitchFamily="18" charset="0"/>
              </a:rPr>
              <a:t>Newer</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000" i="0" u="none" strike="noStrike" kern="1200" cap="none" spc="0" normalizeH="0" baseline="0" noProof="0">
                <a:ln>
                  <a:noFill/>
                </a:ln>
                <a:solidFill>
                  <a:prstClr val="black"/>
                </a:solidFill>
                <a:effectLst/>
                <a:uLnTx/>
                <a:uFillTx/>
                <a:latin typeface="Georgia Pro Cond Semibold" panose="02040706050405020303" pitchFamily="18" charset="0"/>
                <a:cs typeface="Times New Roman" panose="02020603050405020304" pitchFamily="18" charset="0"/>
              </a:rPr>
              <a:t>Portfolios</a:t>
            </a:r>
          </a:p>
        </p:txBody>
      </p:sp>
      <p:cxnSp>
        <p:nvCxnSpPr>
          <p:cNvPr id="2790" name="Straight Connector 2789">
            <a:extLst>
              <a:ext uri="{FF2B5EF4-FFF2-40B4-BE49-F238E27FC236}">
                <a16:creationId xmlns:a16="http://schemas.microsoft.com/office/drawing/2014/main" id="{F8C8B370-FEA9-992E-7FF4-B481A39C4FD5}"/>
              </a:ext>
            </a:extLst>
          </p:cNvPr>
          <p:cNvCxnSpPr>
            <a:cxnSpLocks/>
          </p:cNvCxnSpPr>
          <p:nvPr/>
        </p:nvCxnSpPr>
        <p:spPr>
          <a:xfrm>
            <a:off x="5387524" y="2623048"/>
            <a:ext cx="2395036" cy="0"/>
          </a:xfrm>
          <a:prstGeom prst="line">
            <a:avLst/>
          </a:prstGeom>
          <a:ln w="28575">
            <a:solidFill>
              <a:srgbClr val="66CC66"/>
            </a:solidFill>
          </a:ln>
        </p:spPr>
        <p:style>
          <a:lnRef idx="1">
            <a:schemeClr val="accent1"/>
          </a:lnRef>
          <a:fillRef idx="0">
            <a:schemeClr val="accent1"/>
          </a:fillRef>
          <a:effectRef idx="0">
            <a:schemeClr val="accent1"/>
          </a:effectRef>
          <a:fontRef idx="minor">
            <a:schemeClr val="tx1"/>
          </a:fontRef>
        </p:style>
      </p:cxnSp>
      <p:sp>
        <p:nvSpPr>
          <p:cNvPr id="3491" name="TextBox 3490">
            <a:extLst>
              <a:ext uri="{FF2B5EF4-FFF2-40B4-BE49-F238E27FC236}">
                <a16:creationId xmlns:a16="http://schemas.microsoft.com/office/drawing/2014/main" id="{65119B01-D60C-6861-8C96-064A64CA99A2}"/>
              </a:ext>
            </a:extLst>
          </p:cNvPr>
          <p:cNvSpPr txBox="1"/>
          <p:nvPr/>
        </p:nvSpPr>
        <p:spPr>
          <a:xfrm>
            <a:off x="8222846" y="2316072"/>
            <a:ext cx="2982480" cy="1723549"/>
          </a:xfrm>
          <a:prstGeom prst="rect">
            <a:avLst/>
          </a:prstGeom>
          <a:noFill/>
        </p:spPr>
        <p:txBody>
          <a:bodyPr wrap="square" rtlCol="0">
            <a:spAutoFit/>
          </a:bodyPr>
          <a:lstStyle/>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Dedicated Team to focus on growth</a:t>
            </a:r>
          </a:p>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Head of Delivery</a:t>
            </a:r>
          </a:p>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Program Mangers</a:t>
            </a:r>
          </a:p>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Project Managers</a:t>
            </a:r>
          </a:p>
          <a:p>
            <a:pPr marL="171450" marR="0" lvl="0" indent="-171450" algn="l" defTabSz="914400" rtl="0" eaLnBrk="1" fontAlgn="auto" latinLnBrk="0" hangingPunct="1">
              <a:lnSpc>
                <a:spcPct val="150000"/>
              </a:lnSpc>
              <a:spcBef>
                <a:spcPts val="0"/>
              </a:spcBef>
              <a:spcAft>
                <a:spcPts val="0"/>
              </a:spcAft>
              <a:buClrTx/>
              <a:buSzTx/>
              <a:buFont typeface="Arial" panose="020B0604020202020204" pitchFamily="34" charset="0"/>
              <a:buChar char="•"/>
              <a:tabLst/>
              <a:defRPr/>
            </a:pPr>
            <a:r>
              <a:rPr kumimoji="0" lang="en-US" sz="1200" b="0" i="0" u="none" strike="noStrike" kern="1200" cap="none" spc="0" normalizeH="0" baseline="0" noProof="0">
                <a:ln>
                  <a:noFill/>
                </a:ln>
                <a:solidFill>
                  <a:prstClr val="black"/>
                </a:solidFill>
                <a:effectLst/>
                <a:uLnTx/>
                <a:uFillTx/>
                <a:latin typeface="Roboto Light" panose="02000000000000000000" pitchFamily="2" charset="0"/>
                <a:ea typeface="Roboto Light" panose="02000000000000000000" pitchFamily="2" charset="0"/>
                <a:cs typeface="Roboto Light" panose="02000000000000000000" pitchFamily="2" charset="0"/>
              </a:rPr>
              <a:t>Reporting and Dashboards for Executive Management </a:t>
            </a:r>
          </a:p>
        </p:txBody>
      </p:sp>
      <p:sp>
        <p:nvSpPr>
          <p:cNvPr id="3492" name="TextBox 3491">
            <a:extLst>
              <a:ext uri="{FF2B5EF4-FFF2-40B4-BE49-F238E27FC236}">
                <a16:creationId xmlns:a16="http://schemas.microsoft.com/office/drawing/2014/main" id="{3037B2A2-5207-9D6C-FD57-B1CEE71C1DD8}"/>
              </a:ext>
            </a:extLst>
          </p:cNvPr>
          <p:cNvSpPr txBox="1"/>
          <p:nvPr/>
        </p:nvSpPr>
        <p:spPr>
          <a:xfrm>
            <a:off x="8208824" y="1354109"/>
            <a:ext cx="2370574" cy="707886"/>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000" i="0" u="none" strike="noStrike" kern="1200" cap="none" spc="0" normalizeH="0" baseline="0" noProof="0">
                <a:ln>
                  <a:noFill/>
                </a:ln>
                <a:solidFill>
                  <a:prstClr val="black"/>
                </a:solidFill>
                <a:effectLst/>
                <a:uLnTx/>
                <a:uFillTx/>
                <a:latin typeface="Georgia Pro Cond Semibold" panose="02040706050405020303" pitchFamily="18" charset="0"/>
                <a:cs typeface="Times New Roman" panose="02020603050405020304" pitchFamily="18" charset="0"/>
              </a:rPr>
              <a:t>Continuous </a:t>
            </a:r>
            <a:r>
              <a:rPr lang="en-US" sz="2000">
                <a:solidFill>
                  <a:prstClr val="black"/>
                </a:solidFill>
                <a:latin typeface="Georgia Pro Cond Semibold" panose="02040706050405020303" pitchFamily="18" charset="0"/>
                <a:cs typeface="Times New Roman" panose="02020603050405020304" pitchFamily="18" charset="0"/>
              </a:rPr>
              <a:t>Improvement</a:t>
            </a:r>
          </a:p>
        </p:txBody>
      </p:sp>
      <p:cxnSp>
        <p:nvCxnSpPr>
          <p:cNvPr id="3493" name="Straight Connector 3492">
            <a:extLst>
              <a:ext uri="{FF2B5EF4-FFF2-40B4-BE49-F238E27FC236}">
                <a16:creationId xmlns:a16="http://schemas.microsoft.com/office/drawing/2014/main" id="{869AAF74-15B2-F706-56C7-5B60D5332245}"/>
              </a:ext>
            </a:extLst>
          </p:cNvPr>
          <p:cNvCxnSpPr>
            <a:cxnSpLocks/>
          </p:cNvCxnSpPr>
          <p:nvPr/>
        </p:nvCxnSpPr>
        <p:spPr>
          <a:xfrm>
            <a:off x="8325601" y="2209399"/>
            <a:ext cx="2982479" cy="0"/>
          </a:xfrm>
          <a:prstGeom prst="line">
            <a:avLst/>
          </a:prstGeom>
          <a:ln w="28575">
            <a:solidFill>
              <a:srgbClr val="66CC66"/>
            </a:solidFill>
          </a:ln>
        </p:spPr>
        <p:style>
          <a:lnRef idx="1">
            <a:schemeClr val="accent1"/>
          </a:lnRef>
          <a:fillRef idx="0">
            <a:schemeClr val="accent1"/>
          </a:fillRef>
          <a:effectRef idx="0">
            <a:schemeClr val="accent1"/>
          </a:effectRef>
          <a:fontRef idx="minor">
            <a:schemeClr val="tx1"/>
          </a:fontRef>
        </p:style>
      </p:cxnSp>
      <p:sp>
        <p:nvSpPr>
          <p:cNvPr id="3496" name="TextBox 3495">
            <a:extLst>
              <a:ext uri="{FF2B5EF4-FFF2-40B4-BE49-F238E27FC236}">
                <a16:creationId xmlns:a16="http://schemas.microsoft.com/office/drawing/2014/main" id="{CDF0EEA1-D54D-C14C-BCDB-28AC1009B209}"/>
              </a:ext>
            </a:extLst>
          </p:cNvPr>
          <p:cNvSpPr txBox="1"/>
          <p:nvPr/>
        </p:nvSpPr>
        <p:spPr>
          <a:xfrm>
            <a:off x="8222844" y="888066"/>
            <a:ext cx="1235694" cy="58477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3200" b="0" i="0" u="none" strike="noStrike" kern="1200" cap="none" spc="-150" normalizeH="0" baseline="0" noProof="0">
                <a:ln>
                  <a:noFill/>
                </a:ln>
                <a:solidFill>
                  <a:srgbClr val="66CC66"/>
                </a:solidFill>
                <a:effectLst/>
                <a:uLnTx/>
                <a:uFillTx/>
                <a:latin typeface="Georgia Pro Cond Semibold" panose="020B0604020202020204" pitchFamily="18" charset="0"/>
                <a:ea typeface="+mn-ea"/>
                <a:cs typeface="Times New Roman" panose="02020603050405020304" pitchFamily="18" charset="0"/>
              </a:rPr>
              <a:t>2023</a:t>
            </a:r>
          </a:p>
        </p:txBody>
      </p:sp>
      <p:cxnSp>
        <p:nvCxnSpPr>
          <p:cNvPr id="3508" name="Straight Connector 3507">
            <a:extLst>
              <a:ext uri="{FF2B5EF4-FFF2-40B4-BE49-F238E27FC236}">
                <a16:creationId xmlns:a16="http://schemas.microsoft.com/office/drawing/2014/main" id="{400F40EB-F6AE-7CB9-0B20-B4D445414371}"/>
              </a:ext>
            </a:extLst>
          </p:cNvPr>
          <p:cNvCxnSpPr>
            <a:cxnSpLocks/>
          </p:cNvCxnSpPr>
          <p:nvPr/>
        </p:nvCxnSpPr>
        <p:spPr>
          <a:xfrm>
            <a:off x="-32021" y="6290565"/>
            <a:ext cx="11421143" cy="13863"/>
          </a:xfrm>
          <a:prstGeom prst="line">
            <a:avLst/>
          </a:prstGeom>
          <a:ln w="19050">
            <a:solidFill>
              <a:schemeClr val="bg1">
                <a:lumMod val="75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4400" name="Isosceles Triangle 4399">
            <a:extLst>
              <a:ext uri="{FF2B5EF4-FFF2-40B4-BE49-F238E27FC236}">
                <a16:creationId xmlns:a16="http://schemas.microsoft.com/office/drawing/2014/main" id="{444ED547-64E9-0132-8D4E-D088A39860C9}"/>
              </a:ext>
            </a:extLst>
          </p:cNvPr>
          <p:cNvSpPr/>
          <p:nvPr/>
        </p:nvSpPr>
        <p:spPr>
          <a:xfrm rot="10800000">
            <a:off x="5191420" y="6010798"/>
            <a:ext cx="171111" cy="90101"/>
          </a:xfrm>
          <a:prstGeom prst="triangle">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403" name="Isosceles Triangle 4402">
            <a:extLst>
              <a:ext uri="{FF2B5EF4-FFF2-40B4-BE49-F238E27FC236}">
                <a16:creationId xmlns:a16="http://schemas.microsoft.com/office/drawing/2014/main" id="{0AF6AE83-F159-6F25-2476-6E7B41EFB6E5}"/>
              </a:ext>
            </a:extLst>
          </p:cNvPr>
          <p:cNvSpPr/>
          <p:nvPr/>
        </p:nvSpPr>
        <p:spPr>
          <a:xfrm rot="10800000">
            <a:off x="9676073" y="6024200"/>
            <a:ext cx="171111" cy="90101"/>
          </a:xfrm>
          <a:prstGeom prst="triangle">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405" name="Arc 4404">
            <a:extLst>
              <a:ext uri="{FF2B5EF4-FFF2-40B4-BE49-F238E27FC236}">
                <a16:creationId xmlns:a16="http://schemas.microsoft.com/office/drawing/2014/main" id="{DBEC1E67-A26A-B10B-F629-8BBC42DFB0F6}"/>
              </a:ext>
            </a:extLst>
          </p:cNvPr>
          <p:cNvSpPr/>
          <p:nvPr/>
        </p:nvSpPr>
        <p:spPr>
          <a:xfrm rot="10800000">
            <a:off x="10892726" y="5201613"/>
            <a:ext cx="1084524" cy="1101778"/>
          </a:xfrm>
          <a:prstGeom prst="arc">
            <a:avLst>
              <a:gd name="adj1" fmla="val 10821736"/>
              <a:gd name="adj2" fmla="val 16601623"/>
            </a:avLst>
          </a:prstGeom>
          <a:ln w="19050">
            <a:solidFill>
              <a:schemeClr val="bg1">
                <a:lumMod val="75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421" name="Rectangle: Rounded Corners 4420">
            <a:extLst>
              <a:ext uri="{FF2B5EF4-FFF2-40B4-BE49-F238E27FC236}">
                <a16:creationId xmlns:a16="http://schemas.microsoft.com/office/drawing/2014/main" id="{2C9B9A79-16DB-A24C-22B7-9FFD3B265929}"/>
              </a:ext>
            </a:extLst>
          </p:cNvPr>
          <p:cNvSpPr/>
          <p:nvPr/>
        </p:nvSpPr>
        <p:spPr>
          <a:xfrm>
            <a:off x="8134134" y="5745852"/>
            <a:ext cx="3254988" cy="282865"/>
          </a:xfrm>
          <a:prstGeom prst="roundRect">
            <a:avLst>
              <a:gd name="adj" fmla="val 50000"/>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Calibri" panose="020F0502020204030204"/>
                <a:ea typeface="+mn-ea"/>
                <a:cs typeface="+mn-cs"/>
              </a:rPr>
              <a:t>2019 - Added new line of businesses </a:t>
            </a:r>
          </a:p>
        </p:txBody>
      </p:sp>
      <p:sp>
        <p:nvSpPr>
          <p:cNvPr id="4422" name="Rectangle: Rounded Corners 4421">
            <a:extLst>
              <a:ext uri="{FF2B5EF4-FFF2-40B4-BE49-F238E27FC236}">
                <a16:creationId xmlns:a16="http://schemas.microsoft.com/office/drawing/2014/main" id="{0FD1C214-CDB8-2662-F12D-71E99BC65DF0}"/>
              </a:ext>
            </a:extLst>
          </p:cNvPr>
          <p:cNvSpPr/>
          <p:nvPr/>
        </p:nvSpPr>
        <p:spPr>
          <a:xfrm>
            <a:off x="3931939" y="5736521"/>
            <a:ext cx="2690073" cy="282865"/>
          </a:xfrm>
          <a:prstGeom prst="roundRect">
            <a:avLst>
              <a:gd name="adj" fmla="val 50000"/>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IN" sz="1200" b="1" i="0" u="none" strike="noStrike" kern="1200" cap="none" spc="0" normalizeH="0" baseline="0" noProof="0">
                <a:ln>
                  <a:noFill/>
                </a:ln>
                <a:solidFill>
                  <a:prstClr val="white"/>
                </a:solidFill>
                <a:effectLst/>
                <a:uLnTx/>
                <a:uFillTx/>
                <a:latin typeface="Calibri" panose="020F0502020204030204"/>
                <a:ea typeface="+mn-ea"/>
                <a:cs typeface="+mn-cs"/>
              </a:rPr>
              <a:t>2018  - ODC Established</a:t>
            </a:r>
          </a:p>
        </p:txBody>
      </p:sp>
      <p:sp>
        <p:nvSpPr>
          <p:cNvPr id="4423" name="Isosceles Triangle 4422">
            <a:extLst>
              <a:ext uri="{FF2B5EF4-FFF2-40B4-BE49-F238E27FC236}">
                <a16:creationId xmlns:a16="http://schemas.microsoft.com/office/drawing/2014/main" id="{6DB6CE2E-E59B-E353-39BA-7AB7E9C57CF9}"/>
              </a:ext>
            </a:extLst>
          </p:cNvPr>
          <p:cNvSpPr/>
          <p:nvPr/>
        </p:nvSpPr>
        <p:spPr>
          <a:xfrm rot="10800000">
            <a:off x="1392508" y="6044697"/>
            <a:ext cx="171111" cy="90101"/>
          </a:xfrm>
          <a:prstGeom prst="triangle">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424" name="Rectangle: Rounded Corners 4423">
            <a:extLst>
              <a:ext uri="{FF2B5EF4-FFF2-40B4-BE49-F238E27FC236}">
                <a16:creationId xmlns:a16="http://schemas.microsoft.com/office/drawing/2014/main" id="{2958C188-88E9-7F0C-B9EC-05FB7A96E164}"/>
              </a:ext>
            </a:extLst>
          </p:cNvPr>
          <p:cNvSpPr/>
          <p:nvPr/>
        </p:nvSpPr>
        <p:spPr>
          <a:xfrm>
            <a:off x="118019" y="5746681"/>
            <a:ext cx="2720091" cy="296770"/>
          </a:xfrm>
          <a:prstGeom prst="roundRect">
            <a:avLst>
              <a:gd name="adj" fmla="val 50000"/>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IN" sz="1200" b="1" i="0" u="none" strike="noStrike" kern="1200" cap="none" spc="0" normalizeH="0" baseline="0" noProof="0">
                <a:ln>
                  <a:noFill/>
                </a:ln>
                <a:solidFill>
                  <a:prstClr val="white"/>
                </a:solidFill>
                <a:effectLst/>
                <a:uLnTx/>
                <a:uFillTx/>
                <a:latin typeface="Calibri" panose="020F0502020204030204"/>
                <a:ea typeface="+mn-ea"/>
                <a:cs typeface="+mn-cs"/>
              </a:rPr>
              <a:t>2018  - First Pilot project begins</a:t>
            </a:r>
          </a:p>
        </p:txBody>
      </p:sp>
      <p:pic>
        <p:nvPicPr>
          <p:cNvPr id="4431" name="Graphic 4430">
            <a:extLst>
              <a:ext uri="{FF2B5EF4-FFF2-40B4-BE49-F238E27FC236}">
                <a16:creationId xmlns:a16="http://schemas.microsoft.com/office/drawing/2014/main" id="{797D24F4-B83F-1FAB-918C-6FDE70F436A1}"/>
              </a:ext>
            </a:extLst>
          </p:cNvPr>
          <p:cNvPicPr>
            <a:picLocks noChangeAspect="1"/>
          </p:cNvPicPr>
          <p:nvPr/>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rot="16200000">
            <a:off x="3197108" y="6132990"/>
            <a:ext cx="265520" cy="310731"/>
          </a:xfrm>
          <a:prstGeom prst="rect">
            <a:avLst/>
          </a:prstGeom>
        </p:spPr>
      </p:pic>
      <p:pic>
        <p:nvPicPr>
          <p:cNvPr id="4432" name="Graphic 4431">
            <a:extLst>
              <a:ext uri="{FF2B5EF4-FFF2-40B4-BE49-F238E27FC236}">
                <a16:creationId xmlns:a16="http://schemas.microsoft.com/office/drawing/2014/main" id="{E02861C2-650B-50D3-4D87-447404301482}"/>
              </a:ext>
            </a:extLst>
          </p:cNvPr>
          <p:cNvPicPr>
            <a:picLocks noChangeAspect="1"/>
          </p:cNvPicPr>
          <p:nvPr/>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rot="16200000">
            <a:off x="7472819" y="6159975"/>
            <a:ext cx="265520" cy="310731"/>
          </a:xfrm>
          <a:prstGeom prst="rect">
            <a:avLst/>
          </a:prstGeom>
        </p:spPr>
      </p:pic>
      <p:cxnSp>
        <p:nvCxnSpPr>
          <p:cNvPr id="4442" name="Straight Connector 4441">
            <a:extLst>
              <a:ext uri="{FF2B5EF4-FFF2-40B4-BE49-F238E27FC236}">
                <a16:creationId xmlns:a16="http://schemas.microsoft.com/office/drawing/2014/main" id="{F32CD1B7-981A-704C-D791-B642190FB7F7}"/>
              </a:ext>
            </a:extLst>
          </p:cNvPr>
          <p:cNvCxnSpPr>
            <a:cxnSpLocks/>
          </p:cNvCxnSpPr>
          <p:nvPr/>
        </p:nvCxnSpPr>
        <p:spPr>
          <a:xfrm>
            <a:off x="11697888" y="1855569"/>
            <a:ext cx="0" cy="1110620"/>
          </a:xfrm>
          <a:prstGeom prst="line">
            <a:avLst/>
          </a:prstGeom>
          <a:ln w="19050">
            <a:solidFill>
              <a:schemeClr val="bg1"/>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pic>
        <p:nvPicPr>
          <p:cNvPr id="4444" name="Graphic 4443">
            <a:extLst>
              <a:ext uri="{FF2B5EF4-FFF2-40B4-BE49-F238E27FC236}">
                <a16:creationId xmlns:a16="http://schemas.microsoft.com/office/drawing/2014/main" id="{D859C7F0-A3D0-EE0B-F606-4701BC408312}"/>
              </a:ext>
            </a:extLst>
          </p:cNvPr>
          <p:cNvPicPr>
            <a:picLocks noChangeAspect="1"/>
          </p:cNvPicPr>
          <p:nvPr/>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rot="10800000">
            <a:off x="11823084" y="4276386"/>
            <a:ext cx="321279" cy="375984"/>
          </a:xfrm>
          <a:prstGeom prst="rect">
            <a:avLst/>
          </a:prstGeom>
        </p:spPr>
      </p:pic>
      <p:sp>
        <p:nvSpPr>
          <p:cNvPr id="38" name="TextBox 37">
            <a:extLst>
              <a:ext uri="{FF2B5EF4-FFF2-40B4-BE49-F238E27FC236}">
                <a16:creationId xmlns:a16="http://schemas.microsoft.com/office/drawing/2014/main" id="{324D303C-7FCA-7346-13C3-1544F5B3053C}"/>
              </a:ext>
            </a:extLst>
          </p:cNvPr>
          <p:cNvSpPr txBox="1"/>
          <p:nvPr/>
        </p:nvSpPr>
        <p:spPr>
          <a:xfrm>
            <a:off x="63683" y="1310360"/>
            <a:ext cx="3621289" cy="769441"/>
          </a:xfrm>
          <a:prstGeom prst="rect">
            <a:avLst/>
          </a:prstGeom>
          <a:noFill/>
        </p:spPr>
        <p:txBody>
          <a:bodyPr wrap="square" rtlCol="0">
            <a:spAutoFit/>
          </a:bodyPr>
          <a:lstStyle/>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1"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Established a dedicated </a:t>
            </a:r>
            <a:r>
              <a:rPr kumimoji="0" lang="en-US" sz="1300" b="1" i="0" u="none" strike="noStrike" kern="1200" cap="none" spc="0" normalizeH="0" baseline="0" noProof="0">
                <a:ln>
                  <a:noFill/>
                </a:ln>
                <a:solidFill>
                  <a:srgbClr val="F3BF26"/>
                </a:solidFill>
                <a:effectLst/>
                <a:uLnTx/>
                <a:uFillTx/>
                <a:latin typeface="Georgia Pro Cond" panose="02040506050405020303" pitchFamily="18" charset="0"/>
                <a:ea typeface="+mn-ea"/>
                <a:cs typeface="Times New Roman" panose="02020603050405020304" pitchFamily="18" charset="0"/>
              </a:rPr>
              <a:t>Offshore Development Centre (ODC)</a:t>
            </a:r>
          </a:p>
          <a:p>
            <a:pPr marL="0" marR="0" lvl="0" indent="0" algn="l" defTabSz="914400" rtl="0" eaLnBrk="1" fontAlgn="auto" latinLnBrk="0" hangingPunct="1">
              <a:lnSpc>
                <a:spcPct val="100000"/>
              </a:lnSpc>
              <a:spcBef>
                <a:spcPts val="600"/>
              </a:spcBef>
              <a:spcAft>
                <a:spcPts val="0"/>
              </a:spcAft>
              <a:buClrTx/>
              <a:buSzTx/>
              <a:buFontTx/>
              <a:buNone/>
              <a:tabLst/>
              <a:defRPr/>
            </a:pPr>
            <a:r>
              <a:rPr kumimoji="0" lang="en-US" sz="1300" b="1" i="0" u="none" strike="noStrike" kern="1200" cap="none" spc="0" normalizeH="0" baseline="0" noProof="0">
                <a:ln>
                  <a:noFill/>
                </a:ln>
                <a:solidFill>
                  <a:srgbClr val="F3BF26"/>
                </a:solidFill>
                <a:effectLst/>
                <a:uLnTx/>
                <a:uFillTx/>
                <a:latin typeface="Georgia Pro Cond" panose="02040506050405020303" pitchFamily="18" charset="0"/>
                <a:ea typeface="+mn-ea"/>
                <a:cs typeface="Times New Roman" panose="02020603050405020304" pitchFamily="18" charset="0"/>
              </a:rPr>
              <a:t>SOC 2 Type2 </a:t>
            </a:r>
            <a:r>
              <a:rPr kumimoji="0" lang="en-US" sz="1300" b="1"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Certification</a:t>
            </a:r>
          </a:p>
        </p:txBody>
      </p:sp>
      <p:grpSp>
        <p:nvGrpSpPr>
          <p:cNvPr id="49" name="Group 48">
            <a:extLst>
              <a:ext uri="{FF2B5EF4-FFF2-40B4-BE49-F238E27FC236}">
                <a16:creationId xmlns:a16="http://schemas.microsoft.com/office/drawing/2014/main" id="{DB95D42B-7E0C-39B2-1089-FE1CB5CE6D6C}"/>
              </a:ext>
            </a:extLst>
          </p:cNvPr>
          <p:cNvGrpSpPr/>
          <p:nvPr/>
        </p:nvGrpSpPr>
        <p:grpSpPr>
          <a:xfrm>
            <a:off x="1634002" y="2814943"/>
            <a:ext cx="508473" cy="514039"/>
            <a:chOff x="1355960" y="2841849"/>
            <a:chExt cx="818900" cy="827865"/>
          </a:xfrm>
        </p:grpSpPr>
        <p:sp>
          <p:nvSpPr>
            <p:cNvPr id="21" name="Rectangle: Rounded Corners 20">
              <a:extLst>
                <a:ext uri="{FF2B5EF4-FFF2-40B4-BE49-F238E27FC236}">
                  <a16:creationId xmlns:a16="http://schemas.microsoft.com/office/drawing/2014/main" id="{39202486-839D-6B4A-59ED-CD99F168180A}"/>
                </a:ext>
              </a:extLst>
            </p:cNvPr>
            <p:cNvSpPr/>
            <p:nvPr/>
          </p:nvSpPr>
          <p:spPr>
            <a:xfrm>
              <a:off x="1355960" y="2841849"/>
              <a:ext cx="818900" cy="827865"/>
            </a:xfrm>
            <a:prstGeom prst="roundRect">
              <a:avLst>
                <a:gd name="adj" fmla="val 22863"/>
              </a:avLst>
            </a:prstGeom>
            <a:solidFill>
              <a:srgbClr val="FBAD1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a:ea typeface="+mn-ea"/>
                <a:cs typeface="+mn-cs"/>
              </a:endParaRPr>
            </a:p>
          </p:txBody>
        </p:sp>
        <p:pic>
          <p:nvPicPr>
            <p:cNvPr id="22" name="Picture 21">
              <a:extLst>
                <a:ext uri="{FF2B5EF4-FFF2-40B4-BE49-F238E27FC236}">
                  <a16:creationId xmlns:a16="http://schemas.microsoft.com/office/drawing/2014/main" id="{B2B66CF6-956B-735F-599A-F2D274CE1176}"/>
                </a:ext>
              </a:extLst>
            </p:cNvPr>
            <p:cNvPicPr>
              <a:picLocks noChangeAspect="1"/>
            </p:cNvPicPr>
            <p:nvPr/>
          </p:nvPicPr>
          <p:blipFill>
            <a:blip r:embed="rId7" cstate="screen">
              <a:extLst>
                <a:ext uri="{28A0092B-C50C-407E-A947-70E740481C1C}">
                  <a14:useLocalDpi xmlns:a14="http://schemas.microsoft.com/office/drawing/2010/main" val="0"/>
                </a:ext>
              </a:extLst>
            </a:blip>
            <a:stretch>
              <a:fillRect/>
            </a:stretch>
          </p:blipFill>
          <p:spPr>
            <a:xfrm>
              <a:off x="1414993" y="2916620"/>
              <a:ext cx="686056" cy="686056"/>
            </a:xfrm>
            <a:prstGeom prst="rect">
              <a:avLst/>
            </a:prstGeom>
          </p:spPr>
        </p:pic>
      </p:grpSp>
      <p:grpSp>
        <p:nvGrpSpPr>
          <p:cNvPr id="50" name="Group 49">
            <a:extLst>
              <a:ext uri="{FF2B5EF4-FFF2-40B4-BE49-F238E27FC236}">
                <a16:creationId xmlns:a16="http://schemas.microsoft.com/office/drawing/2014/main" id="{04147E22-0E0D-55C5-96D6-F4185D6504B5}"/>
              </a:ext>
            </a:extLst>
          </p:cNvPr>
          <p:cNvGrpSpPr/>
          <p:nvPr/>
        </p:nvGrpSpPr>
        <p:grpSpPr>
          <a:xfrm>
            <a:off x="7277061" y="960482"/>
            <a:ext cx="508473" cy="514039"/>
            <a:chOff x="7031211" y="793509"/>
            <a:chExt cx="818900" cy="827865"/>
          </a:xfrm>
        </p:grpSpPr>
        <p:sp>
          <p:nvSpPr>
            <p:cNvPr id="23" name="Rectangle: Rounded Corners 22">
              <a:extLst>
                <a:ext uri="{FF2B5EF4-FFF2-40B4-BE49-F238E27FC236}">
                  <a16:creationId xmlns:a16="http://schemas.microsoft.com/office/drawing/2014/main" id="{7D01DE70-6997-4685-2DC6-C04D7A12F581}"/>
                </a:ext>
              </a:extLst>
            </p:cNvPr>
            <p:cNvSpPr/>
            <p:nvPr/>
          </p:nvSpPr>
          <p:spPr>
            <a:xfrm>
              <a:off x="7031211" y="793509"/>
              <a:ext cx="818900" cy="827865"/>
            </a:xfrm>
            <a:prstGeom prst="roundRect">
              <a:avLst>
                <a:gd name="adj" fmla="val 22863"/>
              </a:avLst>
            </a:prstGeom>
            <a:solidFill>
              <a:srgbClr val="A14EB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a:ea typeface="+mn-ea"/>
                <a:cs typeface="+mn-cs"/>
              </a:endParaRPr>
            </a:p>
          </p:txBody>
        </p:sp>
        <p:pic>
          <p:nvPicPr>
            <p:cNvPr id="24" name="Picture 23">
              <a:extLst>
                <a:ext uri="{FF2B5EF4-FFF2-40B4-BE49-F238E27FC236}">
                  <a16:creationId xmlns:a16="http://schemas.microsoft.com/office/drawing/2014/main" id="{247752A1-0946-A5AB-D898-84AB13CA3839}"/>
                </a:ext>
              </a:extLst>
            </p:cNvPr>
            <p:cNvPicPr>
              <a:picLocks noChangeAspect="1"/>
            </p:cNvPicPr>
            <p:nvPr/>
          </p:nvPicPr>
          <p:blipFill>
            <a:blip r:embed="rId8" cstate="screen">
              <a:extLst>
                <a:ext uri="{28A0092B-C50C-407E-A947-70E740481C1C}">
                  <a14:useLocalDpi xmlns:a14="http://schemas.microsoft.com/office/drawing/2010/main" val="0"/>
                </a:ext>
              </a:extLst>
            </a:blip>
            <a:stretch>
              <a:fillRect/>
            </a:stretch>
          </p:blipFill>
          <p:spPr>
            <a:xfrm>
              <a:off x="7171831" y="933723"/>
              <a:ext cx="537661" cy="547437"/>
            </a:xfrm>
            <a:prstGeom prst="rect">
              <a:avLst/>
            </a:prstGeom>
          </p:spPr>
        </p:pic>
      </p:grpSp>
      <p:grpSp>
        <p:nvGrpSpPr>
          <p:cNvPr id="33" name="Group 32">
            <a:extLst>
              <a:ext uri="{FF2B5EF4-FFF2-40B4-BE49-F238E27FC236}">
                <a16:creationId xmlns:a16="http://schemas.microsoft.com/office/drawing/2014/main" id="{9DACDBEE-5730-F2CC-965E-6552528D0A8B}"/>
              </a:ext>
            </a:extLst>
          </p:cNvPr>
          <p:cNvGrpSpPr/>
          <p:nvPr/>
        </p:nvGrpSpPr>
        <p:grpSpPr>
          <a:xfrm>
            <a:off x="10257555" y="304404"/>
            <a:ext cx="508473" cy="514039"/>
            <a:chOff x="8985703" y="4572487"/>
            <a:chExt cx="818900" cy="827865"/>
          </a:xfrm>
        </p:grpSpPr>
        <p:sp>
          <p:nvSpPr>
            <p:cNvPr id="31" name="Rectangle: Rounded Corners 30">
              <a:extLst>
                <a:ext uri="{FF2B5EF4-FFF2-40B4-BE49-F238E27FC236}">
                  <a16:creationId xmlns:a16="http://schemas.microsoft.com/office/drawing/2014/main" id="{15F9AE29-85EA-63EE-8F2A-1B9A054518DE}"/>
                </a:ext>
              </a:extLst>
            </p:cNvPr>
            <p:cNvSpPr/>
            <p:nvPr/>
          </p:nvSpPr>
          <p:spPr>
            <a:xfrm>
              <a:off x="8985703" y="4572487"/>
              <a:ext cx="818900" cy="827865"/>
            </a:xfrm>
            <a:prstGeom prst="roundRect">
              <a:avLst>
                <a:gd name="adj" fmla="val 22863"/>
              </a:avLst>
            </a:prstGeom>
            <a:solidFill>
              <a:srgbClr val="66CC6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a:ea typeface="+mn-ea"/>
                <a:cs typeface="+mn-cs"/>
              </a:endParaRPr>
            </a:p>
          </p:txBody>
        </p:sp>
        <p:pic>
          <p:nvPicPr>
            <p:cNvPr id="32" name="Picture 31">
              <a:extLst>
                <a:ext uri="{FF2B5EF4-FFF2-40B4-BE49-F238E27FC236}">
                  <a16:creationId xmlns:a16="http://schemas.microsoft.com/office/drawing/2014/main" id="{55A3ECDF-83AC-0170-F326-F89837DB00DD}"/>
                </a:ext>
              </a:extLst>
            </p:cNvPr>
            <p:cNvPicPr>
              <a:picLocks noChangeAspect="1"/>
            </p:cNvPicPr>
            <p:nvPr/>
          </p:nvPicPr>
          <p:blipFill>
            <a:blip r:embed="rId9" cstate="screen">
              <a:extLst>
                <a:ext uri="{28A0092B-C50C-407E-A947-70E740481C1C}">
                  <a14:useLocalDpi xmlns:a14="http://schemas.microsoft.com/office/drawing/2010/main" val="0"/>
                </a:ext>
              </a:extLst>
            </a:blip>
            <a:stretch>
              <a:fillRect/>
            </a:stretch>
          </p:blipFill>
          <p:spPr>
            <a:xfrm>
              <a:off x="9126387" y="4689260"/>
              <a:ext cx="562100" cy="586541"/>
            </a:xfrm>
            <a:prstGeom prst="rect">
              <a:avLst/>
            </a:prstGeom>
          </p:spPr>
        </p:pic>
      </p:grpSp>
      <p:grpSp>
        <p:nvGrpSpPr>
          <p:cNvPr id="36" name="Group 35">
            <a:extLst>
              <a:ext uri="{FF2B5EF4-FFF2-40B4-BE49-F238E27FC236}">
                <a16:creationId xmlns:a16="http://schemas.microsoft.com/office/drawing/2014/main" id="{041719B5-5976-5F72-9D50-BDB1A460DE6D}"/>
              </a:ext>
            </a:extLst>
          </p:cNvPr>
          <p:cNvGrpSpPr/>
          <p:nvPr/>
        </p:nvGrpSpPr>
        <p:grpSpPr>
          <a:xfrm>
            <a:off x="4375968" y="1843852"/>
            <a:ext cx="508473" cy="514039"/>
            <a:chOff x="6149211" y="956188"/>
            <a:chExt cx="818900" cy="827865"/>
          </a:xfrm>
        </p:grpSpPr>
        <p:sp>
          <p:nvSpPr>
            <p:cNvPr id="34" name="Rectangle: Rounded Corners 33">
              <a:extLst>
                <a:ext uri="{FF2B5EF4-FFF2-40B4-BE49-F238E27FC236}">
                  <a16:creationId xmlns:a16="http://schemas.microsoft.com/office/drawing/2014/main" id="{553AA196-7464-398C-A2EB-53641A2C33ED}"/>
                </a:ext>
              </a:extLst>
            </p:cNvPr>
            <p:cNvSpPr/>
            <p:nvPr/>
          </p:nvSpPr>
          <p:spPr>
            <a:xfrm>
              <a:off x="6149211" y="956188"/>
              <a:ext cx="818900" cy="827865"/>
            </a:xfrm>
            <a:prstGeom prst="roundRect">
              <a:avLst>
                <a:gd name="adj" fmla="val 22863"/>
              </a:avLst>
            </a:prstGeom>
            <a:solidFill>
              <a:srgbClr val="0074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a:ea typeface="+mn-ea"/>
                <a:cs typeface="+mn-cs"/>
              </a:endParaRPr>
            </a:p>
          </p:txBody>
        </p:sp>
        <p:pic>
          <p:nvPicPr>
            <p:cNvPr id="35" name="Picture 34">
              <a:extLst>
                <a:ext uri="{FF2B5EF4-FFF2-40B4-BE49-F238E27FC236}">
                  <a16:creationId xmlns:a16="http://schemas.microsoft.com/office/drawing/2014/main" id="{0AF78BCF-1917-9BB5-ECC6-B775514608A8}"/>
                </a:ext>
              </a:extLst>
            </p:cNvPr>
            <p:cNvPicPr>
              <a:picLocks noChangeAspect="1"/>
            </p:cNvPicPr>
            <p:nvPr/>
          </p:nvPicPr>
          <p:blipFill rotWithShape="1">
            <a:blip r:embed="rId10" cstate="screen">
              <a:extLst>
                <a:ext uri="{28A0092B-C50C-407E-A947-70E740481C1C}">
                  <a14:useLocalDpi xmlns:a14="http://schemas.microsoft.com/office/drawing/2010/main" val="0"/>
                </a:ext>
              </a:extLst>
            </a:blip>
            <a:srcRect l="-2210" r="-1" b="-1"/>
            <a:stretch/>
          </p:blipFill>
          <p:spPr>
            <a:xfrm>
              <a:off x="6272400" y="1079408"/>
              <a:ext cx="579528" cy="580037"/>
            </a:xfrm>
            <a:prstGeom prst="rect">
              <a:avLst/>
            </a:prstGeom>
          </p:spPr>
        </p:pic>
      </p:grpSp>
      <p:grpSp>
        <p:nvGrpSpPr>
          <p:cNvPr id="39" name="Group 38">
            <a:extLst>
              <a:ext uri="{FF2B5EF4-FFF2-40B4-BE49-F238E27FC236}">
                <a16:creationId xmlns:a16="http://schemas.microsoft.com/office/drawing/2014/main" id="{58CD66B9-EFEC-70E4-919E-FD46663D80FF}"/>
              </a:ext>
            </a:extLst>
          </p:cNvPr>
          <p:cNvGrpSpPr/>
          <p:nvPr/>
        </p:nvGrpSpPr>
        <p:grpSpPr>
          <a:xfrm>
            <a:off x="7362502" y="4307539"/>
            <a:ext cx="1237104" cy="1323207"/>
            <a:chOff x="4743189" y="5009517"/>
            <a:chExt cx="1375023" cy="1595029"/>
          </a:xfrm>
        </p:grpSpPr>
        <p:pic>
          <p:nvPicPr>
            <p:cNvPr id="40" name="Picture 39">
              <a:extLst>
                <a:ext uri="{FF2B5EF4-FFF2-40B4-BE49-F238E27FC236}">
                  <a16:creationId xmlns:a16="http://schemas.microsoft.com/office/drawing/2014/main" id="{9811A9E7-A232-E720-8CE1-32FF89FE58C0}"/>
                </a:ext>
              </a:extLst>
            </p:cNvPr>
            <p:cNvPicPr>
              <a:picLocks noChangeAspect="1"/>
            </p:cNvPicPr>
            <p:nvPr/>
          </p:nvPicPr>
          <p:blipFill rotWithShape="1">
            <a:blip r:embed="rId11" cstate="screen">
              <a:duotone>
                <a:schemeClr val="accent2">
                  <a:shade val="45000"/>
                  <a:satMod val="135000"/>
                </a:schemeClr>
                <a:prstClr val="white"/>
              </a:duotone>
              <a:extLst>
                <a:ext uri="{BEBA8EAE-BF5A-486C-A8C5-ECC9F3942E4B}">
                  <a14:imgProps xmlns:a14="http://schemas.microsoft.com/office/drawing/2010/main">
                    <a14:imgLayer r:embed="rId12">
                      <a14:imgEffect>
                        <a14:sharpenSoften amount="25000"/>
                      </a14:imgEffect>
                      <a14:imgEffect>
                        <a14:colorTemperature colorTemp="8585"/>
                      </a14:imgEffect>
                      <a14:imgEffect>
                        <a14:saturation sat="114000"/>
                      </a14:imgEffect>
                      <a14:imgEffect>
                        <a14:brightnessContrast bright="-29000" contrast="15000"/>
                      </a14:imgEffect>
                    </a14:imgLayer>
                  </a14:imgProps>
                </a:ext>
                <a:ext uri="{28A0092B-C50C-407E-A947-70E740481C1C}">
                  <a14:useLocalDpi xmlns:a14="http://schemas.microsoft.com/office/drawing/2010/main" val="0"/>
                </a:ext>
              </a:extLst>
            </a:blip>
            <a:srcRect/>
            <a:stretch/>
          </p:blipFill>
          <p:spPr>
            <a:xfrm>
              <a:off x="4743189" y="5009517"/>
              <a:ext cx="1375023" cy="1595029"/>
            </a:xfrm>
            <a:custGeom>
              <a:avLst/>
              <a:gdLst>
                <a:gd name="connsiteX0" fmla="*/ 871535 w 1743070"/>
                <a:gd name="connsiteY0" fmla="*/ 0 h 2021962"/>
                <a:gd name="connsiteX1" fmla="*/ 1743070 w 1743070"/>
                <a:gd name="connsiteY1" fmla="*/ 524699 h 2021962"/>
                <a:gd name="connsiteX2" fmla="*/ 1743070 w 1743070"/>
                <a:gd name="connsiteY2" fmla="*/ 1497263 h 2021962"/>
                <a:gd name="connsiteX3" fmla="*/ 871535 w 1743070"/>
                <a:gd name="connsiteY3" fmla="*/ 2021962 h 2021962"/>
                <a:gd name="connsiteX4" fmla="*/ 0 w 1743070"/>
                <a:gd name="connsiteY4" fmla="*/ 1497263 h 2021962"/>
                <a:gd name="connsiteX5" fmla="*/ 0 w 1743070"/>
                <a:gd name="connsiteY5" fmla="*/ 524699 h 20219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43070" h="2021962">
                  <a:moveTo>
                    <a:pt x="871535" y="0"/>
                  </a:moveTo>
                  <a:lnTo>
                    <a:pt x="1743070" y="524699"/>
                  </a:lnTo>
                  <a:lnTo>
                    <a:pt x="1743070" y="1497263"/>
                  </a:lnTo>
                  <a:lnTo>
                    <a:pt x="871535" y="2021962"/>
                  </a:lnTo>
                  <a:lnTo>
                    <a:pt x="0" y="1497263"/>
                  </a:lnTo>
                  <a:lnTo>
                    <a:pt x="0" y="524699"/>
                  </a:lnTo>
                  <a:close/>
                </a:path>
              </a:pathLst>
            </a:custGeom>
            <a:ln w="38100">
              <a:solidFill>
                <a:schemeClr val="bg1"/>
              </a:solidFill>
            </a:ln>
          </p:spPr>
        </p:pic>
        <p:sp>
          <p:nvSpPr>
            <p:cNvPr id="41" name="TextBox 40">
              <a:extLst>
                <a:ext uri="{FF2B5EF4-FFF2-40B4-BE49-F238E27FC236}">
                  <a16:creationId xmlns:a16="http://schemas.microsoft.com/office/drawing/2014/main" id="{4708F737-3D2A-780D-5C26-B9AC797E971A}"/>
                </a:ext>
              </a:extLst>
            </p:cNvPr>
            <p:cNvSpPr txBox="1"/>
            <p:nvPr/>
          </p:nvSpPr>
          <p:spPr>
            <a:xfrm>
              <a:off x="4850759" y="5219328"/>
              <a:ext cx="1134462" cy="630703"/>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1200" cap="none" spc="0" normalizeH="0" baseline="0" noProof="0">
                  <a:ln>
                    <a:noFill/>
                  </a:ln>
                  <a:solidFill>
                    <a:prstClr val="white"/>
                  </a:solidFill>
                  <a:effectLst/>
                  <a:uLnTx/>
                  <a:uFillTx/>
                  <a:latin typeface="Georgia Pro Cond" panose="02040506050405020303" pitchFamily="18" charset="0"/>
                  <a:ea typeface="+mn-ea"/>
                  <a:cs typeface="Times New Roman" panose="02020603050405020304" pitchFamily="18" charset="0"/>
                </a:rPr>
                <a:t>200</a:t>
              </a:r>
              <a:r>
                <a:rPr kumimoji="0" lang="en-US" sz="2000" b="1" i="0" u="none" strike="noStrike" kern="1200" cap="none" spc="0" normalizeH="0" baseline="30000" noProof="0">
                  <a:ln>
                    <a:noFill/>
                  </a:ln>
                  <a:solidFill>
                    <a:prstClr val="white"/>
                  </a:solidFill>
                  <a:effectLst/>
                  <a:uLnTx/>
                  <a:uFillTx/>
                  <a:latin typeface="Georgia Pro Cond" panose="02040506050405020303" pitchFamily="18" charset="0"/>
                  <a:ea typeface="+mn-ea"/>
                  <a:cs typeface="Times New Roman" panose="02020603050405020304" pitchFamily="18" charset="0"/>
                </a:rPr>
                <a:t>+</a:t>
              </a:r>
              <a:endParaRPr kumimoji="0" lang="en-US" sz="900" b="1" i="0" u="none" strike="noStrike" kern="1200" cap="none" spc="0" normalizeH="0" baseline="30000" noProof="0">
                <a:ln>
                  <a:noFill/>
                </a:ln>
                <a:solidFill>
                  <a:prstClr val="white"/>
                </a:solidFill>
                <a:effectLst/>
                <a:uLnTx/>
                <a:uFillTx/>
                <a:latin typeface="Georgia Pro Cond" panose="02040506050405020303" pitchFamily="18" charset="0"/>
                <a:ea typeface="+mn-ea"/>
                <a:cs typeface="Times New Roman" panose="02020603050405020304" pitchFamily="18" charset="0"/>
              </a:endParaRPr>
            </a:p>
          </p:txBody>
        </p:sp>
        <p:sp>
          <p:nvSpPr>
            <p:cNvPr id="42" name="TextBox 41">
              <a:extLst>
                <a:ext uri="{FF2B5EF4-FFF2-40B4-BE49-F238E27FC236}">
                  <a16:creationId xmlns:a16="http://schemas.microsoft.com/office/drawing/2014/main" id="{D88E89A0-EE80-74A4-183A-3F6F1D57851C}"/>
                </a:ext>
              </a:extLst>
            </p:cNvPr>
            <p:cNvSpPr txBox="1"/>
            <p:nvPr/>
          </p:nvSpPr>
          <p:spPr>
            <a:xfrm>
              <a:off x="4776501" y="5766388"/>
              <a:ext cx="1286961" cy="482303"/>
            </a:xfrm>
            <a:prstGeom prst="rect">
              <a:avLst/>
            </a:prstGeom>
            <a:noFill/>
          </p:spPr>
          <p:txBody>
            <a:bodyPr wrap="square">
              <a:spAutoFit/>
            </a:bodyPr>
            <a:lstStyle/>
            <a:p>
              <a:pPr marL="0" marR="0" lvl="0" indent="0" algn="ctr" defTabSz="914400" rtl="0" eaLnBrk="1" fontAlgn="auto" latinLnBrk="0" hangingPunct="1">
                <a:lnSpc>
                  <a:spcPts val="12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Team members</a:t>
              </a:r>
            </a:p>
          </p:txBody>
        </p:sp>
      </p:grpSp>
      <p:pic>
        <p:nvPicPr>
          <p:cNvPr id="53" name="Graphic 52">
            <a:extLst>
              <a:ext uri="{FF2B5EF4-FFF2-40B4-BE49-F238E27FC236}">
                <a16:creationId xmlns:a16="http://schemas.microsoft.com/office/drawing/2014/main" id="{BAD7CAC8-227F-7F4F-6DDB-914A537567A1}"/>
              </a:ext>
            </a:extLst>
          </p:cNvPr>
          <p:cNvPicPr>
            <a:picLocks noChangeAspect="1"/>
          </p:cNvPicPr>
          <p:nvPr/>
        </p:nvPicPr>
        <p:blipFill>
          <a:blip r:embed="rId13" cstate="hqprint">
            <a:extLst>
              <a:ext uri="{28A0092B-C50C-407E-A947-70E740481C1C}">
                <a14:useLocalDpi xmlns:a14="http://schemas.microsoft.com/office/drawing/2010/main" val="0"/>
              </a:ext>
              <a:ext uri="{96DAC541-7B7A-43D3-8B79-37D633B846F1}">
                <asvg:svgBlip xmlns:asvg="http://schemas.microsoft.com/office/drawing/2016/SVG/main" r:embed="rId14"/>
              </a:ext>
            </a:extLst>
          </a:blip>
          <a:stretch>
            <a:fillRect/>
          </a:stretch>
        </p:blipFill>
        <p:spPr>
          <a:xfrm rot="16200000">
            <a:off x="1220175" y="3752997"/>
            <a:ext cx="321279" cy="375984"/>
          </a:xfrm>
          <a:prstGeom prst="rect">
            <a:avLst/>
          </a:prstGeom>
        </p:spPr>
      </p:pic>
      <p:cxnSp>
        <p:nvCxnSpPr>
          <p:cNvPr id="43" name="Straight Connector 42">
            <a:extLst>
              <a:ext uri="{FF2B5EF4-FFF2-40B4-BE49-F238E27FC236}">
                <a16:creationId xmlns:a16="http://schemas.microsoft.com/office/drawing/2014/main" id="{33630CBA-5AF2-72F4-2E65-0161DA3232F7}"/>
              </a:ext>
            </a:extLst>
          </p:cNvPr>
          <p:cNvCxnSpPr>
            <a:cxnSpLocks/>
          </p:cNvCxnSpPr>
          <p:nvPr/>
        </p:nvCxnSpPr>
        <p:spPr>
          <a:xfrm>
            <a:off x="11983724" y="1948978"/>
            <a:ext cx="0" cy="3767489"/>
          </a:xfrm>
          <a:prstGeom prst="line">
            <a:avLst/>
          </a:prstGeom>
          <a:ln w="19050">
            <a:solidFill>
              <a:schemeClr val="bg1">
                <a:lumMod val="75000"/>
              </a:schemeClr>
            </a:solidFill>
            <a:prstDash val="dash"/>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56" name="Rectangle: Top Corners Rounded 55">
            <a:extLst>
              <a:ext uri="{FF2B5EF4-FFF2-40B4-BE49-F238E27FC236}">
                <a16:creationId xmlns:a16="http://schemas.microsoft.com/office/drawing/2014/main" id="{70C737F7-B175-CC98-E4B4-472EC7EEA3DE}"/>
              </a:ext>
            </a:extLst>
          </p:cNvPr>
          <p:cNvSpPr/>
          <p:nvPr/>
        </p:nvSpPr>
        <p:spPr>
          <a:xfrm rot="16200000">
            <a:off x="11481725" y="1307846"/>
            <a:ext cx="805616" cy="614941"/>
          </a:xfrm>
          <a:prstGeom prst="round2SameRect">
            <a:avLst>
              <a:gd name="adj1" fmla="val 33298"/>
              <a:gd name="adj2" fmla="val 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57" name="Graphic 56">
            <a:extLst>
              <a:ext uri="{FF2B5EF4-FFF2-40B4-BE49-F238E27FC236}">
                <a16:creationId xmlns:a16="http://schemas.microsoft.com/office/drawing/2014/main" id="{BC220148-9EFA-9D03-339D-2A24EC5FD6E3}"/>
              </a:ext>
            </a:extLst>
          </p:cNvPr>
          <p:cNvPicPr>
            <a:picLocks noChangeAspect="1"/>
          </p:cNvPicPr>
          <p:nvPr/>
        </p:nvPicPr>
        <p:blipFill>
          <a:blip r:embed="rId15" cstate="hqprint">
            <a:extLst>
              <a:ext uri="{28A0092B-C50C-407E-A947-70E740481C1C}">
                <a14:useLocalDpi xmlns:a14="http://schemas.microsoft.com/office/drawing/2010/main" val="0"/>
              </a:ext>
              <a:ext uri="{96DAC541-7B7A-43D3-8B79-37D633B846F1}">
                <asvg:svgBlip xmlns:asvg="http://schemas.microsoft.com/office/drawing/2016/SVG/main" r:embed="rId16"/>
              </a:ext>
            </a:extLst>
          </a:blip>
          <a:stretch>
            <a:fillRect/>
          </a:stretch>
        </p:blipFill>
        <p:spPr>
          <a:xfrm rot="16200000">
            <a:off x="11718914" y="1443551"/>
            <a:ext cx="321279" cy="375984"/>
          </a:xfrm>
          <a:prstGeom prst="rect">
            <a:avLst/>
          </a:prstGeom>
        </p:spPr>
      </p:pic>
      <p:sp>
        <p:nvSpPr>
          <p:cNvPr id="4036" name="Rectangle: Top Corners Rounded 4035">
            <a:extLst>
              <a:ext uri="{FF2B5EF4-FFF2-40B4-BE49-F238E27FC236}">
                <a16:creationId xmlns:a16="http://schemas.microsoft.com/office/drawing/2014/main" id="{15C2EE90-BC59-C713-FB73-BB26AF804DF2}"/>
              </a:ext>
            </a:extLst>
          </p:cNvPr>
          <p:cNvSpPr/>
          <p:nvPr/>
        </p:nvSpPr>
        <p:spPr>
          <a:xfrm rot="5400000">
            <a:off x="1161597" y="-948669"/>
            <a:ext cx="988027" cy="3311217"/>
          </a:xfrm>
          <a:prstGeom prst="round2SameRect">
            <a:avLst>
              <a:gd name="adj1" fmla="val 33119"/>
              <a:gd name="adj2" fmla="val 0"/>
            </a:avLst>
          </a:prstGeom>
          <a:solidFill>
            <a:srgbClr val="000000">
              <a:alpha val="25098"/>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037" name="Rectangle: Top Corners Rounded 4036">
            <a:extLst>
              <a:ext uri="{FF2B5EF4-FFF2-40B4-BE49-F238E27FC236}">
                <a16:creationId xmlns:a16="http://schemas.microsoft.com/office/drawing/2014/main" id="{25FFF2F2-D542-C972-A387-EF7C9DFD90C2}"/>
              </a:ext>
            </a:extLst>
          </p:cNvPr>
          <p:cNvSpPr/>
          <p:nvPr/>
        </p:nvSpPr>
        <p:spPr>
          <a:xfrm rot="5400000">
            <a:off x="1190883" y="-995524"/>
            <a:ext cx="922406" cy="3318265"/>
          </a:xfrm>
          <a:prstGeom prst="round2SameRect">
            <a:avLst>
              <a:gd name="adj1" fmla="val 33119"/>
              <a:gd name="adj2" fmla="val 0"/>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4039" name="Picture 4038" descr="A picture containing text&#10;&#10;Description automatically generated">
            <a:extLst>
              <a:ext uri="{FF2B5EF4-FFF2-40B4-BE49-F238E27FC236}">
                <a16:creationId xmlns:a16="http://schemas.microsoft.com/office/drawing/2014/main" id="{A8753AE1-0433-0D00-ADDC-2D26BFAFE87A}"/>
              </a:ext>
            </a:extLst>
          </p:cNvPr>
          <p:cNvPicPr>
            <a:picLocks noChangeAspect="1"/>
          </p:cNvPicPr>
          <p:nvPr/>
        </p:nvPicPr>
        <p:blipFill>
          <a:blip r:embed="rId17" cstate="screen">
            <a:extLst>
              <a:ext uri="{28A0092B-C50C-407E-A947-70E740481C1C}">
                <a14:useLocalDpi xmlns:a14="http://schemas.microsoft.com/office/drawing/2010/main" val="0"/>
              </a:ext>
            </a:extLst>
          </a:blip>
          <a:stretch>
            <a:fillRect/>
          </a:stretch>
        </p:blipFill>
        <p:spPr>
          <a:xfrm>
            <a:off x="1943786" y="460558"/>
            <a:ext cx="1239304" cy="371790"/>
          </a:xfrm>
          <a:prstGeom prst="rect">
            <a:avLst/>
          </a:prstGeom>
        </p:spPr>
      </p:pic>
      <p:sp>
        <p:nvSpPr>
          <p:cNvPr id="4040" name="TextBox 4039">
            <a:extLst>
              <a:ext uri="{FF2B5EF4-FFF2-40B4-BE49-F238E27FC236}">
                <a16:creationId xmlns:a16="http://schemas.microsoft.com/office/drawing/2014/main" id="{F19C4BF0-5AD3-5CF6-E24E-3551FC23DBF7}"/>
              </a:ext>
            </a:extLst>
          </p:cNvPr>
          <p:cNvSpPr txBox="1"/>
          <p:nvPr/>
        </p:nvSpPr>
        <p:spPr>
          <a:xfrm>
            <a:off x="1690086" y="384843"/>
            <a:ext cx="227393" cy="523220"/>
          </a:xfrm>
          <a:prstGeom prst="rect">
            <a:avLst/>
          </a:prstGeom>
          <a:noFill/>
        </p:spPr>
        <p:txBody>
          <a:bodyPr wrap="square" rtlCol="0">
            <a:spAutoFit/>
          </a:bodyPr>
          <a:lstStyle/>
          <a:p>
            <a:pPr algn="ctr"/>
            <a:r>
              <a:rPr lang="en-IN" sz="2800">
                <a:latin typeface="Arial Rounded MT Bold" panose="020F0704030504030204" pitchFamily="34" charset="0"/>
              </a:rPr>
              <a:t>+</a:t>
            </a:r>
          </a:p>
        </p:txBody>
      </p:sp>
      <p:pic>
        <p:nvPicPr>
          <p:cNvPr id="4041" name="Graphic 4040">
            <a:extLst>
              <a:ext uri="{FF2B5EF4-FFF2-40B4-BE49-F238E27FC236}">
                <a16:creationId xmlns:a16="http://schemas.microsoft.com/office/drawing/2014/main" id="{8040F10D-8D65-1839-9DBF-F51D52DC5FBB}"/>
              </a:ext>
            </a:extLst>
          </p:cNvPr>
          <p:cNvPicPr>
            <a:picLocks noChangeAspect="1"/>
          </p:cNvPicPr>
          <p:nvPr/>
        </p:nvPicPr>
        <p:blipFill>
          <a:blip r:embed="rId18" cstate="hqprint">
            <a:extLst>
              <a:ext uri="{28A0092B-C50C-407E-A947-70E740481C1C}">
                <a14:useLocalDpi xmlns:a14="http://schemas.microsoft.com/office/drawing/2010/main" val="0"/>
              </a:ext>
              <a:ext uri="{96DAC541-7B7A-43D3-8B79-37D633B846F1}">
                <asvg:svgBlip xmlns:asvg="http://schemas.microsoft.com/office/drawing/2016/SVG/main" r:embed="rId19"/>
              </a:ext>
            </a:extLst>
          </a:blip>
          <a:stretch>
            <a:fillRect/>
          </a:stretch>
        </p:blipFill>
        <p:spPr>
          <a:xfrm>
            <a:off x="294364" y="451709"/>
            <a:ext cx="1200150" cy="361950"/>
          </a:xfrm>
          <a:prstGeom prst="rect">
            <a:avLst/>
          </a:prstGeom>
        </p:spPr>
      </p:pic>
      <p:cxnSp>
        <p:nvCxnSpPr>
          <p:cNvPr id="3" name="Straight Connector 2">
            <a:extLst>
              <a:ext uri="{FF2B5EF4-FFF2-40B4-BE49-F238E27FC236}">
                <a16:creationId xmlns:a16="http://schemas.microsoft.com/office/drawing/2014/main" id="{E85E1511-A50D-25CD-9AD8-B57804643944}"/>
              </a:ext>
            </a:extLst>
          </p:cNvPr>
          <p:cNvCxnSpPr>
            <a:cxnSpLocks/>
          </p:cNvCxnSpPr>
          <p:nvPr/>
        </p:nvCxnSpPr>
        <p:spPr>
          <a:xfrm rot="16200000">
            <a:off x="11591865" y="6661765"/>
            <a:ext cx="153787" cy="0"/>
          </a:xfrm>
          <a:prstGeom prst="line">
            <a:avLst/>
          </a:prstGeom>
          <a:ln>
            <a:solidFill>
              <a:schemeClr val="bg1"/>
            </a:solidFill>
          </a:ln>
        </p:spPr>
        <p:style>
          <a:lnRef idx="2">
            <a:schemeClr val="accent1"/>
          </a:lnRef>
          <a:fillRef idx="0">
            <a:schemeClr val="accent1"/>
          </a:fillRef>
          <a:effectRef idx="1">
            <a:schemeClr val="accent1"/>
          </a:effectRef>
          <a:fontRef idx="minor">
            <a:schemeClr val="tx1"/>
          </a:fontRef>
        </p:style>
      </p:cxnSp>
      <p:pic>
        <p:nvPicPr>
          <p:cNvPr id="4" name="Picture 3" descr="A black and blue logo&#10;&#10;Description automatically generated">
            <a:extLst>
              <a:ext uri="{FF2B5EF4-FFF2-40B4-BE49-F238E27FC236}">
                <a16:creationId xmlns:a16="http://schemas.microsoft.com/office/drawing/2014/main" id="{EA8DB6AE-D3CE-834B-5C5F-72F2BFD5E190}"/>
              </a:ext>
            </a:extLst>
          </p:cNvPr>
          <p:cNvPicPr>
            <a:picLocks noChangeAspect="1"/>
          </p:cNvPicPr>
          <p:nvPr/>
        </p:nvPicPr>
        <p:blipFill rotWithShape="1">
          <a:blip r:embed="rId20" cstate="hqprint">
            <a:biLevel thresh="25000"/>
            <a:extLst>
              <a:ext uri="{28A0092B-C50C-407E-A947-70E740481C1C}">
                <a14:useLocalDpi xmlns:a14="http://schemas.microsoft.com/office/drawing/2010/main" val="0"/>
              </a:ext>
            </a:extLst>
          </a:blip>
          <a:srcRect l="6855" t="1709"/>
          <a:stretch/>
        </p:blipFill>
        <p:spPr>
          <a:xfrm>
            <a:off x="10928689" y="6550920"/>
            <a:ext cx="656862" cy="207945"/>
          </a:xfrm>
          <a:prstGeom prst="rect">
            <a:avLst/>
          </a:prstGeom>
        </p:spPr>
      </p:pic>
      <p:sp>
        <p:nvSpPr>
          <p:cNvPr id="8" name="Slide Number Placeholder 5">
            <a:extLst>
              <a:ext uri="{FF2B5EF4-FFF2-40B4-BE49-F238E27FC236}">
                <a16:creationId xmlns:a16="http://schemas.microsoft.com/office/drawing/2014/main" id="{A2451119-FEA6-A0FB-B99F-A31731991AF1}"/>
              </a:ext>
            </a:extLst>
          </p:cNvPr>
          <p:cNvSpPr txBox="1">
            <a:spLocks/>
          </p:cNvSpPr>
          <p:nvPr/>
        </p:nvSpPr>
        <p:spPr>
          <a:xfrm>
            <a:off x="11704318" y="6469966"/>
            <a:ext cx="462279" cy="365125"/>
          </a:xfrm>
          <a:prstGeom prst="rect">
            <a:avLst/>
          </a:prstGeom>
        </p:spPr>
        <p:txBody>
          <a:bodyPr vert="horz" lIns="91440" tIns="45720" rIns="91440" bIns="45720" rtlCol="0" anchor="ctr"/>
          <a:lstStyle>
            <a:defPPr>
              <a:defRPr lang="en-US"/>
            </a:defPPr>
            <a:lvl1pPr marL="0" algn="l" defTabSz="914400" rtl="0" eaLnBrk="1" latinLnBrk="0" hangingPunct="1">
              <a:defRPr sz="1050" kern="1200">
                <a:solidFill>
                  <a:schemeClr val="tx1">
                    <a:tint val="82000"/>
                  </a:schemeClr>
                </a:solidFill>
                <a:latin typeface="Roboto" panose="02000000000000000000" pitchFamily="2" charset="0"/>
                <a:ea typeface="Roboto" panose="02000000000000000000" pitchFamily="2" charset="0"/>
                <a:cs typeface="Roboto" panose="02000000000000000000" pitchFamily="2"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C150780B-7B8E-48D2-81A7-58E396A0D346}" type="slidenum">
              <a:rPr lang="en-IN" sz="1000" smtClean="0">
                <a:solidFill>
                  <a:schemeClr val="bg1"/>
                </a:solidFill>
              </a:rPr>
              <a:pPr/>
              <a:t>21</a:t>
            </a:fld>
            <a:endParaRPr lang="en-IN" sz="1000">
              <a:solidFill>
                <a:schemeClr val="bg1"/>
              </a:solidFill>
            </a:endParaRPr>
          </a:p>
        </p:txBody>
      </p:sp>
      <p:grpSp>
        <p:nvGrpSpPr>
          <p:cNvPr id="10" name="Group 9">
            <a:extLst>
              <a:ext uri="{FF2B5EF4-FFF2-40B4-BE49-F238E27FC236}">
                <a16:creationId xmlns:a16="http://schemas.microsoft.com/office/drawing/2014/main" id="{5677D6BC-07F5-C06F-2B72-B91BB5A9FCC0}"/>
              </a:ext>
            </a:extLst>
          </p:cNvPr>
          <p:cNvGrpSpPr/>
          <p:nvPr/>
        </p:nvGrpSpPr>
        <p:grpSpPr>
          <a:xfrm>
            <a:off x="10981564" y="233285"/>
            <a:ext cx="896870" cy="167744"/>
            <a:chOff x="5498460" y="7094800"/>
            <a:chExt cx="1273175" cy="238125"/>
          </a:xfrm>
        </p:grpSpPr>
        <p:sp>
          <p:nvSpPr>
            <p:cNvPr id="16" name="AutoShape 3">
              <a:extLst>
                <a:ext uri="{FF2B5EF4-FFF2-40B4-BE49-F238E27FC236}">
                  <a16:creationId xmlns:a16="http://schemas.microsoft.com/office/drawing/2014/main" id="{61E966C9-89FB-6747-21B5-A5FA5A8EA625}"/>
                </a:ext>
              </a:extLst>
            </p:cNvPr>
            <p:cNvSpPr>
              <a:spLocks noChangeAspect="1" noChangeArrowheads="1" noTextEdit="1"/>
            </p:cNvSpPr>
            <p:nvPr/>
          </p:nvSpPr>
          <p:spPr bwMode="auto">
            <a:xfrm>
              <a:off x="5498461" y="7094800"/>
              <a:ext cx="1273174" cy="23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7" name="Freeform 5">
              <a:extLst>
                <a:ext uri="{FF2B5EF4-FFF2-40B4-BE49-F238E27FC236}">
                  <a16:creationId xmlns:a16="http://schemas.microsoft.com/office/drawing/2014/main" id="{1DFF022D-D28C-190A-85BF-5A4D3683D4AC}"/>
                </a:ext>
              </a:extLst>
            </p:cNvPr>
            <p:cNvSpPr>
              <a:spLocks noEditPoints="1"/>
            </p:cNvSpPr>
            <p:nvPr/>
          </p:nvSpPr>
          <p:spPr bwMode="auto">
            <a:xfrm>
              <a:off x="5498461"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9" name="Freeform 6">
              <a:extLst>
                <a:ext uri="{FF2B5EF4-FFF2-40B4-BE49-F238E27FC236}">
                  <a16:creationId xmlns:a16="http://schemas.microsoft.com/office/drawing/2014/main" id="{1F3299C1-33C1-C7AA-DB07-02C03E62A4DB}"/>
                </a:ext>
              </a:extLst>
            </p:cNvPr>
            <p:cNvSpPr>
              <a:spLocks noEditPoints="1"/>
            </p:cNvSpPr>
            <p:nvPr/>
          </p:nvSpPr>
          <p:spPr bwMode="auto">
            <a:xfrm>
              <a:off x="5752461" y="7097976"/>
              <a:ext cx="163512" cy="234949"/>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0" name="Freeform 7">
              <a:extLst>
                <a:ext uri="{FF2B5EF4-FFF2-40B4-BE49-F238E27FC236}">
                  <a16:creationId xmlns:a16="http://schemas.microsoft.com/office/drawing/2014/main" id="{87436F34-B13B-F0EB-E364-E33ED0581619}"/>
                </a:ext>
              </a:extLst>
            </p:cNvPr>
            <p:cNvSpPr>
              <a:spLocks/>
            </p:cNvSpPr>
            <p:nvPr/>
          </p:nvSpPr>
          <p:spPr bwMode="auto">
            <a:xfrm>
              <a:off x="5933437" y="7097976"/>
              <a:ext cx="201612" cy="234949"/>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5" name="Freeform 8">
              <a:extLst>
                <a:ext uri="{FF2B5EF4-FFF2-40B4-BE49-F238E27FC236}">
                  <a16:creationId xmlns:a16="http://schemas.microsoft.com/office/drawing/2014/main" id="{563276C4-992D-0104-011E-FFC368FC2E6D}"/>
                </a:ext>
              </a:extLst>
            </p:cNvPr>
            <p:cNvSpPr>
              <a:spLocks noEditPoints="1"/>
            </p:cNvSpPr>
            <p:nvPr/>
          </p:nvSpPr>
          <p:spPr bwMode="auto">
            <a:xfrm>
              <a:off x="6358885" y="7097976"/>
              <a:ext cx="174625" cy="234949"/>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6" name="Freeform 9">
              <a:extLst>
                <a:ext uri="{FF2B5EF4-FFF2-40B4-BE49-F238E27FC236}">
                  <a16:creationId xmlns:a16="http://schemas.microsoft.com/office/drawing/2014/main" id="{B741C38C-5360-3269-AF4D-89F6CF7B3D29}"/>
                </a:ext>
              </a:extLst>
            </p:cNvPr>
            <p:cNvSpPr>
              <a:spLocks noEditPoints="1"/>
            </p:cNvSpPr>
            <p:nvPr/>
          </p:nvSpPr>
          <p:spPr bwMode="auto">
            <a:xfrm>
              <a:off x="6552559" y="7094800"/>
              <a:ext cx="219075"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7" name="Freeform 10">
              <a:extLst>
                <a:ext uri="{FF2B5EF4-FFF2-40B4-BE49-F238E27FC236}">
                  <a16:creationId xmlns:a16="http://schemas.microsoft.com/office/drawing/2014/main" id="{B514D5FA-BA4C-529A-E078-7F6DD940AB27}"/>
                </a:ext>
              </a:extLst>
            </p:cNvPr>
            <p:cNvSpPr>
              <a:spLocks/>
            </p:cNvSpPr>
            <p:nvPr/>
          </p:nvSpPr>
          <p:spPr bwMode="auto">
            <a:xfrm>
              <a:off x="6104884"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8" name="Freeform 11">
              <a:extLst>
                <a:ext uri="{FF2B5EF4-FFF2-40B4-BE49-F238E27FC236}">
                  <a16:creationId xmlns:a16="http://schemas.microsoft.com/office/drawing/2014/main" id="{5C61FE56-D4F2-DFD8-A133-F6C5F2BF9207}"/>
                </a:ext>
              </a:extLst>
            </p:cNvPr>
            <p:cNvSpPr>
              <a:spLocks noEditPoints="1"/>
            </p:cNvSpPr>
            <p:nvPr/>
          </p:nvSpPr>
          <p:spPr bwMode="auto">
            <a:xfrm>
              <a:off x="5498460" y="7094800"/>
              <a:ext cx="219075" cy="238125"/>
            </a:xfrm>
            <a:custGeom>
              <a:avLst/>
              <a:gdLst>
                <a:gd name="T0" fmla="*/ 357 w 415"/>
                <a:gd name="T1" fmla="*/ 450 h 450"/>
                <a:gd name="T2" fmla="*/ 311 w 415"/>
                <a:gd name="T3" fmla="*/ 350 h 450"/>
                <a:gd name="T4" fmla="*/ 105 w 415"/>
                <a:gd name="T5" fmla="*/ 350 h 450"/>
                <a:gd name="T6" fmla="*/ 59 w 415"/>
                <a:gd name="T7" fmla="*/ 450 h 450"/>
                <a:gd name="T8" fmla="*/ 0 w 415"/>
                <a:gd name="T9" fmla="*/ 450 h 450"/>
                <a:gd name="T10" fmla="*/ 208 w 415"/>
                <a:gd name="T11" fmla="*/ 0 h 450"/>
                <a:gd name="T12" fmla="*/ 415 w 415"/>
                <a:gd name="T13" fmla="*/ 450 h 450"/>
                <a:gd name="T14" fmla="*/ 357 w 415"/>
                <a:gd name="T15" fmla="*/ 450 h 450"/>
                <a:gd name="T16" fmla="*/ 288 w 415"/>
                <a:gd name="T17" fmla="*/ 302 h 450"/>
                <a:gd name="T18" fmla="*/ 208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7" y="450"/>
                  </a:moveTo>
                  <a:lnTo>
                    <a:pt x="311" y="350"/>
                  </a:lnTo>
                  <a:lnTo>
                    <a:pt x="105" y="350"/>
                  </a:lnTo>
                  <a:lnTo>
                    <a:pt x="59" y="450"/>
                  </a:lnTo>
                  <a:lnTo>
                    <a:pt x="0" y="450"/>
                  </a:lnTo>
                  <a:lnTo>
                    <a:pt x="208" y="0"/>
                  </a:lnTo>
                  <a:lnTo>
                    <a:pt x="415" y="450"/>
                  </a:lnTo>
                  <a:lnTo>
                    <a:pt x="357" y="450"/>
                  </a:lnTo>
                  <a:close/>
                  <a:moveTo>
                    <a:pt x="288" y="302"/>
                  </a:moveTo>
                  <a:lnTo>
                    <a:pt x="208"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29" name="Freeform 12">
              <a:extLst>
                <a:ext uri="{FF2B5EF4-FFF2-40B4-BE49-F238E27FC236}">
                  <a16:creationId xmlns:a16="http://schemas.microsoft.com/office/drawing/2014/main" id="{01563FA3-5B92-D1B5-2A56-6F1F7A1BDDE4}"/>
                </a:ext>
              </a:extLst>
            </p:cNvPr>
            <p:cNvSpPr>
              <a:spLocks noEditPoints="1"/>
            </p:cNvSpPr>
            <p:nvPr/>
          </p:nvSpPr>
          <p:spPr bwMode="auto">
            <a:xfrm>
              <a:off x="5752459" y="7097976"/>
              <a:ext cx="163512" cy="234949"/>
            </a:xfrm>
            <a:custGeom>
              <a:avLst/>
              <a:gdLst>
                <a:gd name="T0" fmla="*/ 173 w 308"/>
                <a:gd name="T1" fmla="*/ 0 h 443"/>
                <a:gd name="T2" fmla="*/ 200 w 308"/>
                <a:gd name="T3" fmla="*/ 3 h 443"/>
                <a:gd name="T4" fmla="*/ 226 w 308"/>
                <a:gd name="T5" fmla="*/ 9 h 443"/>
                <a:gd name="T6" fmla="*/ 249 w 308"/>
                <a:gd name="T7" fmla="*/ 20 h 443"/>
                <a:gd name="T8" fmla="*/ 269 w 308"/>
                <a:gd name="T9" fmla="*/ 34 h 443"/>
                <a:gd name="T10" fmla="*/ 286 w 308"/>
                <a:gd name="T11" fmla="*/ 53 h 443"/>
                <a:gd name="T12" fmla="*/ 298 w 308"/>
                <a:gd name="T13" fmla="*/ 77 h 443"/>
                <a:gd name="T14" fmla="*/ 306 w 308"/>
                <a:gd name="T15" fmla="*/ 103 h 443"/>
                <a:gd name="T16" fmla="*/ 308 w 308"/>
                <a:gd name="T17" fmla="*/ 135 h 443"/>
                <a:gd name="T18" fmla="*/ 307 w 308"/>
                <a:gd name="T19" fmla="*/ 151 h 443"/>
                <a:gd name="T20" fmla="*/ 302 w 308"/>
                <a:gd name="T21" fmla="*/ 180 h 443"/>
                <a:gd name="T22" fmla="*/ 292 w 308"/>
                <a:gd name="T23" fmla="*/ 205 h 443"/>
                <a:gd name="T24" fmla="*/ 278 w 308"/>
                <a:gd name="T25" fmla="*/ 225 h 443"/>
                <a:gd name="T26" fmla="*/ 260 w 308"/>
                <a:gd name="T27" fmla="*/ 242 h 443"/>
                <a:gd name="T28" fmla="*/ 238 w 308"/>
                <a:gd name="T29" fmla="*/ 255 h 443"/>
                <a:gd name="T30" fmla="*/ 214 w 308"/>
                <a:gd name="T31" fmla="*/ 264 h 443"/>
                <a:gd name="T32" fmla="*/ 186 w 308"/>
                <a:gd name="T33" fmla="*/ 268 h 443"/>
                <a:gd name="T34" fmla="*/ 54 w 308"/>
                <a:gd name="T35" fmla="*/ 269 h 443"/>
                <a:gd name="T36" fmla="*/ 0 w 308"/>
                <a:gd name="T37" fmla="*/ 443 h 443"/>
                <a:gd name="T38" fmla="*/ 173 w 308"/>
                <a:gd name="T39" fmla="*/ 0 h 443"/>
                <a:gd name="T40" fmla="*/ 166 w 308"/>
                <a:gd name="T41" fmla="*/ 220 h 443"/>
                <a:gd name="T42" fmla="*/ 175 w 308"/>
                <a:gd name="T43" fmla="*/ 220 h 443"/>
                <a:gd name="T44" fmla="*/ 192 w 308"/>
                <a:gd name="T45" fmla="*/ 218 h 443"/>
                <a:gd name="T46" fmla="*/ 208 w 308"/>
                <a:gd name="T47" fmla="*/ 213 h 443"/>
                <a:gd name="T48" fmla="*/ 221 w 308"/>
                <a:gd name="T49" fmla="*/ 204 h 443"/>
                <a:gd name="T50" fmla="*/ 233 w 308"/>
                <a:gd name="T51" fmla="*/ 194 h 443"/>
                <a:gd name="T52" fmla="*/ 243 w 308"/>
                <a:gd name="T53" fmla="*/ 181 h 443"/>
                <a:gd name="T54" fmla="*/ 249 w 308"/>
                <a:gd name="T55" fmla="*/ 164 h 443"/>
                <a:gd name="T56" fmla="*/ 252 w 308"/>
                <a:gd name="T57" fmla="*/ 146 h 443"/>
                <a:gd name="T58" fmla="*/ 253 w 308"/>
                <a:gd name="T59" fmla="*/ 135 h 443"/>
                <a:gd name="T60" fmla="*/ 251 w 308"/>
                <a:gd name="T61" fmla="*/ 114 h 443"/>
                <a:gd name="T62" fmla="*/ 246 w 308"/>
                <a:gd name="T63" fmla="*/ 96 h 443"/>
                <a:gd name="T64" fmla="*/ 238 w 308"/>
                <a:gd name="T65" fmla="*/ 81 h 443"/>
                <a:gd name="T66" fmla="*/ 227 w 308"/>
                <a:gd name="T67" fmla="*/ 69 h 443"/>
                <a:gd name="T68" fmla="*/ 214 w 308"/>
                <a:gd name="T69" fmla="*/ 60 h 443"/>
                <a:gd name="T70" fmla="*/ 199 w 308"/>
                <a:gd name="T71" fmla="*/ 53 h 443"/>
                <a:gd name="T72" fmla="*/ 183 w 308"/>
                <a:gd name="T73" fmla="*/ 49 h 443"/>
                <a:gd name="T74" fmla="*/ 166 w 308"/>
                <a:gd name="T75" fmla="*/ 48 h 443"/>
                <a:gd name="T76" fmla="*/ 53 w 308"/>
                <a:gd name="T77" fmla="*/ 220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308" h="443">
                  <a:moveTo>
                    <a:pt x="173" y="0"/>
                  </a:moveTo>
                  <a:lnTo>
                    <a:pt x="173" y="0"/>
                  </a:lnTo>
                  <a:lnTo>
                    <a:pt x="186" y="1"/>
                  </a:lnTo>
                  <a:lnTo>
                    <a:pt x="200" y="3"/>
                  </a:lnTo>
                  <a:lnTo>
                    <a:pt x="214" y="6"/>
                  </a:lnTo>
                  <a:lnTo>
                    <a:pt x="226" y="9"/>
                  </a:lnTo>
                  <a:lnTo>
                    <a:pt x="238" y="14"/>
                  </a:lnTo>
                  <a:lnTo>
                    <a:pt x="249" y="20"/>
                  </a:lnTo>
                  <a:lnTo>
                    <a:pt x="260" y="27"/>
                  </a:lnTo>
                  <a:lnTo>
                    <a:pt x="269" y="34"/>
                  </a:lnTo>
                  <a:lnTo>
                    <a:pt x="278" y="43"/>
                  </a:lnTo>
                  <a:lnTo>
                    <a:pt x="286" y="53"/>
                  </a:lnTo>
                  <a:lnTo>
                    <a:pt x="292" y="64"/>
                  </a:lnTo>
                  <a:lnTo>
                    <a:pt x="298" y="77"/>
                  </a:lnTo>
                  <a:lnTo>
                    <a:pt x="302" y="90"/>
                  </a:lnTo>
                  <a:lnTo>
                    <a:pt x="306" y="103"/>
                  </a:lnTo>
                  <a:lnTo>
                    <a:pt x="307" y="118"/>
                  </a:lnTo>
                  <a:lnTo>
                    <a:pt x="308" y="135"/>
                  </a:lnTo>
                  <a:lnTo>
                    <a:pt x="308" y="135"/>
                  </a:lnTo>
                  <a:lnTo>
                    <a:pt x="307" y="151"/>
                  </a:lnTo>
                  <a:lnTo>
                    <a:pt x="306" y="166"/>
                  </a:lnTo>
                  <a:lnTo>
                    <a:pt x="302" y="180"/>
                  </a:lnTo>
                  <a:lnTo>
                    <a:pt x="298" y="193"/>
                  </a:lnTo>
                  <a:lnTo>
                    <a:pt x="292" y="205"/>
                  </a:lnTo>
                  <a:lnTo>
                    <a:pt x="286" y="216"/>
                  </a:lnTo>
                  <a:lnTo>
                    <a:pt x="278" y="225"/>
                  </a:lnTo>
                  <a:lnTo>
                    <a:pt x="269" y="235"/>
                  </a:lnTo>
                  <a:lnTo>
                    <a:pt x="260" y="242"/>
                  </a:lnTo>
                  <a:lnTo>
                    <a:pt x="249" y="250"/>
                  </a:lnTo>
                  <a:lnTo>
                    <a:pt x="238" y="255"/>
                  </a:lnTo>
                  <a:lnTo>
                    <a:pt x="226" y="260"/>
                  </a:lnTo>
                  <a:lnTo>
                    <a:pt x="214" y="264"/>
                  </a:lnTo>
                  <a:lnTo>
                    <a:pt x="200" y="267"/>
                  </a:lnTo>
                  <a:lnTo>
                    <a:pt x="186" y="268"/>
                  </a:lnTo>
                  <a:lnTo>
                    <a:pt x="173" y="269"/>
                  </a:lnTo>
                  <a:lnTo>
                    <a:pt x="54" y="269"/>
                  </a:lnTo>
                  <a:lnTo>
                    <a:pt x="54" y="443"/>
                  </a:lnTo>
                  <a:lnTo>
                    <a:pt x="0" y="443"/>
                  </a:lnTo>
                  <a:lnTo>
                    <a:pt x="0" y="0"/>
                  </a:lnTo>
                  <a:lnTo>
                    <a:pt x="173" y="0"/>
                  </a:lnTo>
                  <a:close/>
                  <a:moveTo>
                    <a:pt x="53" y="220"/>
                  </a:moveTo>
                  <a:lnTo>
                    <a:pt x="166" y="220"/>
                  </a:lnTo>
                  <a:lnTo>
                    <a:pt x="166" y="220"/>
                  </a:lnTo>
                  <a:lnTo>
                    <a:pt x="175" y="220"/>
                  </a:lnTo>
                  <a:lnTo>
                    <a:pt x="183" y="219"/>
                  </a:lnTo>
                  <a:lnTo>
                    <a:pt x="192" y="218"/>
                  </a:lnTo>
                  <a:lnTo>
                    <a:pt x="199" y="215"/>
                  </a:lnTo>
                  <a:lnTo>
                    <a:pt x="208" y="213"/>
                  </a:lnTo>
                  <a:lnTo>
                    <a:pt x="214" y="208"/>
                  </a:lnTo>
                  <a:lnTo>
                    <a:pt x="221" y="204"/>
                  </a:lnTo>
                  <a:lnTo>
                    <a:pt x="227" y="199"/>
                  </a:lnTo>
                  <a:lnTo>
                    <a:pt x="233" y="194"/>
                  </a:lnTo>
                  <a:lnTo>
                    <a:pt x="238" y="187"/>
                  </a:lnTo>
                  <a:lnTo>
                    <a:pt x="243" y="181"/>
                  </a:lnTo>
                  <a:lnTo>
                    <a:pt x="246" y="172"/>
                  </a:lnTo>
                  <a:lnTo>
                    <a:pt x="249" y="164"/>
                  </a:lnTo>
                  <a:lnTo>
                    <a:pt x="251" y="155"/>
                  </a:lnTo>
                  <a:lnTo>
                    <a:pt x="252" y="146"/>
                  </a:lnTo>
                  <a:lnTo>
                    <a:pt x="253" y="135"/>
                  </a:lnTo>
                  <a:lnTo>
                    <a:pt x="253" y="135"/>
                  </a:lnTo>
                  <a:lnTo>
                    <a:pt x="252" y="124"/>
                  </a:lnTo>
                  <a:lnTo>
                    <a:pt x="251" y="114"/>
                  </a:lnTo>
                  <a:lnTo>
                    <a:pt x="249" y="104"/>
                  </a:lnTo>
                  <a:lnTo>
                    <a:pt x="246" y="96"/>
                  </a:lnTo>
                  <a:lnTo>
                    <a:pt x="243" y="89"/>
                  </a:lnTo>
                  <a:lnTo>
                    <a:pt x="238" y="81"/>
                  </a:lnTo>
                  <a:lnTo>
                    <a:pt x="233" y="75"/>
                  </a:lnTo>
                  <a:lnTo>
                    <a:pt x="227" y="69"/>
                  </a:lnTo>
                  <a:lnTo>
                    <a:pt x="221" y="64"/>
                  </a:lnTo>
                  <a:lnTo>
                    <a:pt x="214" y="60"/>
                  </a:lnTo>
                  <a:lnTo>
                    <a:pt x="208" y="57"/>
                  </a:lnTo>
                  <a:lnTo>
                    <a:pt x="199" y="53"/>
                  </a:lnTo>
                  <a:lnTo>
                    <a:pt x="192" y="51"/>
                  </a:lnTo>
                  <a:lnTo>
                    <a:pt x="183" y="49"/>
                  </a:lnTo>
                  <a:lnTo>
                    <a:pt x="175" y="49"/>
                  </a:lnTo>
                  <a:lnTo>
                    <a:pt x="166" y="48"/>
                  </a:lnTo>
                  <a:lnTo>
                    <a:pt x="53" y="48"/>
                  </a:lnTo>
                  <a:lnTo>
                    <a:pt x="53" y="220"/>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30" name="Freeform 13">
              <a:extLst>
                <a:ext uri="{FF2B5EF4-FFF2-40B4-BE49-F238E27FC236}">
                  <a16:creationId xmlns:a16="http://schemas.microsoft.com/office/drawing/2014/main" id="{6002C07B-2FD0-8C03-F63B-32D0AFE40E99}"/>
                </a:ext>
              </a:extLst>
            </p:cNvPr>
            <p:cNvSpPr>
              <a:spLocks/>
            </p:cNvSpPr>
            <p:nvPr/>
          </p:nvSpPr>
          <p:spPr bwMode="auto">
            <a:xfrm>
              <a:off x="5933435" y="7097976"/>
              <a:ext cx="201612" cy="234949"/>
            </a:xfrm>
            <a:custGeom>
              <a:avLst/>
              <a:gdLst>
                <a:gd name="T0" fmla="*/ 218 w 383"/>
                <a:gd name="T1" fmla="*/ 48 h 443"/>
                <a:gd name="T2" fmla="*/ 218 w 383"/>
                <a:gd name="T3" fmla="*/ 443 h 443"/>
                <a:gd name="T4" fmla="*/ 164 w 383"/>
                <a:gd name="T5" fmla="*/ 443 h 443"/>
                <a:gd name="T6" fmla="*/ 164 w 383"/>
                <a:gd name="T7" fmla="*/ 48 h 443"/>
                <a:gd name="T8" fmla="*/ 0 w 383"/>
                <a:gd name="T9" fmla="*/ 48 h 443"/>
                <a:gd name="T10" fmla="*/ 0 w 383"/>
                <a:gd name="T11" fmla="*/ 0 h 443"/>
                <a:gd name="T12" fmla="*/ 383 w 383"/>
                <a:gd name="T13" fmla="*/ 0 h 443"/>
                <a:gd name="T14" fmla="*/ 383 w 383"/>
                <a:gd name="T15" fmla="*/ 48 h 443"/>
                <a:gd name="T16" fmla="*/ 218 w 383"/>
                <a:gd name="T17" fmla="*/ 4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383" h="443">
                  <a:moveTo>
                    <a:pt x="218" y="48"/>
                  </a:moveTo>
                  <a:lnTo>
                    <a:pt x="218" y="443"/>
                  </a:lnTo>
                  <a:lnTo>
                    <a:pt x="164" y="443"/>
                  </a:lnTo>
                  <a:lnTo>
                    <a:pt x="164" y="48"/>
                  </a:lnTo>
                  <a:lnTo>
                    <a:pt x="0" y="48"/>
                  </a:lnTo>
                  <a:lnTo>
                    <a:pt x="0" y="0"/>
                  </a:lnTo>
                  <a:lnTo>
                    <a:pt x="383" y="0"/>
                  </a:lnTo>
                  <a:lnTo>
                    <a:pt x="383" y="48"/>
                  </a:lnTo>
                  <a:lnTo>
                    <a:pt x="218" y="4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033" name="Freeform 14">
              <a:extLst>
                <a:ext uri="{FF2B5EF4-FFF2-40B4-BE49-F238E27FC236}">
                  <a16:creationId xmlns:a16="http://schemas.microsoft.com/office/drawing/2014/main" id="{657AE777-C533-8859-72A8-B34CEE5AE701}"/>
                </a:ext>
              </a:extLst>
            </p:cNvPr>
            <p:cNvSpPr>
              <a:spLocks noEditPoints="1"/>
            </p:cNvSpPr>
            <p:nvPr/>
          </p:nvSpPr>
          <p:spPr bwMode="auto">
            <a:xfrm>
              <a:off x="6358883" y="7097976"/>
              <a:ext cx="174625" cy="234949"/>
            </a:xfrm>
            <a:custGeom>
              <a:avLst/>
              <a:gdLst>
                <a:gd name="T0" fmla="*/ 55 w 330"/>
                <a:gd name="T1" fmla="*/ 266 h 443"/>
                <a:gd name="T2" fmla="*/ 0 w 330"/>
                <a:gd name="T3" fmla="*/ 443 h 443"/>
                <a:gd name="T4" fmla="*/ 171 w 330"/>
                <a:gd name="T5" fmla="*/ 0 h 443"/>
                <a:gd name="T6" fmla="*/ 186 w 330"/>
                <a:gd name="T7" fmla="*/ 1 h 443"/>
                <a:gd name="T8" fmla="*/ 212 w 330"/>
                <a:gd name="T9" fmla="*/ 5 h 443"/>
                <a:gd name="T10" fmla="*/ 237 w 330"/>
                <a:gd name="T11" fmla="*/ 13 h 443"/>
                <a:gd name="T12" fmla="*/ 258 w 330"/>
                <a:gd name="T13" fmla="*/ 26 h 443"/>
                <a:gd name="T14" fmla="*/ 277 w 330"/>
                <a:gd name="T15" fmla="*/ 43 h 443"/>
                <a:gd name="T16" fmla="*/ 291 w 330"/>
                <a:gd name="T17" fmla="*/ 63 h 443"/>
                <a:gd name="T18" fmla="*/ 301 w 330"/>
                <a:gd name="T19" fmla="*/ 89 h 443"/>
                <a:gd name="T20" fmla="*/ 306 w 330"/>
                <a:gd name="T21" fmla="*/ 117 h 443"/>
                <a:gd name="T22" fmla="*/ 307 w 330"/>
                <a:gd name="T23" fmla="*/ 133 h 443"/>
                <a:gd name="T24" fmla="*/ 305 w 330"/>
                <a:gd name="T25" fmla="*/ 156 h 443"/>
                <a:gd name="T26" fmla="*/ 301 w 330"/>
                <a:gd name="T27" fmla="*/ 178 h 443"/>
                <a:gd name="T28" fmla="*/ 295 w 330"/>
                <a:gd name="T29" fmla="*/ 196 h 443"/>
                <a:gd name="T30" fmla="*/ 285 w 330"/>
                <a:gd name="T31" fmla="*/ 213 h 443"/>
                <a:gd name="T32" fmla="*/ 274 w 330"/>
                <a:gd name="T33" fmla="*/ 228 h 443"/>
                <a:gd name="T34" fmla="*/ 260 w 330"/>
                <a:gd name="T35" fmla="*/ 239 h 443"/>
                <a:gd name="T36" fmla="*/ 244 w 330"/>
                <a:gd name="T37" fmla="*/ 249 h 443"/>
                <a:gd name="T38" fmla="*/ 226 w 330"/>
                <a:gd name="T39" fmla="*/ 256 h 443"/>
                <a:gd name="T40" fmla="*/ 269 w 330"/>
                <a:gd name="T41" fmla="*/ 443 h 443"/>
                <a:gd name="T42" fmla="*/ 164 w 330"/>
                <a:gd name="T43" fmla="*/ 218 h 443"/>
                <a:gd name="T44" fmla="*/ 174 w 330"/>
                <a:gd name="T45" fmla="*/ 217 h 443"/>
                <a:gd name="T46" fmla="*/ 190 w 330"/>
                <a:gd name="T47" fmla="*/ 215 h 443"/>
                <a:gd name="T48" fmla="*/ 206 w 330"/>
                <a:gd name="T49" fmla="*/ 210 h 443"/>
                <a:gd name="T50" fmla="*/ 220 w 330"/>
                <a:gd name="T51" fmla="*/ 202 h 443"/>
                <a:gd name="T52" fmla="*/ 231 w 330"/>
                <a:gd name="T53" fmla="*/ 191 h 443"/>
                <a:gd name="T54" fmla="*/ 241 w 330"/>
                <a:gd name="T55" fmla="*/ 179 h 443"/>
                <a:gd name="T56" fmla="*/ 248 w 330"/>
                <a:gd name="T57" fmla="*/ 163 h 443"/>
                <a:gd name="T58" fmla="*/ 251 w 330"/>
                <a:gd name="T59" fmla="*/ 144 h 443"/>
                <a:gd name="T60" fmla="*/ 251 w 330"/>
                <a:gd name="T61" fmla="*/ 133 h 443"/>
                <a:gd name="T62" fmla="*/ 250 w 330"/>
                <a:gd name="T63" fmla="*/ 113 h 443"/>
                <a:gd name="T64" fmla="*/ 245 w 330"/>
                <a:gd name="T65" fmla="*/ 95 h 443"/>
                <a:gd name="T66" fmla="*/ 237 w 330"/>
                <a:gd name="T67" fmla="*/ 81 h 443"/>
                <a:gd name="T68" fmla="*/ 226 w 330"/>
                <a:gd name="T69" fmla="*/ 69 h 443"/>
                <a:gd name="T70" fmla="*/ 213 w 330"/>
                <a:gd name="T71" fmla="*/ 60 h 443"/>
                <a:gd name="T72" fmla="*/ 198 w 330"/>
                <a:gd name="T73" fmla="*/ 53 h 443"/>
                <a:gd name="T74" fmla="*/ 182 w 330"/>
                <a:gd name="T75" fmla="*/ 49 h 443"/>
                <a:gd name="T76" fmla="*/ 164 w 330"/>
                <a:gd name="T77" fmla="*/ 48 h 443"/>
                <a:gd name="T78" fmla="*/ 54 w 330"/>
                <a:gd name="T79" fmla="*/ 218 h 4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330" h="443">
                  <a:moveTo>
                    <a:pt x="170" y="266"/>
                  </a:moveTo>
                  <a:lnTo>
                    <a:pt x="55" y="266"/>
                  </a:lnTo>
                  <a:lnTo>
                    <a:pt x="55" y="443"/>
                  </a:lnTo>
                  <a:lnTo>
                    <a:pt x="0" y="443"/>
                  </a:lnTo>
                  <a:lnTo>
                    <a:pt x="0" y="0"/>
                  </a:lnTo>
                  <a:lnTo>
                    <a:pt x="171" y="0"/>
                  </a:lnTo>
                  <a:lnTo>
                    <a:pt x="171" y="0"/>
                  </a:lnTo>
                  <a:lnTo>
                    <a:pt x="186" y="1"/>
                  </a:lnTo>
                  <a:lnTo>
                    <a:pt x="199" y="3"/>
                  </a:lnTo>
                  <a:lnTo>
                    <a:pt x="212" y="5"/>
                  </a:lnTo>
                  <a:lnTo>
                    <a:pt x="225" y="9"/>
                  </a:lnTo>
                  <a:lnTo>
                    <a:pt x="237" y="13"/>
                  </a:lnTo>
                  <a:lnTo>
                    <a:pt x="248" y="20"/>
                  </a:lnTo>
                  <a:lnTo>
                    <a:pt x="258" y="26"/>
                  </a:lnTo>
                  <a:lnTo>
                    <a:pt x="268" y="33"/>
                  </a:lnTo>
                  <a:lnTo>
                    <a:pt x="277" y="43"/>
                  </a:lnTo>
                  <a:lnTo>
                    <a:pt x="284" y="52"/>
                  </a:lnTo>
                  <a:lnTo>
                    <a:pt x="291" y="63"/>
                  </a:lnTo>
                  <a:lnTo>
                    <a:pt x="297" y="75"/>
                  </a:lnTo>
                  <a:lnTo>
                    <a:pt x="301" y="89"/>
                  </a:lnTo>
                  <a:lnTo>
                    <a:pt x="304" y="102"/>
                  </a:lnTo>
                  <a:lnTo>
                    <a:pt x="306" y="117"/>
                  </a:lnTo>
                  <a:lnTo>
                    <a:pt x="307" y="133"/>
                  </a:lnTo>
                  <a:lnTo>
                    <a:pt x="307" y="133"/>
                  </a:lnTo>
                  <a:lnTo>
                    <a:pt x="306" y="145"/>
                  </a:lnTo>
                  <a:lnTo>
                    <a:pt x="305" y="156"/>
                  </a:lnTo>
                  <a:lnTo>
                    <a:pt x="304" y="167"/>
                  </a:lnTo>
                  <a:lnTo>
                    <a:pt x="301" y="178"/>
                  </a:lnTo>
                  <a:lnTo>
                    <a:pt x="298" y="187"/>
                  </a:lnTo>
                  <a:lnTo>
                    <a:pt x="295" y="196"/>
                  </a:lnTo>
                  <a:lnTo>
                    <a:pt x="289" y="205"/>
                  </a:lnTo>
                  <a:lnTo>
                    <a:pt x="285" y="213"/>
                  </a:lnTo>
                  <a:lnTo>
                    <a:pt x="279" y="220"/>
                  </a:lnTo>
                  <a:lnTo>
                    <a:pt x="274" y="228"/>
                  </a:lnTo>
                  <a:lnTo>
                    <a:pt x="266" y="234"/>
                  </a:lnTo>
                  <a:lnTo>
                    <a:pt x="260" y="239"/>
                  </a:lnTo>
                  <a:lnTo>
                    <a:pt x="251" y="245"/>
                  </a:lnTo>
                  <a:lnTo>
                    <a:pt x="244" y="249"/>
                  </a:lnTo>
                  <a:lnTo>
                    <a:pt x="235" y="253"/>
                  </a:lnTo>
                  <a:lnTo>
                    <a:pt x="226" y="256"/>
                  </a:lnTo>
                  <a:lnTo>
                    <a:pt x="330" y="443"/>
                  </a:lnTo>
                  <a:lnTo>
                    <a:pt x="269" y="443"/>
                  </a:lnTo>
                  <a:lnTo>
                    <a:pt x="170" y="266"/>
                  </a:lnTo>
                  <a:close/>
                  <a:moveTo>
                    <a:pt x="164" y="218"/>
                  </a:moveTo>
                  <a:lnTo>
                    <a:pt x="164" y="218"/>
                  </a:lnTo>
                  <a:lnTo>
                    <a:pt x="174" y="217"/>
                  </a:lnTo>
                  <a:lnTo>
                    <a:pt x="182" y="216"/>
                  </a:lnTo>
                  <a:lnTo>
                    <a:pt x="190" y="215"/>
                  </a:lnTo>
                  <a:lnTo>
                    <a:pt x="198" y="213"/>
                  </a:lnTo>
                  <a:lnTo>
                    <a:pt x="206" y="210"/>
                  </a:lnTo>
                  <a:lnTo>
                    <a:pt x="213" y="206"/>
                  </a:lnTo>
                  <a:lnTo>
                    <a:pt x="220" y="202"/>
                  </a:lnTo>
                  <a:lnTo>
                    <a:pt x="226" y="197"/>
                  </a:lnTo>
                  <a:lnTo>
                    <a:pt x="231" y="191"/>
                  </a:lnTo>
                  <a:lnTo>
                    <a:pt x="237" y="185"/>
                  </a:lnTo>
                  <a:lnTo>
                    <a:pt x="241" y="179"/>
                  </a:lnTo>
                  <a:lnTo>
                    <a:pt x="245" y="170"/>
                  </a:lnTo>
                  <a:lnTo>
                    <a:pt x="248" y="163"/>
                  </a:lnTo>
                  <a:lnTo>
                    <a:pt x="250" y="153"/>
                  </a:lnTo>
                  <a:lnTo>
                    <a:pt x="251" y="144"/>
                  </a:lnTo>
                  <a:lnTo>
                    <a:pt x="251" y="133"/>
                  </a:lnTo>
                  <a:lnTo>
                    <a:pt x="251" y="133"/>
                  </a:lnTo>
                  <a:lnTo>
                    <a:pt x="251" y="122"/>
                  </a:lnTo>
                  <a:lnTo>
                    <a:pt x="250" y="113"/>
                  </a:lnTo>
                  <a:lnTo>
                    <a:pt x="248" y="103"/>
                  </a:lnTo>
                  <a:lnTo>
                    <a:pt x="245" y="95"/>
                  </a:lnTo>
                  <a:lnTo>
                    <a:pt x="241" y="87"/>
                  </a:lnTo>
                  <a:lnTo>
                    <a:pt x="237" y="81"/>
                  </a:lnTo>
                  <a:lnTo>
                    <a:pt x="231" y="75"/>
                  </a:lnTo>
                  <a:lnTo>
                    <a:pt x="226" y="69"/>
                  </a:lnTo>
                  <a:lnTo>
                    <a:pt x="220" y="64"/>
                  </a:lnTo>
                  <a:lnTo>
                    <a:pt x="213" y="60"/>
                  </a:lnTo>
                  <a:lnTo>
                    <a:pt x="206" y="57"/>
                  </a:lnTo>
                  <a:lnTo>
                    <a:pt x="198" y="53"/>
                  </a:lnTo>
                  <a:lnTo>
                    <a:pt x="190" y="51"/>
                  </a:lnTo>
                  <a:lnTo>
                    <a:pt x="182" y="49"/>
                  </a:lnTo>
                  <a:lnTo>
                    <a:pt x="174" y="49"/>
                  </a:lnTo>
                  <a:lnTo>
                    <a:pt x="164" y="48"/>
                  </a:lnTo>
                  <a:lnTo>
                    <a:pt x="54" y="48"/>
                  </a:lnTo>
                  <a:lnTo>
                    <a:pt x="54" y="218"/>
                  </a:lnTo>
                  <a:lnTo>
                    <a:pt x="164" y="218"/>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034" name="Freeform 15">
              <a:extLst>
                <a:ext uri="{FF2B5EF4-FFF2-40B4-BE49-F238E27FC236}">
                  <a16:creationId xmlns:a16="http://schemas.microsoft.com/office/drawing/2014/main" id="{E22C1DD3-1C16-1A17-B91D-0B03E4912551}"/>
                </a:ext>
              </a:extLst>
            </p:cNvPr>
            <p:cNvSpPr>
              <a:spLocks noEditPoints="1"/>
            </p:cNvSpPr>
            <p:nvPr/>
          </p:nvSpPr>
          <p:spPr bwMode="auto">
            <a:xfrm>
              <a:off x="6552554" y="7094800"/>
              <a:ext cx="219074" cy="238125"/>
            </a:xfrm>
            <a:custGeom>
              <a:avLst/>
              <a:gdLst>
                <a:gd name="T0" fmla="*/ 356 w 415"/>
                <a:gd name="T1" fmla="*/ 450 h 450"/>
                <a:gd name="T2" fmla="*/ 310 w 415"/>
                <a:gd name="T3" fmla="*/ 350 h 450"/>
                <a:gd name="T4" fmla="*/ 104 w 415"/>
                <a:gd name="T5" fmla="*/ 350 h 450"/>
                <a:gd name="T6" fmla="*/ 58 w 415"/>
                <a:gd name="T7" fmla="*/ 450 h 450"/>
                <a:gd name="T8" fmla="*/ 0 w 415"/>
                <a:gd name="T9" fmla="*/ 450 h 450"/>
                <a:gd name="T10" fmla="*/ 207 w 415"/>
                <a:gd name="T11" fmla="*/ 0 h 450"/>
                <a:gd name="T12" fmla="*/ 415 w 415"/>
                <a:gd name="T13" fmla="*/ 450 h 450"/>
                <a:gd name="T14" fmla="*/ 356 w 415"/>
                <a:gd name="T15" fmla="*/ 450 h 450"/>
                <a:gd name="T16" fmla="*/ 288 w 415"/>
                <a:gd name="T17" fmla="*/ 302 h 450"/>
                <a:gd name="T18" fmla="*/ 207 w 415"/>
                <a:gd name="T19" fmla="*/ 124 h 450"/>
                <a:gd name="T20" fmla="*/ 127 w 415"/>
                <a:gd name="T21" fmla="*/ 302 h 450"/>
                <a:gd name="T22" fmla="*/ 288 w 415"/>
                <a:gd name="T23" fmla="*/ 302 h 45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415" h="450">
                  <a:moveTo>
                    <a:pt x="356" y="450"/>
                  </a:moveTo>
                  <a:lnTo>
                    <a:pt x="310" y="350"/>
                  </a:lnTo>
                  <a:lnTo>
                    <a:pt x="104" y="350"/>
                  </a:lnTo>
                  <a:lnTo>
                    <a:pt x="58" y="450"/>
                  </a:lnTo>
                  <a:lnTo>
                    <a:pt x="0" y="450"/>
                  </a:lnTo>
                  <a:lnTo>
                    <a:pt x="207" y="0"/>
                  </a:lnTo>
                  <a:lnTo>
                    <a:pt x="415" y="450"/>
                  </a:lnTo>
                  <a:lnTo>
                    <a:pt x="356" y="450"/>
                  </a:lnTo>
                  <a:close/>
                  <a:moveTo>
                    <a:pt x="288" y="302"/>
                  </a:moveTo>
                  <a:lnTo>
                    <a:pt x="207" y="124"/>
                  </a:lnTo>
                  <a:lnTo>
                    <a:pt x="127" y="302"/>
                  </a:lnTo>
                  <a:lnTo>
                    <a:pt x="288" y="302"/>
                  </a:lnTo>
                  <a:close/>
                </a:path>
              </a:pathLst>
            </a:custGeom>
            <a:solidFill>
              <a:srgbClr val="807F83"/>
            </a:solidFill>
            <a:ln>
              <a:noFill/>
            </a:ln>
          </p:spPr>
          <p:txBody>
            <a:bodyPr vert="horz" wrap="square" lIns="91440" tIns="45720" rIns="91440" bIns="45720" numCol="1" anchor="t" anchorCtr="0" compatLnSpc="1">
              <a:prstTxWarp prst="textNoShape">
                <a:avLst/>
              </a:prstTxWarp>
            </a:bodyPr>
            <a:lstStyle/>
            <a:p>
              <a:endParaRPr lang="en-US"/>
            </a:p>
          </p:txBody>
        </p:sp>
        <p:sp>
          <p:nvSpPr>
            <p:cNvPr id="4035" name="Freeform 16">
              <a:extLst>
                <a:ext uri="{FF2B5EF4-FFF2-40B4-BE49-F238E27FC236}">
                  <a16:creationId xmlns:a16="http://schemas.microsoft.com/office/drawing/2014/main" id="{2E7AE6F6-CB3F-E3BE-D548-41F361E280CB}"/>
                </a:ext>
              </a:extLst>
            </p:cNvPr>
            <p:cNvSpPr>
              <a:spLocks/>
            </p:cNvSpPr>
            <p:nvPr/>
          </p:nvSpPr>
          <p:spPr bwMode="auto">
            <a:xfrm>
              <a:off x="6104890" y="7094800"/>
              <a:ext cx="220663" cy="238125"/>
            </a:xfrm>
            <a:custGeom>
              <a:avLst/>
              <a:gdLst>
                <a:gd name="T0" fmla="*/ 208 w 417"/>
                <a:gd name="T1" fmla="*/ 124 h 450"/>
                <a:gd name="T2" fmla="*/ 357 w 417"/>
                <a:gd name="T3" fmla="*/ 450 h 450"/>
                <a:gd name="T4" fmla="*/ 417 w 417"/>
                <a:gd name="T5" fmla="*/ 450 h 450"/>
                <a:gd name="T6" fmla="*/ 208 w 417"/>
                <a:gd name="T7" fmla="*/ 0 h 450"/>
                <a:gd name="T8" fmla="*/ 0 w 417"/>
                <a:gd name="T9" fmla="*/ 450 h 450"/>
                <a:gd name="T10" fmla="*/ 59 w 417"/>
                <a:gd name="T11" fmla="*/ 450 h 450"/>
                <a:gd name="T12" fmla="*/ 208 w 417"/>
                <a:gd name="T13" fmla="*/ 124 h 450"/>
              </a:gdLst>
              <a:ahLst/>
              <a:cxnLst>
                <a:cxn ang="0">
                  <a:pos x="T0" y="T1"/>
                </a:cxn>
                <a:cxn ang="0">
                  <a:pos x="T2" y="T3"/>
                </a:cxn>
                <a:cxn ang="0">
                  <a:pos x="T4" y="T5"/>
                </a:cxn>
                <a:cxn ang="0">
                  <a:pos x="T6" y="T7"/>
                </a:cxn>
                <a:cxn ang="0">
                  <a:pos x="T8" y="T9"/>
                </a:cxn>
                <a:cxn ang="0">
                  <a:pos x="T10" y="T11"/>
                </a:cxn>
                <a:cxn ang="0">
                  <a:pos x="T12" y="T13"/>
                </a:cxn>
              </a:cxnLst>
              <a:rect l="0" t="0" r="r" b="b"/>
              <a:pathLst>
                <a:path w="417" h="450">
                  <a:moveTo>
                    <a:pt x="208" y="124"/>
                  </a:moveTo>
                  <a:lnTo>
                    <a:pt x="357" y="450"/>
                  </a:lnTo>
                  <a:lnTo>
                    <a:pt x="417" y="450"/>
                  </a:lnTo>
                  <a:lnTo>
                    <a:pt x="208" y="0"/>
                  </a:lnTo>
                  <a:lnTo>
                    <a:pt x="0" y="450"/>
                  </a:lnTo>
                  <a:lnTo>
                    <a:pt x="59" y="450"/>
                  </a:lnTo>
                  <a:lnTo>
                    <a:pt x="208" y="124"/>
                  </a:lnTo>
                  <a:close/>
                </a:path>
              </a:pathLst>
            </a:custGeom>
            <a:solidFill>
              <a:srgbClr val="005A84"/>
            </a:solidFill>
            <a:ln>
              <a:noFill/>
            </a:ln>
          </p:spPr>
          <p:txBody>
            <a:bodyPr vert="horz" wrap="square" lIns="91440" tIns="45720" rIns="91440" bIns="45720" numCol="1" anchor="t" anchorCtr="0" compatLnSpc="1">
              <a:prstTxWarp prst="textNoShape">
                <a:avLst/>
              </a:prstTxWarp>
            </a:bodyPr>
            <a:lstStyle/>
            <a:p>
              <a:endParaRPr lang="en-US"/>
            </a:p>
          </p:txBody>
        </p:sp>
      </p:grpSp>
    </p:spTree>
    <p:custDataLst>
      <p:tags r:id="rId1"/>
    </p:custDataLst>
    <p:extLst>
      <p:ext uri="{BB962C8B-B14F-4D97-AF65-F5344CB8AC3E}">
        <p14:creationId xmlns:p14="http://schemas.microsoft.com/office/powerpoint/2010/main" val="426657566"/>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a:extLst>
              <a:ext uri="{FF2B5EF4-FFF2-40B4-BE49-F238E27FC236}">
                <a16:creationId xmlns:a16="http://schemas.microsoft.com/office/drawing/2014/main" id="{E0A7C89B-C448-AED8-9B0D-1F038A92685A}"/>
              </a:ext>
            </a:extLst>
          </p:cNvPr>
          <p:cNvPicPr>
            <a:picLocks noChangeAspect="1"/>
          </p:cNvPicPr>
          <p:nvPr/>
        </p:nvPicPr>
        <p:blipFill>
          <a:blip r:embed="rId2">
            <a:extLst>
              <a:ext uri="{28A0092B-C50C-407E-A947-70E740481C1C}">
                <a14:useLocalDpi xmlns:a14="http://schemas.microsoft.com/office/drawing/2010/main" val="0"/>
              </a:ext>
            </a:extLst>
          </a:blip>
          <a:srcRect l="25636" t="815" r="15653" b="1334"/>
          <a:stretch>
            <a:fillRect/>
          </a:stretch>
        </p:blipFill>
        <p:spPr>
          <a:xfrm>
            <a:off x="0" y="0"/>
            <a:ext cx="12192000" cy="6858000"/>
          </a:xfrm>
          <a:prstGeom prst="rect">
            <a:avLst/>
          </a:prstGeom>
        </p:spPr>
      </p:pic>
      <p:sp>
        <p:nvSpPr>
          <p:cNvPr id="4" name="Freeform 4">
            <a:extLst>
              <a:ext uri="{FF2B5EF4-FFF2-40B4-BE49-F238E27FC236}">
                <a16:creationId xmlns:a16="http://schemas.microsoft.com/office/drawing/2014/main" id="{4C6C90B8-580D-E1A2-7360-5B63A27DA5E4}"/>
              </a:ext>
            </a:extLst>
          </p:cNvPr>
          <p:cNvSpPr/>
          <p:nvPr/>
        </p:nvSpPr>
        <p:spPr>
          <a:xfrm>
            <a:off x="2902596" y="1652797"/>
            <a:ext cx="6386808" cy="3513079"/>
          </a:xfrm>
          <a:custGeom>
            <a:avLst/>
            <a:gdLst/>
            <a:ahLst/>
            <a:cxnLst/>
            <a:rect l="l" t="t" r="r" b="b"/>
            <a:pathLst>
              <a:path w="4210157" h="1913890">
                <a:moveTo>
                  <a:pt x="0" y="0"/>
                </a:moveTo>
                <a:lnTo>
                  <a:pt x="4210157" y="0"/>
                </a:lnTo>
                <a:lnTo>
                  <a:pt x="4210157" y="1913890"/>
                </a:lnTo>
                <a:lnTo>
                  <a:pt x="0" y="1913890"/>
                </a:lnTo>
                <a:close/>
              </a:path>
            </a:pathLst>
          </a:custGeom>
          <a:solidFill>
            <a:srgbClr val="000000"/>
          </a:solidFill>
        </p:spPr>
        <p:txBody>
          <a:bodyPr/>
          <a:lstStyle/>
          <a:p>
            <a:endParaRPr lang="en-IN"/>
          </a:p>
        </p:txBody>
      </p:sp>
      <p:sp>
        <p:nvSpPr>
          <p:cNvPr id="8" name="TextBox 5">
            <a:extLst>
              <a:ext uri="{FF2B5EF4-FFF2-40B4-BE49-F238E27FC236}">
                <a16:creationId xmlns:a16="http://schemas.microsoft.com/office/drawing/2014/main" id="{0F24A47A-3FE7-1068-72A1-105D1856B111}"/>
              </a:ext>
            </a:extLst>
          </p:cNvPr>
          <p:cNvSpPr txBox="1"/>
          <p:nvPr/>
        </p:nvSpPr>
        <p:spPr>
          <a:xfrm>
            <a:off x="2902597" y="2658582"/>
            <a:ext cx="6386808" cy="1029128"/>
          </a:xfrm>
          <a:prstGeom prst="rect">
            <a:avLst/>
          </a:prstGeom>
        </p:spPr>
        <p:txBody>
          <a:bodyPr wrap="square" lIns="0" tIns="0" rIns="0" bIns="0" rtlCol="0" anchor="t">
            <a:spAutoFit/>
          </a:bodyPr>
          <a:lstStyle/>
          <a:p>
            <a:pPr algn="ctr">
              <a:lnSpc>
                <a:spcPts val="8880"/>
              </a:lnSpc>
            </a:pPr>
            <a:r>
              <a:rPr lang="en-US" sz="5400">
                <a:solidFill>
                  <a:srgbClr val="F9F9F9"/>
                </a:solidFill>
                <a:latin typeface="Roboto Light" panose="02000000000000000000" pitchFamily="2" charset="0"/>
                <a:ea typeface="Roboto Light" panose="02000000000000000000" pitchFamily="2" charset="0"/>
                <a:cs typeface="Roboto Light" panose="02000000000000000000" pitchFamily="2" charset="0"/>
              </a:rPr>
              <a:t>Thank You</a:t>
            </a:r>
          </a:p>
        </p:txBody>
      </p:sp>
      <p:pic>
        <p:nvPicPr>
          <p:cNvPr id="9" name="Picture 8" descr="A black and blue logo&#10;&#10;Description automatically generated">
            <a:extLst>
              <a:ext uri="{FF2B5EF4-FFF2-40B4-BE49-F238E27FC236}">
                <a16:creationId xmlns:a16="http://schemas.microsoft.com/office/drawing/2014/main" id="{A3323AE0-D7D7-76CD-E350-B26E868AFFB9}"/>
              </a:ext>
            </a:extLst>
          </p:cNvPr>
          <p:cNvPicPr>
            <a:picLocks noChangeAspect="1"/>
          </p:cNvPicPr>
          <p:nvPr/>
        </p:nvPicPr>
        <p:blipFill rotWithShape="1">
          <a:blip r:embed="rId3" cstate="hqprint">
            <a:biLevel thresh="25000"/>
            <a:extLst>
              <a:ext uri="{28A0092B-C50C-407E-A947-70E740481C1C}">
                <a14:useLocalDpi xmlns:a14="http://schemas.microsoft.com/office/drawing/2010/main" val="0"/>
              </a:ext>
            </a:extLst>
          </a:blip>
          <a:srcRect l="6855" t="1709"/>
          <a:stretch/>
        </p:blipFill>
        <p:spPr>
          <a:xfrm>
            <a:off x="5594988" y="3786493"/>
            <a:ext cx="1163670" cy="368388"/>
          </a:xfrm>
          <a:prstGeom prst="rect">
            <a:avLst/>
          </a:prstGeom>
        </p:spPr>
      </p:pic>
      <p:sp>
        <p:nvSpPr>
          <p:cNvPr id="10" name="Freeform 4">
            <a:extLst>
              <a:ext uri="{FF2B5EF4-FFF2-40B4-BE49-F238E27FC236}">
                <a16:creationId xmlns:a16="http://schemas.microsoft.com/office/drawing/2014/main" id="{FAC5847D-7645-15FD-1285-A6549157F531}"/>
              </a:ext>
            </a:extLst>
          </p:cNvPr>
          <p:cNvSpPr/>
          <p:nvPr/>
        </p:nvSpPr>
        <p:spPr>
          <a:xfrm>
            <a:off x="2902596" y="5156507"/>
            <a:ext cx="6386808" cy="53617"/>
          </a:xfrm>
          <a:custGeom>
            <a:avLst/>
            <a:gdLst/>
            <a:ahLst/>
            <a:cxnLst/>
            <a:rect l="l" t="t" r="r" b="b"/>
            <a:pathLst>
              <a:path w="4210157" h="1913890">
                <a:moveTo>
                  <a:pt x="0" y="0"/>
                </a:moveTo>
                <a:lnTo>
                  <a:pt x="4210157" y="0"/>
                </a:lnTo>
                <a:lnTo>
                  <a:pt x="4210157" y="1913890"/>
                </a:lnTo>
                <a:lnTo>
                  <a:pt x="0" y="1913890"/>
                </a:lnTo>
                <a:close/>
              </a:path>
            </a:pathLst>
          </a:custGeom>
          <a:solidFill>
            <a:srgbClr val="0085BE"/>
          </a:solidFill>
        </p:spPr>
        <p:txBody>
          <a:bodyPr/>
          <a:lstStyle/>
          <a:p>
            <a:endParaRPr lang="en-IN"/>
          </a:p>
        </p:txBody>
      </p:sp>
    </p:spTree>
    <p:extLst>
      <p:ext uri="{BB962C8B-B14F-4D97-AF65-F5344CB8AC3E}">
        <p14:creationId xmlns:p14="http://schemas.microsoft.com/office/powerpoint/2010/main" val="1974478056"/>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AEE3A4D-B352-D770-3DDF-04771BE267DD}"/>
              </a:ext>
            </a:extLst>
          </p:cNvPr>
          <p:cNvSpPr>
            <a:spLocks noGrp="1"/>
          </p:cNvSpPr>
          <p:nvPr>
            <p:ph type="title"/>
          </p:nvPr>
        </p:nvSpPr>
        <p:spPr/>
        <p:txBody>
          <a:bodyPr/>
          <a:lstStyle/>
          <a:p>
            <a:r>
              <a:rPr lang="en-IN"/>
              <a:t>Aptara Overview</a:t>
            </a:r>
          </a:p>
        </p:txBody>
      </p:sp>
      <p:sp>
        <p:nvSpPr>
          <p:cNvPr id="6" name="TextBox 5">
            <a:extLst>
              <a:ext uri="{FF2B5EF4-FFF2-40B4-BE49-F238E27FC236}">
                <a16:creationId xmlns:a16="http://schemas.microsoft.com/office/drawing/2014/main" id="{740B8A23-0825-1E1A-AFE3-7B29D16C9086}"/>
              </a:ext>
            </a:extLst>
          </p:cNvPr>
          <p:cNvSpPr txBox="1"/>
          <p:nvPr/>
        </p:nvSpPr>
        <p:spPr>
          <a:xfrm>
            <a:off x="823841" y="1837420"/>
            <a:ext cx="1466314" cy="360347"/>
          </a:xfrm>
          <a:prstGeom prst="rect">
            <a:avLst/>
          </a:prstGeom>
          <a:noFill/>
          <a:ln w="9525">
            <a:noFill/>
            <a:miter lim="800000"/>
            <a:headEnd/>
            <a:tailEnd/>
          </a:ln>
          <a:effectLst/>
        </p:spPr>
        <p:txBody>
          <a:bodyPr/>
          <a:lstStyle/>
          <a:p>
            <a:pPr algn="ctr">
              <a:lnSpc>
                <a:spcPct val="150000"/>
              </a:lnSpc>
              <a:defRPr/>
            </a:pPr>
            <a:r>
              <a:rPr lang="en-IN" sz="900" kern="0">
                <a:solidFill>
                  <a:srgbClr val="404040"/>
                </a:solidFill>
                <a:latin typeface="Roboto "/>
                <a:ea typeface="Roboto light" panose="02000000000000000000" pitchFamily="2" charset="0"/>
                <a:cs typeface="Roboto light" panose="02000000000000000000" pitchFamily="2" charset="0"/>
              </a:rPr>
              <a:t>Headquartered in the</a:t>
            </a:r>
          </a:p>
        </p:txBody>
      </p:sp>
      <p:sp>
        <p:nvSpPr>
          <p:cNvPr id="7" name="TextBox 6">
            <a:extLst>
              <a:ext uri="{FF2B5EF4-FFF2-40B4-BE49-F238E27FC236}">
                <a16:creationId xmlns:a16="http://schemas.microsoft.com/office/drawing/2014/main" id="{6D55D9FE-53EA-2E5C-9CB9-42594497287E}"/>
              </a:ext>
            </a:extLst>
          </p:cNvPr>
          <p:cNvSpPr txBox="1"/>
          <p:nvPr/>
        </p:nvSpPr>
        <p:spPr>
          <a:xfrm>
            <a:off x="2829692" y="1837420"/>
            <a:ext cx="1929571" cy="646331"/>
          </a:xfrm>
          <a:prstGeom prst="rect">
            <a:avLst/>
          </a:prstGeom>
          <a:noFill/>
        </p:spPr>
        <p:txBody>
          <a:bodyPr wrap="square">
            <a:spAutoFit/>
          </a:bodyPr>
          <a:lstStyle/>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employees worldwide </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across our global delivery centers and service lines. Aptara employees approximately </a:t>
            </a:r>
            <a:r>
              <a:rPr lang="en-US" sz="900" kern="0">
                <a:solidFill>
                  <a:srgbClr val="0085BE"/>
                </a:solidFill>
                <a:latin typeface="Roboto "/>
                <a:ea typeface="Roboto light" panose="02000000000000000000" pitchFamily="2" charset="0"/>
                <a:cs typeface="Roboto light" panose="02000000000000000000" pitchFamily="2" charset="0"/>
              </a:rPr>
              <a:t>5000. </a:t>
            </a:r>
          </a:p>
        </p:txBody>
      </p:sp>
      <p:sp>
        <p:nvSpPr>
          <p:cNvPr id="8" name="TextBox 111">
            <a:extLst>
              <a:ext uri="{FF2B5EF4-FFF2-40B4-BE49-F238E27FC236}">
                <a16:creationId xmlns:a16="http://schemas.microsoft.com/office/drawing/2014/main" id="{49C49E43-99DD-139F-05DC-CAD85EE2085C}"/>
              </a:ext>
            </a:extLst>
          </p:cNvPr>
          <p:cNvSpPr txBox="1"/>
          <p:nvPr/>
        </p:nvSpPr>
        <p:spPr>
          <a:xfrm>
            <a:off x="5526847" y="1786099"/>
            <a:ext cx="1035474" cy="746823"/>
          </a:xfrm>
          <a:prstGeom prst="rect">
            <a:avLst/>
          </a:prstGeom>
          <a:noFill/>
          <a:ln w="9525">
            <a:noFill/>
            <a:miter lim="800000"/>
            <a:headEnd/>
            <a:tailEnd/>
          </a:ln>
          <a:effectLst/>
        </p:spPr>
        <p:txBody>
          <a:bodyPr/>
          <a:lstStyle/>
          <a:p>
            <a:pPr algn="ctr">
              <a:lnSpc>
                <a:spcPts val="1900"/>
              </a:lnSpc>
              <a:defRPr/>
            </a:pPr>
            <a:r>
              <a:rPr lang="en-IN" sz="1050" kern="0">
                <a:solidFill>
                  <a:srgbClr val="0085BE"/>
                </a:solidFill>
                <a:latin typeface="Roboto "/>
                <a:ea typeface="Roboto light" panose="02000000000000000000" pitchFamily="2" charset="0"/>
                <a:cs typeface="Roboto light" panose="02000000000000000000" pitchFamily="2" charset="0"/>
              </a:rPr>
              <a:t>9</a:t>
            </a:r>
          </a:p>
          <a:p>
            <a:pPr algn="ctr">
              <a:defRPr/>
            </a:pPr>
            <a:r>
              <a:rPr lang="en-US" sz="900" kern="0">
                <a:solidFill>
                  <a:srgbClr val="404040"/>
                </a:solidFill>
                <a:latin typeface="Roboto "/>
                <a:ea typeface="Roboto light" panose="02000000000000000000" pitchFamily="2" charset="0"/>
                <a:cs typeface="Roboto light" panose="02000000000000000000" pitchFamily="2" charset="0"/>
              </a:rPr>
              <a:t>Global delivery</a:t>
            </a:r>
          </a:p>
          <a:p>
            <a:pPr algn="ctr">
              <a:defRPr/>
            </a:pPr>
            <a:r>
              <a:rPr lang="en-US" sz="900" kern="0">
                <a:solidFill>
                  <a:srgbClr val="404040"/>
                </a:solidFill>
                <a:latin typeface="Roboto "/>
                <a:ea typeface="Roboto light" panose="02000000000000000000" pitchFamily="2" charset="0"/>
                <a:cs typeface="Roboto light" panose="02000000000000000000" pitchFamily="2" charset="0"/>
              </a:rPr>
              <a:t>centers</a:t>
            </a:r>
          </a:p>
        </p:txBody>
      </p:sp>
      <p:pic>
        <p:nvPicPr>
          <p:cNvPr id="9" name="Graphic 8">
            <a:extLst>
              <a:ext uri="{FF2B5EF4-FFF2-40B4-BE49-F238E27FC236}">
                <a16:creationId xmlns:a16="http://schemas.microsoft.com/office/drawing/2014/main" id="{2A55BFA6-5508-93DE-CEE2-86B72F1B37FE}"/>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5755464" y="2943684"/>
            <a:ext cx="578240" cy="578240"/>
          </a:xfrm>
          <a:prstGeom prst="rect">
            <a:avLst/>
          </a:prstGeom>
        </p:spPr>
      </p:pic>
      <p:sp>
        <p:nvSpPr>
          <p:cNvPr id="10" name="TextBox 9">
            <a:extLst>
              <a:ext uri="{FF2B5EF4-FFF2-40B4-BE49-F238E27FC236}">
                <a16:creationId xmlns:a16="http://schemas.microsoft.com/office/drawing/2014/main" id="{D0340494-E34B-2F65-E2E5-1335143ED5AB}"/>
              </a:ext>
            </a:extLst>
          </p:cNvPr>
          <p:cNvSpPr txBox="1"/>
          <p:nvPr/>
        </p:nvSpPr>
        <p:spPr>
          <a:xfrm>
            <a:off x="5750804" y="3072204"/>
            <a:ext cx="587560" cy="321200"/>
          </a:xfrm>
          <a:prstGeom prst="rect">
            <a:avLst/>
          </a:prstGeom>
        </p:spPr>
        <p:txBody>
          <a:bodyPr/>
          <a:lstStyle/>
          <a:p>
            <a:pPr algn="ctr">
              <a:defRPr/>
            </a:pPr>
            <a:r>
              <a:rPr lang="en-IN" sz="1200" kern="0">
                <a:solidFill>
                  <a:srgbClr val="0085BE"/>
                </a:solidFill>
                <a:latin typeface="Roboto "/>
                <a:ea typeface="Roboto light" panose="02000000000000000000" pitchFamily="2" charset="0"/>
                <a:cs typeface="Roboto light" panose="02000000000000000000" pitchFamily="2" charset="0"/>
              </a:rPr>
              <a:t>12</a:t>
            </a:r>
            <a:r>
              <a:rPr lang="en-IN" sz="1200" kern="0" baseline="30000">
                <a:solidFill>
                  <a:srgbClr val="0085BE"/>
                </a:solidFill>
                <a:latin typeface="Roboto "/>
                <a:ea typeface="Roboto light" panose="02000000000000000000" pitchFamily="2" charset="0"/>
                <a:cs typeface="Roboto light" panose="02000000000000000000" pitchFamily="2" charset="0"/>
              </a:rPr>
              <a:t>th</a:t>
            </a:r>
            <a:r>
              <a:rPr lang="en-IN" sz="1200" kern="0">
                <a:solidFill>
                  <a:srgbClr val="0085BE"/>
                </a:solidFill>
                <a:latin typeface="Roboto "/>
                <a:ea typeface="Roboto light" panose="02000000000000000000" pitchFamily="2" charset="0"/>
                <a:cs typeface="Roboto light" panose="02000000000000000000" pitchFamily="2" charset="0"/>
              </a:rPr>
              <a:t> </a:t>
            </a:r>
          </a:p>
        </p:txBody>
      </p:sp>
      <p:cxnSp>
        <p:nvCxnSpPr>
          <p:cNvPr id="11" name="Straight Connector 10">
            <a:extLst>
              <a:ext uri="{FF2B5EF4-FFF2-40B4-BE49-F238E27FC236}">
                <a16:creationId xmlns:a16="http://schemas.microsoft.com/office/drawing/2014/main" id="{DD2246F2-0749-2CCF-E1FA-459744DBFC57}"/>
              </a:ext>
            </a:extLst>
          </p:cNvPr>
          <p:cNvCxnSpPr>
            <a:cxnSpLocks/>
          </p:cNvCxnSpPr>
          <p:nvPr/>
        </p:nvCxnSpPr>
        <p:spPr>
          <a:xfrm>
            <a:off x="2648647" y="1085524"/>
            <a:ext cx="0" cy="5371938"/>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249F829E-903E-897F-8798-46934322739C}"/>
              </a:ext>
            </a:extLst>
          </p:cNvPr>
          <p:cNvCxnSpPr>
            <a:cxnSpLocks/>
          </p:cNvCxnSpPr>
          <p:nvPr/>
        </p:nvCxnSpPr>
        <p:spPr>
          <a:xfrm>
            <a:off x="4911787" y="1085524"/>
            <a:ext cx="0" cy="5371938"/>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672660EC-D8E6-F9D1-94D8-A6CDBE7E9AE0}"/>
              </a:ext>
            </a:extLst>
          </p:cNvPr>
          <p:cNvCxnSpPr>
            <a:cxnSpLocks/>
          </p:cNvCxnSpPr>
          <p:nvPr/>
        </p:nvCxnSpPr>
        <p:spPr>
          <a:xfrm>
            <a:off x="7174927" y="1085524"/>
            <a:ext cx="0" cy="5371938"/>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94E40F63-7CE5-4F78-2076-FC8EC5D5B7EA}"/>
              </a:ext>
            </a:extLst>
          </p:cNvPr>
          <p:cNvCxnSpPr/>
          <p:nvPr/>
        </p:nvCxnSpPr>
        <p:spPr>
          <a:xfrm rot="16200000">
            <a:off x="4921489" y="-1511173"/>
            <a:ext cx="0" cy="8430974"/>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4BFB8EBD-E10E-665E-5E15-E274907B1F7A}"/>
              </a:ext>
            </a:extLst>
          </p:cNvPr>
          <p:cNvCxnSpPr/>
          <p:nvPr/>
        </p:nvCxnSpPr>
        <p:spPr>
          <a:xfrm rot="16200000">
            <a:off x="4921489" y="205869"/>
            <a:ext cx="0" cy="8430974"/>
          </a:xfrm>
          <a:prstGeom prst="line">
            <a:avLst/>
          </a:prstGeom>
          <a:ln>
            <a:solidFill>
              <a:schemeClr val="bg1">
                <a:lumMod val="75000"/>
              </a:schemeClr>
            </a:solidFill>
            <a:prstDash val="dash"/>
          </a:ln>
        </p:spPr>
        <p:style>
          <a:lnRef idx="1">
            <a:schemeClr val="accent1"/>
          </a:lnRef>
          <a:fillRef idx="0">
            <a:schemeClr val="accent1"/>
          </a:fillRef>
          <a:effectRef idx="0">
            <a:schemeClr val="accent1"/>
          </a:effectRef>
          <a:fontRef idx="minor">
            <a:schemeClr val="tx1"/>
          </a:fontRef>
        </p:style>
      </p:cxnSp>
      <p:pic>
        <p:nvPicPr>
          <p:cNvPr id="16" name="Graphic 15">
            <a:extLst>
              <a:ext uri="{FF2B5EF4-FFF2-40B4-BE49-F238E27FC236}">
                <a16:creationId xmlns:a16="http://schemas.microsoft.com/office/drawing/2014/main" id="{8E6526AF-7627-CC25-0491-494EEA18DCB5}"/>
              </a:ext>
            </a:extLst>
          </p:cNvPr>
          <p:cNvPicPr>
            <a:picLocks noChangeAspect="1"/>
          </p:cNvPicPr>
          <p:nvPr/>
        </p:nvPicPr>
        <p:blipFill>
          <a:blip r:embed="rId4" cstate="hqprint">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5808425" y="1231741"/>
            <a:ext cx="472318" cy="488891"/>
          </a:xfrm>
          <a:prstGeom prst="rect">
            <a:avLst/>
          </a:prstGeom>
        </p:spPr>
      </p:pic>
      <p:pic>
        <p:nvPicPr>
          <p:cNvPr id="17" name="Graphic 16">
            <a:extLst>
              <a:ext uri="{FF2B5EF4-FFF2-40B4-BE49-F238E27FC236}">
                <a16:creationId xmlns:a16="http://schemas.microsoft.com/office/drawing/2014/main" id="{1ED5A455-42A3-3522-6E16-7FADDA51018D}"/>
              </a:ext>
            </a:extLst>
          </p:cNvPr>
          <p:cNvPicPr>
            <a:picLocks noChangeAspect="1"/>
          </p:cNvPicPr>
          <p:nvPr/>
        </p:nvPicPr>
        <p:blipFill>
          <a:blip r:embed="rId6" cstate="hqprint">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1288460" y="4658701"/>
            <a:ext cx="502227" cy="363682"/>
          </a:xfrm>
          <a:prstGeom prst="rect">
            <a:avLst/>
          </a:prstGeom>
        </p:spPr>
      </p:pic>
      <p:pic>
        <p:nvPicPr>
          <p:cNvPr id="18" name="Graphic 17">
            <a:extLst>
              <a:ext uri="{FF2B5EF4-FFF2-40B4-BE49-F238E27FC236}">
                <a16:creationId xmlns:a16="http://schemas.microsoft.com/office/drawing/2014/main" id="{708BEF11-BE9F-6076-47C4-BD4ADF480D9D}"/>
              </a:ext>
            </a:extLst>
          </p:cNvPr>
          <p:cNvPicPr>
            <a:picLocks noChangeAspect="1"/>
          </p:cNvPicPr>
          <p:nvPr/>
        </p:nvPicPr>
        <p:blipFill>
          <a:blip r:embed="rId8" cstate="hqprint">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7996888" y="1274327"/>
            <a:ext cx="403718" cy="403718"/>
          </a:xfrm>
          <a:prstGeom prst="rect">
            <a:avLst/>
          </a:prstGeom>
        </p:spPr>
      </p:pic>
      <p:pic>
        <p:nvPicPr>
          <p:cNvPr id="19" name="Graphic 18">
            <a:extLst>
              <a:ext uri="{FF2B5EF4-FFF2-40B4-BE49-F238E27FC236}">
                <a16:creationId xmlns:a16="http://schemas.microsoft.com/office/drawing/2014/main" id="{D1A17771-B216-AF28-D02B-F97E164B3261}"/>
              </a:ext>
            </a:extLst>
          </p:cNvPr>
          <p:cNvPicPr>
            <a:picLocks noChangeAspect="1"/>
          </p:cNvPicPr>
          <p:nvPr/>
        </p:nvPicPr>
        <p:blipFill>
          <a:blip r:embed="rId10" cstate="hqprint">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3560730" y="3023990"/>
            <a:ext cx="467495" cy="417628"/>
          </a:xfrm>
          <a:prstGeom prst="rect">
            <a:avLst/>
          </a:prstGeom>
        </p:spPr>
      </p:pic>
      <p:pic>
        <p:nvPicPr>
          <p:cNvPr id="20" name="Graphic 19">
            <a:extLst>
              <a:ext uri="{FF2B5EF4-FFF2-40B4-BE49-F238E27FC236}">
                <a16:creationId xmlns:a16="http://schemas.microsoft.com/office/drawing/2014/main" id="{C5CED851-245E-6FB2-D4CE-0580841673DF}"/>
              </a:ext>
            </a:extLst>
          </p:cNvPr>
          <p:cNvPicPr>
            <a:picLocks noChangeAspect="1"/>
          </p:cNvPicPr>
          <p:nvPr/>
        </p:nvPicPr>
        <p:blipFill>
          <a:blip r:embed="rId12" cstate="hqprint">
            <a:extLst>
              <a:ext uri="{28A0092B-C50C-407E-A947-70E740481C1C}">
                <a14:useLocalDpi xmlns:a14="http://schemas.microsoft.com/office/drawing/2010/main" val="0"/>
              </a:ext>
              <a:ext uri="{96DAC541-7B7A-43D3-8B79-37D633B846F1}">
                <asvg:svgBlip xmlns:asvg="http://schemas.microsoft.com/office/drawing/2016/SVG/main" r:embed="rId13"/>
              </a:ext>
            </a:extLst>
          </a:blip>
          <a:stretch>
            <a:fillRect/>
          </a:stretch>
        </p:blipFill>
        <p:spPr>
          <a:xfrm>
            <a:off x="1313371" y="2977414"/>
            <a:ext cx="452405" cy="510779"/>
          </a:xfrm>
          <a:prstGeom prst="rect">
            <a:avLst/>
          </a:prstGeom>
        </p:spPr>
      </p:pic>
      <p:pic>
        <p:nvPicPr>
          <p:cNvPr id="21" name="Graphic 20">
            <a:extLst>
              <a:ext uri="{FF2B5EF4-FFF2-40B4-BE49-F238E27FC236}">
                <a16:creationId xmlns:a16="http://schemas.microsoft.com/office/drawing/2014/main" id="{F7488C73-394A-E600-5E84-B24E01D773E2}"/>
              </a:ext>
            </a:extLst>
          </p:cNvPr>
          <p:cNvPicPr>
            <a:picLocks noChangeAspect="1"/>
          </p:cNvPicPr>
          <p:nvPr/>
        </p:nvPicPr>
        <p:blipFill>
          <a:blip r:embed="rId14" cstate="hqprint">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1280773" y="1242825"/>
            <a:ext cx="552450" cy="466724"/>
          </a:xfrm>
          <a:prstGeom prst="rect">
            <a:avLst/>
          </a:prstGeom>
        </p:spPr>
      </p:pic>
      <p:sp>
        <p:nvSpPr>
          <p:cNvPr id="22" name="TextBox 111">
            <a:extLst>
              <a:ext uri="{FF2B5EF4-FFF2-40B4-BE49-F238E27FC236}">
                <a16:creationId xmlns:a16="http://schemas.microsoft.com/office/drawing/2014/main" id="{5CCD2BAD-0411-FD65-727B-CA468A42CE50}"/>
              </a:ext>
            </a:extLst>
          </p:cNvPr>
          <p:cNvSpPr txBox="1"/>
          <p:nvPr/>
        </p:nvSpPr>
        <p:spPr>
          <a:xfrm>
            <a:off x="7681010" y="1837420"/>
            <a:ext cx="1035474" cy="746823"/>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60+</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Awards &amp; </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recognition</a:t>
            </a:r>
          </a:p>
        </p:txBody>
      </p:sp>
      <p:sp>
        <p:nvSpPr>
          <p:cNvPr id="23" name="TextBox 22">
            <a:extLst>
              <a:ext uri="{FF2B5EF4-FFF2-40B4-BE49-F238E27FC236}">
                <a16:creationId xmlns:a16="http://schemas.microsoft.com/office/drawing/2014/main" id="{F331C090-05C5-87D7-6D78-B5DB003A147F}"/>
              </a:ext>
            </a:extLst>
          </p:cNvPr>
          <p:cNvSpPr txBox="1"/>
          <p:nvPr/>
        </p:nvSpPr>
        <p:spPr>
          <a:xfrm>
            <a:off x="698751" y="3616106"/>
            <a:ext cx="1604655" cy="523220"/>
          </a:xfrm>
          <a:prstGeom prst="rect">
            <a:avLst/>
          </a:prstGeom>
          <a:noFill/>
        </p:spPr>
        <p:txBody>
          <a:bodyPr wrap="square">
            <a:spAutoFit/>
          </a:bodyPr>
          <a:lstStyle/>
          <a:p>
            <a:pPr algn="ctr">
              <a:defRPr/>
            </a:pPr>
            <a:r>
              <a:rPr lang="en-US" sz="1000" kern="0">
                <a:solidFill>
                  <a:srgbClr val="0085BE"/>
                </a:solidFill>
                <a:latin typeface="Roboto "/>
                <a:ea typeface="Roboto light" panose="02000000000000000000" pitchFamily="2" charset="0"/>
                <a:cs typeface="Roboto light" panose="02000000000000000000" pitchFamily="2" charset="0"/>
              </a:rPr>
              <a:t>30+</a:t>
            </a:r>
          </a:p>
          <a:p>
            <a:pPr algn="ctr">
              <a:defRPr/>
            </a:pPr>
            <a:r>
              <a:rPr lang="en-US" sz="900" kern="0">
                <a:solidFill>
                  <a:srgbClr val="404040"/>
                </a:solidFill>
                <a:latin typeface="Roboto "/>
                <a:ea typeface="Roboto light" panose="02000000000000000000" pitchFamily="2" charset="0"/>
                <a:cs typeface="Roboto light" panose="02000000000000000000" pitchFamily="2" charset="0"/>
              </a:rPr>
              <a:t>Years of experience </a:t>
            </a:r>
            <a:br>
              <a:rPr lang="en-US" sz="900" kern="0">
                <a:solidFill>
                  <a:srgbClr val="404040"/>
                </a:solidFill>
                <a:latin typeface="Roboto "/>
                <a:ea typeface="Roboto light" panose="02000000000000000000" pitchFamily="2" charset="0"/>
                <a:cs typeface="Roboto light" panose="02000000000000000000" pitchFamily="2" charset="0"/>
              </a:rPr>
            </a:br>
            <a:r>
              <a:rPr lang="en-US" sz="900" kern="0">
                <a:solidFill>
                  <a:srgbClr val="404040"/>
                </a:solidFill>
                <a:latin typeface="Roboto "/>
                <a:ea typeface="Roboto light" panose="02000000000000000000" pitchFamily="2" charset="0"/>
                <a:cs typeface="Roboto light" panose="02000000000000000000" pitchFamily="2" charset="0"/>
              </a:rPr>
              <a:t>in the training industry</a:t>
            </a:r>
          </a:p>
        </p:txBody>
      </p:sp>
      <p:sp>
        <p:nvSpPr>
          <p:cNvPr id="24" name="TextBox 111">
            <a:extLst>
              <a:ext uri="{FF2B5EF4-FFF2-40B4-BE49-F238E27FC236}">
                <a16:creationId xmlns:a16="http://schemas.microsoft.com/office/drawing/2014/main" id="{724BC594-27D2-B280-EEF7-2BA803E099E8}"/>
              </a:ext>
            </a:extLst>
          </p:cNvPr>
          <p:cNvSpPr txBox="1"/>
          <p:nvPr/>
        </p:nvSpPr>
        <p:spPr>
          <a:xfrm>
            <a:off x="2684661" y="3569261"/>
            <a:ext cx="2219631" cy="746823"/>
          </a:xfrm>
          <a:prstGeom prst="rect">
            <a:avLst/>
          </a:prstGeom>
          <a:noFill/>
          <a:ln w="9525">
            <a:noFill/>
            <a:miter lim="800000"/>
            <a:headEnd/>
            <a:tailEnd/>
          </a:ln>
          <a:effectLst/>
        </p:spPr>
        <p:txBody>
          <a:bodyPr/>
          <a:lstStyle/>
          <a:p>
            <a:pPr algn="ctr">
              <a:lnSpc>
                <a:spcPct val="150000"/>
              </a:lnSpc>
              <a:defRPr/>
            </a:pPr>
            <a:r>
              <a:rPr lang="en-IN" sz="1000" kern="0">
                <a:solidFill>
                  <a:srgbClr val="0085BE"/>
                </a:solidFill>
                <a:latin typeface="Roboto "/>
                <a:ea typeface="Roboto light" panose="02000000000000000000" pitchFamily="2" charset="0"/>
                <a:cs typeface="Roboto light" panose="02000000000000000000" pitchFamily="2" charset="0"/>
              </a:rPr>
              <a:t>150+</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Serving fortune </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1,000 clients</a:t>
            </a:r>
          </a:p>
        </p:txBody>
      </p:sp>
      <p:sp>
        <p:nvSpPr>
          <p:cNvPr id="25" name="TextBox 111">
            <a:extLst>
              <a:ext uri="{FF2B5EF4-FFF2-40B4-BE49-F238E27FC236}">
                <a16:creationId xmlns:a16="http://schemas.microsoft.com/office/drawing/2014/main" id="{57CC7C46-DA79-8A80-4D9F-1BDC37EA3303}"/>
              </a:ext>
            </a:extLst>
          </p:cNvPr>
          <p:cNvSpPr txBox="1"/>
          <p:nvPr/>
        </p:nvSpPr>
        <p:spPr>
          <a:xfrm>
            <a:off x="5127382" y="3616106"/>
            <a:ext cx="1834405" cy="502264"/>
          </a:xfrm>
          <a:prstGeom prst="rect">
            <a:avLst/>
          </a:prstGeom>
          <a:noFill/>
          <a:ln w="9525">
            <a:noFill/>
            <a:miter lim="800000"/>
            <a:headEnd/>
            <a:tailEnd/>
          </a:ln>
          <a:effectLst/>
        </p:spPr>
        <p:txBody>
          <a:bodyPr/>
          <a:lstStyle/>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Consecutive year in </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the top 20 companies</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In training industry watch list</a:t>
            </a:r>
          </a:p>
        </p:txBody>
      </p:sp>
      <p:sp>
        <p:nvSpPr>
          <p:cNvPr id="26" name="TextBox 25">
            <a:extLst>
              <a:ext uri="{FF2B5EF4-FFF2-40B4-BE49-F238E27FC236}">
                <a16:creationId xmlns:a16="http://schemas.microsoft.com/office/drawing/2014/main" id="{780EE751-080C-1B68-8A19-ABB8CB24419E}"/>
              </a:ext>
            </a:extLst>
          </p:cNvPr>
          <p:cNvSpPr txBox="1"/>
          <p:nvPr/>
        </p:nvSpPr>
        <p:spPr>
          <a:xfrm>
            <a:off x="901880" y="1984410"/>
            <a:ext cx="1310235" cy="349840"/>
          </a:xfrm>
          <a:prstGeom prst="rect">
            <a:avLst/>
          </a:prstGeom>
          <a:noFill/>
        </p:spPr>
        <p:txBody>
          <a:bodyPr wrap="square">
            <a:spAutoFit/>
          </a:bodyPr>
          <a:lstStyle/>
          <a:p>
            <a:pPr algn="ctr">
              <a:lnSpc>
                <a:spcPct val="150000"/>
              </a:lnSpc>
              <a:defRPr/>
            </a:pPr>
            <a:r>
              <a:rPr lang="en-IN" sz="1050" kern="0">
                <a:solidFill>
                  <a:srgbClr val="0085BE"/>
                </a:solidFill>
                <a:latin typeface="Roboto "/>
                <a:ea typeface="Roboto light" panose="02000000000000000000" pitchFamily="2" charset="0"/>
                <a:cs typeface="Roboto light" panose="02000000000000000000" pitchFamily="2" charset="0"/>
              </a:rPr>
              <a:t>United States</a:t>
            </a:r>
          </a:p>
        </p:txBody>
      </p:sp>
      <p:pic>
        <p:nvPicPr>
          <p:cNvPr id="27" name="Graphic 121">
            <a:extLst>
              <a:ext uri="{FF2B5EF4-FFF2-40B4-BE49-F238E27FC236}">
                <a16:creationId xmlns:a16="http://schemas.microsoft.com/office/drawing/2014/main" id="{78905933-30A5-844C-1786-403A44BE1E8E}"/>
              </a:ext>
            </a:extLst>
          </p:cNvPr>
          <p:cNvPicPr>
            <a:picLocks noChangeAspect="1"/>
          </p:cNvPicPr>
          <p:nvPr/>
        </p:nvPicPr>
        <p:blipFill>
          <a:blip r:embed="rId16" cstate="hqprint">
            <a:extLst>
              <a:ext uri="{28A0092B-C50C-407E-A947-70E740481C1C}">
                <a14:useLocalDpi xmlns:a14="http://schemas.microsoft.com/office/drawing/2010/main" val="0"/>
              </a:ext>
              <a:ext uri="{96DAC541-7B7A-43D3-8B79-37D633B846F1}">
                <asvg:svgBlip xmlns:asvg="http://schemas.microsoft.com/office/drawing/2016/SVG/main" r:embed="rId17"/>
              </a:ext>
            </a:extLst>
          </a:blip>
          <a:stretch>
            <a:fillRect/>
          </a:stretch>
        </p:blipFill>
        <p:spPr>
          <a:xfrm>
            <a:off x="7948692" y="2964849"/>
            <a:ext cx="475200" cy="535909"/>
          </a:xfrm>
          <a:prstGeom prst="rect">
            <a:avLst/>
          </a:prstGeom>
        </p:spPr>
      </p:pic>
      <p:sp>
        <p:nvSpPr>
          <p:cNvPr id="28" name="TextBox 27">
            <a:extLst>
              <a:ext uri="{FF2B5EF4-FFF2-40B4-BE49-F238E27FC236}">
                <a16:creationId xmlns:a16="http://schemas.microsoft.com/office/drawing/2014/main" id="{8E169FBC-09E5-BA2C-BE10-9E2FEF031C79}"/>
              </a:ext>
            </a:extLst>
          </p:cNvPr>
          <p:cNvSpPr txBox="1"/>
          <p:nvPr/>
        </p:nvSpPr>
        <p:spPr>
          <a:xfrm>
            <a:off x="8006067" y="3072204"/>
            <a:ext cx="364828" cy="321200"/>
          </a:xfrm>
          <a:prstGeom prst="rect">
            <a:avLst/>
          </a:prstGeom>
        </p:spPr>
        <p:txBody>
          <a:bodyPr/>
          <a:lstStyle/>
          <a:p>
            <a:pPr algn="ctr">
              <a:defRPr/>
            </a:pPr>
            <a:r>
              <a:rPr lang="en-IN" sz="1600" kern="0">
                <a:solidFill>
                  <a:srgbClr val="595959"/>
                </a:solidFill>
                <a:latin typeface="Roboto "/>
                <a:ea typeface="Roboto light" panose="02000000000000000000" pitchFamily="2" charset="0"/>
                <a:cs typeface="Roboto light" panose="02000000000000000000" pitchFamily="2" charset="0"/>
              </a:rPr>
              <a:t>$</a:t>
            </a:r>
          </a:p>
        </p:txBody>
      </p:sp>
      <p:sp>
        <p:nvSpPr>
          <p:cNvPr id="29" name="TextBox 119">
            <a:extLst>
              <a:ext uri="{FF2B5EF4-FFF2-40B4-BE49-F238E27FC236}">
                <a16:creationId xmlns:a16="http://schemas.microsoft.com/office/drawing/2014/main" id="{36DCC139-961E-D140-5BFD-71D460C712DC}"/>
              </a:ext>
            </a:extLst>
          </p:cNvPr>
          <p:cNvSpPr txBox="1"/>
          <p:nvPr/>
        </p:nvSpPr>
        <p:spPr>
          <a:xfrm>
            <a:off x="7269089" y="3616106"/>
            <a:ext cx="1834405" cy="589500"/>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Flexible</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Pricing and working </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models</a:t>
            </a:r>
          </a:p>
        </p:txBody>
      </p:sp>
      <p:sp>
        <p:nvSpPr>
          <p:cNvPr id="30" name="TextBox 29">
            <a:extLst>
              <a:ext uri="{FF2B5EF4-FFF2-40B4-BE49-F238E27FC236}">
                <a16:creationId xmlns:a16="http://schemas.microsoft.com/office/drawing/2014/main" id="{6DD1AA21-FFDD-7016-0348-3F68806F73E0}"/>
              </a:ext>
            </a:extLst>
          </p:cNvPr>
          <p:cNvSpPr txBox="1"/>
          <p:nvPr/>
        </p:nvSpPr>
        <p:spPr>
          <a:xfrm>
            <a:off x="483582" y="5195505"/>
            <a:ext cx="2146830" cy="905136"/>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ISO: 27001:2013, ISO 22301:2019</a:t>
            </a:r>
            <a:br>
              <a:rPr lang="en-IN" sz="1000" kern="0">
                <a:solidFill>
                  <a:srgbClr val="0085BE"/>
                </a:solidFill>
                <a:latin typeface="Roboto "/>
                <a:ea typeface="Roboto light" panose="02000000000000000000" pitchFamily="2" charset="0"/>
                <a:cs typeface="Roboto light" panose="02000000000000000000" pitchFamily="2" charset="0"/>
              </a:rPr>
            </a:br>
            <a:r>
              <a:rPr lang="en-IN" sz="1000" kern="0">
                <a:solidFill>
                  <a:srgbClr val="0085BE"/>
                </a:solidFill>
                <a:latin typeface="Roboto "/>
                <a:ea typeface="Roboto light" panose="02000000000000000000" pitchFamily="2" charset="0"/>
                <a:cs typeface="Roboto light" panose="02000000000000000000" pitchFamily="2" charset="0"/>
              </a:rPr>
              <a:t>ISO:9001:2015</a:t>
            </a:r>
            <a:r>
              <a:rPr lang="en-IN" sz="800" kern="0">
                <a:solidFill>
                  <a:srgbClr val="404040"/>
                </a:solidFill>
                <a:latin typeface="Roboto "/>
                <a:ea typeface="Roboto light" panose="02000000000000000000" pitchFamily="2" charset="0"/>
                <a:cs typeface="Roboto light" panose="02000000000000000000" pitchFamily="2" charset="0"/>
              </a:rPr>
              <a:t>,</a:t>
            </a:r>
          </a:p>
          <a:p>
            <a:pPr algn="ctr" defTabSz="685800">
              <a:defRPr/>
            </a:pPr>
            <a:r>
              <a:rPr lang="en-IN" sz="800" kern="0">
                <a:solidFill>
                  <a:srgbClr val="404040"/>
                </a:solidFill>
                <a:latin typeface="Roboto "/>
                <a:ea typeface="Roboto light" panose="02000000000000000000" pitchFamily="2" charset="0"/>
                <a:cs typeface="Roboto light" panose="02000000000000000000" pitchFamily="2" charset="0"/>
              </a:rPr>
              <a:t> </a:t>
            </a:r>
            <a:r>
              <a:rPr lang="en-IN" sz="900" kern="0">
                <a:solidFill>
                  <a:srgbClr val="404040"/>
                </a:solidFill>
                <a:latin typeface="Roboto "/>
                <a:ea typeface="Roboto light" panose="02000000000000000000" pitchFamily="2" charset="0"/>
                <a:cs typeface="Roboto light" panose="02000000000000000000" pitchFamily="2" charset="0"/>
              </a:rPr>
              <a:t>PCI DSS, SOC, HIPPA, GDPR and CMMI 3 Certified</a:t>
            </a:r>
            <a:endParaRPr lang="en-IN" sz="800" kern="0">
              <a:solidFill>
                <a:srgbClr val="404040"/>
              </a:solidFill>
              <a:latin typeface="Roboto "/>
              <a:ea typeface="Roboto light" panose="02000000000000000000" pitchFamily="2" charset="0"/>
              <a:cs typeface="Roboto light" panose="02000000000000000000" pitchFamily="2" charset="0"/>
            </a:endParaRPr>
          </a:p>
        </p:txBody>
      </p:sp>
      <p:sp>
        <p:nvSpPr>
          <p:cNvPr id="31" name="TextBox 30">
            <a:extLst>
              <a:ext uri="{FF2B5EF4-FFF2-40B4-BE49-F238E27FC236}">
                <a16:creationId xmlns:a16="http://schemas.microsoft.com/office/drawing/2014/main" id="{46160C7F-F883-32E4-5100-DC74E6CF5DCE}"/>
              </a:ext>
            </a:extLst>
          </p:cNvPr>
          <p:cNvSpPr txBox="1"/>
          <p:nvPr/>
        </p:nvSpPr>
        <p:spPr>
          <a:xfrm>
            <a:off x="2829692" y="5195505"/>
            <a:ext cx="1929571" cy="523220"/>
          </a:xfrm>
          <a:prstGeom prst="rect">
            <a:avLst/>
          </a:prstGeom>
          <a:noFill/>
        </p:spPr>
        <p:txBody>
          <a:bodyPr wrap="square">
            <a:spAutoFit/>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Scalability</a:t>
            </a:r>
            <a:br>
              <a:rPr lang="en-IN" sz="1100" b="1" kern="0">
                <a:solidFill>
                  <a:srgbClr val="005A84"/>
                </a:solidFill>
                <a:ea typeface="Roboto" panose="02000000000000000000" pitchFamily="2" charset="0"/>
                <a:cs typeface="Roboto" panose="02000000000000000000" pitchFamily="2" charset="0"/>
              </a:rPr>
            </a:br>
            <a:r>
              <a:rPr lang="en-US" sz="900" kern="0">
                <a:solidFill>
                  <a:srgbClr val="404040"/>
                </a:solidFill>
                <a:latin typeface="Roboto "/>
                <a:ea typeface="Roboto light" panose="02000000000000000000" pitchFamily="2" charset="0"/>
                <a:cs typeface="Roboto light" panose="02000000000000000000" pitchFamily="2" charset="0"/>
              </a:rPr>
              <a:t>Capacity to process large volumes quickly and accurately 24/7/365</a:t>
            </a:r>
            <a:endParaRPr lang="en-US" sz="800" kern="0">
              <a:solidFill>
                <a:srgbClr val="404040"/>
              </a:solidFill>
              <a:latin typeface="Roboto "/>
              <a:ea typeface="Roboto light" panose="02000000000000000000" pitchFamily="2" charset="0"/>
              <a:cs typeface="Roboto light" panose="02000000000000000000" pitchFamily="2" charset="0"/>
            </a:endParaRPr>
          </a:p>
        </p:txBody>
      </p:sp>
      <p:sp>
        <p:nvSpPr>
          <p:cNvPr id="32" name="TextBox 31">
            <a:extLst>
              <a:ext uri="{FF2B5EF4-FFF2-40B4-BE49-F238E27FC236}">
                <a16:creationId xmlns:a16="http://schemas.microsoft.com/office/drawing/2014/main" id="{E102CCAC-D667-1DAB-1124-590D112896E6}"/>
              </a:ext>
            </a:extLst>
          </p:cNvPr>
          <p:cNvSpPr txBox="1"/>
          <p:nvPr/>
        </p:nvSpPr>
        <p:spPr>
          <a:xfrm>
            <a:off x="7163453" y="5195505"/>
            <a:ext cx="1973514" cy="746823"/>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Global Support Services</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We work across industries, geographies, lines of service and specialties to bring you </a:t>
            </a:r>
          </a:p>
          <a:p>
            <a:pPr algn="ctr" defTabSz="685800">
              <a:defRPr/>
            </a:pPr>
            <a:r>
              <a:rPr lang="en-US" sz="900" kern="0">
                <a:solidFill>
                  <a:srgbClr val="404040"/>
                </a:solidFill>
                <a:latin typeface="Roboto "/>
                <a:ea typeface="Roboto light" panose="02000000000000000000" pitchFamily="2" charset="0"/>
                <a:cs typeface="Roboto light" panose="02000000000000000000" pitchFamily="2" charset="0"/>
              </a:rPr>
              <a:t>customized solutions</a:t>
            </a:r>
          </a:p>
          <a:p>
            <a:pPr algn="ctr" defTabSz="685800">
              <a:defRPr/>
            </a:pPr>
            <a:endParaRPr lang="en-IN" sz="1100" kern="0">
              <a:solidFill>
                <a:srgbClr val="FF0000"/>
              </a:solidFill>
              <a:ea typeface="Roboto" panose="02000000000000000000" pitchFamily="2" charset="0"/>
              <a:cs typeface="Roboto" panose="02000000000000000000" pitchFamily="2" charset="0"/>
            </a:endParaRPr>
          </a:p>
        </p:txBody>
      </p:sp>
      <p:pic>
        <p:nvPicPr>
          <p:cNvPr id="33" name="Graphic 100">
            <a:extLst>
              <a:ext uri="{FF2B5EF4-FFF2-40B4-BE49-F238E27FC236}">
                <a16:creationId xmlns:a16="http://schemas.microsoft.com/office/drawing/2014/main" id="{2061B5C2-761F-4D63-6643-E670F171AD27}"/>
              </a:ext>
            </a:extLst>
          </p:cNvPr>
          <p:cNvPicPr>
            <a:picLocks noChangeAspect="1"/>
          </p:cNvPicPr>
          <p:nvPr/>
        </p:nvPicPr>
        <p:blipFill>
          <a:blip r:embed="rId18">
            <a:extLst>
              <a:ext uri="{28A0092B-C50C-407E-A947-70E740481C1C}">
                <a14:useLocalDpi xmlns:a14="http://schemas.microsoft.com/office/drawing/2010/main" val="0"/>
              </a:ext>
              <a:ext uri="{96DAC541-7B7A-43D3-8B79-37D633B846F1}">
                <asvg:svgBlip xmlns:asvg="http://schemas.microsoft.com/office/drawing/2016/SVG/main" r:embed="rId19"/>
              </a:ext>
            </a:extLst>
          </a:blip>
          <a:stretch>
            <a:fillRect/>
          </a:stretch>
        </p:blipFill>
        <p:spPr>
          <a:xfrm>
            <a:off x="3611906" y="4664734"/>
            <a:ext cx="365141" cy="351615"/>
          </a:xfrm>
          <a:prstGeom prst="rect">
            <a:avLst/>
          </a:prstGeom>
        </p:spPr>
      </p:pic>
      <p:sp>
        <p:nvSpPr>
          <p:cNvPr id="34" name="TextBox 33">
            <a:extLst>
              <a:ext uri="{FF2B5EF4-FFF2-40B4-BE49-F238E27FC236}">
                <a16:creationId xmlns:a16="http://schemas.microsoft.com/office/drawing/2014/main" id="{488792C0-A253-6DDA-8BC4-3ADB0C98AE12}"/>
              </a:ext>
            </a:extLst>
          </p:cNvPr>
          <p:cNvSpPr txBox="1"/>
          <p:nvPr/>
        </p:nvSpPr>
        <p:spPr>
          <a:xfrm>
            <a:off x="4931753" y="5195505"/>
            <a:ext cx="2231699" cy="659881"/>
          </a:xfrm>
          <a:prstGeom prst="rect">
            <a:avLst/>
          </a:prstGeom>
          <a:noFill/>
          <a:ln w="9525">
            <a:noFill/>
            <a:miter lim="800000"/>
            <a:headEnd/>
            <a:tailEnd/>
          </a:ln>
          <a:effectLst/>
        </p:spPr>
        <p:txBody>
          <a:bodyPr/>
          <a:lstStyle/>
          <a:p>
            <a:pPr algn="ctr" defTabSz="685800">
              <a:defRPr/>
            </a:pPr>
            <a:r>
              <a:rPr lang="en-IN" sz="1000" kern="0">
                <a:solidFill>
                  <a:srgbClr val="0085BE"/>
                </a:solidFill>
                <a:latin typeface="Roboto "/>
                <a:ea typeface="Roboto light" panose="02000000000000000000" pitchFamily="2" charset="0"/>
                <a:cs typeface="Roboto light" panose="02000000000000000000" pitchFamily="2" charset="0"/>
              </a:rPr>
              <a:t>Learning Lifecycle</a:t>
            </a:r>
          </a:p>
          <a:p>
            <a:pPr algn="ctr">
              <a:defRPr/>
            </a:pPr>
            <a:r>
              <a:rPr lang="en-IN" sz="900" kern="0">
                <a:solidFill>
                  <a:srgbClr val="404040"/>
                </a:solidFill>
                <a:latin typeface="Roboto" panose="02000000000000000000" pitchFamily="2" charset="0"/>
                <a:ea typeface="Roboto" panose="02000000000000000000" pitchFamily="2" charset="0"/>
                <a:cs typeface="Roboto" panose="02000000000000000000" pitchFamily="2" charset="0"/>
              </a:rPr>
              <a:t>Author • design • format • enrich </a:t>
            </a:r>
          </a:p>
          <a:p>
            <a:pPr algn="ctr">
              <a:defRPr/>
            </a:pPr>
            <a:r>
              <a:rPr lang="en-IN" sz="900" kern="0">
                <a:solidFill>
                  <a:srgbClr val="404040"/>
                </a:solidFill>
                <a:latin typeface="Roboto" panose="02000000000000000000" pitchFamily="2" charset="0"/>
                <a:ea typeface="Roboto" panose="02000000000000000000" pitchFamily="2" charset="0"/>
                <a:cs typeface="Roboto" panose="02000000000000000000" pitchFamily="2" charset="0"/>
              </a:rPr>
              <a:t>• produce • package • distribute </a:t>
            </a:r>
            <a:br>
              <a:rPr lang="en-IN" sz="900" kern="0">
                <a:solidFill>
                  <a:srgbClr val="404040"/>
                </a:solidFill>
                <a:latin typeface="Roboto" panose="02000000000000000000" pitchFamily="2" charset="0"/>
                <a:ea typeface="Roboto" panose="02000000000000000000" pitchFamily="2" charset="0"/>
                <a:cs typeface="Roboto" panose="02000000000000000000" pitchFamily="2" charset="0"/>
              </a:rPr>
            </a:br>
            <a:r>
              <a:rPr lang="en-IN" sz="900" kern="0">
                <a:solidFill>
                  <a:srgbClr val="404040"/>
                </a:solidFill>
                <a:latin typeface="Roboto" panose="02000000000000000000" pitchFamily="2" charset="0"/>
                <a:ea typeface="Roboto" panose="02000000000000000000" pitchFamily="2" charset="0"/>
                <a:cs typeface="Roboto" panose="02000000000000000000" pitchFamily="2" charset="0"/>
              </a:rPr>
              <a:t>• manage</a:t>
            </a:r>
          </a:p>
        </p:txBody>
      </p:sp>
      <p:pic>
        <p:nvPicPr>
          <p:cNvPr id="35" name="Graphic 34">
            <a:extLst>
              <a:ext uri="{FF2B5EF4-FFF2-40B4-BE49-F238E27FC236}">
                <a16:creationId xmlns:a16="http://schemas.microsoft.com/office/drawing/2014/main" id="{764EE6E8-EEC4-E7B6-04B8-85F6485D25D1}"/>
              </a:ext>
            </a:extLst>
          </p:cNvPr>
          <p:cNvPicPr>
            <a:picLocks noChangeAspect="1"/>
          </p:cNvPicPr>
          <p:nvPr/>
        </p:nvPicPr>
        <p:blipFill>
          <a:blip r:embed="rId20" cstate="hqprint">
            <a:extLst>
              <a:ext uri="{28A0092B-C50C-407E-A947-70E740481C1C}">
                <a14:useLocalDpi xmlns:a14="http://schemas.microsoft.com/office/drawing/2010/main" val="0"/>
              </a:ext>
              <a:ext uri="{96DAC541-7B7A-43D3-8B79-37D633B846F1}">
                <asvg:svgBlip xmlns:asvg="http://schemas.microsoft.com/office/drawing/2016/SVG/main" r:embed="rId21"/>
              </a:ext>
            </a:extLst>
          </a:blip>
          <a:stretch>
            <a:fillRect/>
          </a:stretch>
        </p:blipFill>
        <p:spPr>
          <a:xfrm>
            <a:off x="5839090" y="4700556"/>
            <a:ext cx="398019" cy="323233"/>
          </a:xfrm>
          <a:prstGeom prst="rect">
            <a:avLst/>
          </a:prstGeom>
        </p:spPr>
      </p:pic>
      <p:sp>
        <p:nvSpPr>
          <p:cNvPr id="36" name="Freeform 13">
            <a:extLst>
              <a:ext uri="{FF2B5EF4-FFF2-40B4-BE49-F238E27FC236}">
                <a16:creationId xmlns:a16="http://schemas.microsoft.com/office/drawing/2014/main" id="{E8165D52-0DD3-A8FC-2B4E-996FBAABB1ED}"/>
              </a:ext>
            </a:extLst>
          </p:cNvPr>
          <p:cNvSpPr/>
          <p:nvPr/>
        </p:nvSpPr>
        <p:spPr>
          <a:xfrm>
            <a:off x="7921013" y="4614297"/>
            <a:ext cx="425455" cy="452489"/>
          </a:xfrm>
          <a:custGeom>
            <a:avLst/>
            <a:gdLst/>
            <a:ahLst/>
            <a:cxnLst>
              <a:cxn ang="0">
                <a:pos x="wd2" y="hd2"/>
              </a:cxn>
              <a:cxn ang="5400000">
                <a:pos x="wd2" y="hd2"/>
              </a:cxn>
              <a:cxn ang="10800000">
                <a:pos x="wd2" y="hd2"/>
              </a:cxn>
              <a:cxn ang="16200000">
                <a:pos x="wd2" y="hd2"/>
              </a:cxn>
            </a:cxnLst>
            <a:rect l="0" t="0" r="r" b="b"/>
            <a:pathLst>
              <a:path w="21600" h="21600" extrusionOk="0">
                <a:moveTo>
                  <a:pt x="10800" y="0"/>
                </a:moveTo>
                <a:cubicBezTo>
                  <a:pt x="7914" y="0"/>
                  <a:pt x="5205" y="1123"/>
                  <a:pt x="3164" y="3164"/>
                </a:cubicBezTo>
                <a:cubicBezTo>
                  <a:pt x="1123" y="5196"/>
                  <a:pt x="0" y="7914"/>
                  <a:pt x="0" y="10800"/>
                </a:cubicBezTo>
                <a:cubicBezTo>
                  <a:pt x="0" y="13686"/>
                  <a:pt x="1123" y="16395"/>
                  <a:pt x="3164" y="18436"/>
                </a:cubicBezTo>
                <a:cubicBezTo>
                  <a:pt x="5205" y="20477"/>
                  <a:pt x="7914" y="21600"/>
                  <a:pt x="10800" y="21600"/>
                </a:cubicBezTo>
                <a:cubicBezTo>
                  <a:pt x="13686" y="21600"/>
                  <a:pt x="16395" y="20477"/>
                  <a:pt x="18436" y="18436"/>
                </a:cubicBezTo>
                <a:cubicBezTo>
                  <a:pt x="20477" y="16395"/>
                  <a:pt x="21600" y="13686"/>
                  <a:pt x="21600" y="10800"/>
                </a:cubicBezTo>
                <a:cubicBezTo>
                  <a:pt x="21600" y="7914"/>
                  <a:pt x="20477" y="5196"/>
                  <a:pt x="18436" y="3164"/>
                </a:cubicBezTo>
                <a:cubicBezTo>
                  <a:pt x="16395" y="1123"/>
                  <a:pt x="13686" y="0"/>
                  <a:pt x="10800" y="0"/>
                </a:cubicBezTo>
                <a:close/>
                <a:moveTo>
                  <a:pt x="18928" y="5910"/>
                </a:moveTo>
                <a:cubicBezTo>
                  <a:pt x="18241" y="5725"/>
                  <a:pt x="17536" y="5548"/>
                  <a:pt x="16840" y="5409"/>
                </a:cubicBezTo>
                <a:cubicBezTo>
                  <a:pt x="16766" y="4574"/>
                  <a:pt x="16070" y="3925"/>
                  <a:pt x="15216" y="3925"/>
                </a:cubicBezTo>
                <a:cubicBezTo>
                  <a:pt x="15022" y="3925"/>
                  <a:pt x="14827" y="3962"/>
                  <a:pt x="14651" y="4027"/>
                </a:cubicBezTo>
                <a:cubicBezTo>
                  <a:pt x="14029" y="3108"/>
                  <a:pt x="13296" y="2255"/>
                  <a:pt x="12442" y="1457"/>
                </a:cubicBezTo>
                <a:cubicBezTo>
                  <a:pt x="14354" y="1791"/>
                  <a:pt x="16107" y="2700"/>
                  <a:pt x="17499" y="4092"/>
                </a:cubicBezTo>
                <a:cubicBezTo>
                  <a:pt x="18056" y="4648"/>
                  <a:pt x="18538" y="5261"/>
                  <a:pt x="18928" y="5910"/>
                </a:cubicBezTo>
                <a:close/>
                <a:moveTo>
                  <a:pt x="19475" y="14632"/>
                </a:moveTo>
                <a:cubicBezTo>
                  <a:pt x="18260" y="15003"/>
                  <a:pt x="17026" y="15300"/>
                  <a:pt x="15773" y="15513"/>
                </a:cubicBezTo>
                <a:cubicBezTo>
                  <a:pt x="16395" y="14103"/>
                  <a:pt x="16720" y="12637"/>
                  <a:pt x="16766" y="11125"/>
                </a:cubicBezTo>
                <a:cubicBezTo>
                  <a:pt x="20273" y="11125"/>
                  <a:pt x="20273" y="11125"/>
                  <a:pt x="20273" y="11125"/>
                </a:cubicBezTo>
                <a:cubicBezTo>
                  <a:pt x="20236" y="12349"/>
                  <a:pt x="19958" y="13537"/>
                  <a:pt x="19475" y="14632"/>
                </a:cubicBezTo>
                <a:close/>
                <a:moveTo>
                  <a:pt x="11171" y="20273"/>
                </a:moveTo>
                <a:cubicBezTo>
                  <a:pt x="11153" y="20273"/>
                  <a:pt x="11143" y="20273"/>
                  <a:pt x="11134" y="20273"/>
                </a:cubicBezTo>
                <a:cubicBezTo>
                  <a:pt x="11134" y="17954"/>
                  <a:pt x="11134" y="17954"/>
                  <a:pt x="11134" y="17954"/>
                </a:cubicBezTo>
                <a:cubicBezTo>
                  <a:pt x="11737" y="17824"/>
                  <a:pt x="12229" y="17351"/>
                  <a:pt x="12377" y="16747"/>
                </a:cubicBezTo>
                <a:cubicBezTo>
                  <a:pt x="13055" y="16720"/>
                  <a:pt x="13732" y="16655"/>
                  <a:pt x="14400" y="16580"/>
                </a:cubicBezTo>
                <a:cubicBezTo>
                  <a:pt x="13593" y="17944"/>
                  <a:pt x="12507" y="19178"/>
                  <a:pt x="11171" y="20273"/>
                </a:cubicBezTo>
                <a:close/>
                <a:moveTo>
                  <a:pt x="7191" y="16580"/>
                </a:moveTo>
                <a:cubicBezTo>
                  <a:pt x="7868" y="16655"/>
                  <a:pt x="8545" y="16720"/>
                  <a:pt x="9223" y="16747"/>
                </a:cubicBezTo>
                <a:cubicBezTo>
                  <a:pt x="9371" y="17351"/>
                  <a:pt x="9854" y="17824"/>
                  <a:pt x="10466" y="17954"/>
                </a:cubicBezTo>
                <a:cubicBezTo>
                  <a:pt x="10466" y="20273"/>
                  <a:pt x="10466" y="20273"/>
                  <a:pt x="10466" y="20273"/>
                </a:cubicBezTo>
                <a:cubicBezTo>
                  <a:pt x="10457" y="20273"/>
                  <a:pt x="10438" y="20273"/>
                  <a:pt x="10429" y="20273"/>
                </a:cubicBezTo>
                <a:cubicBezTo>
                  <a:pt x="9093" y="19178"/>
                  <a:pt x="8007" y="17944"/>
                  <a:pt x="7191" y="16580"/>
                </a:cubicBezTo>
                <a:close/>
                <a:moveTo>
                  <a:pt x="2125" y="6968"/>
                </a:moveTo>
                <a:cubicBezTo>
                  <a:pt x="3340" y="6588"/>
                  <a:pt x="4574" y="6291"/>
                  <a:pt x="5818" y="6077"/>
                </a:cubicBezTo>
                <a:cubicBezTo>
                  <a:pt x="5381" y="7089"/>
                  <a:pt x="5085" y="8128"/>
                  <a:pt x="4936" y="9195"/>
                </a:cubicBezTo>
                <a:cubicBezTo>
                  <a:pt x="4268" y="9297"/>
                  <a:pt x="3739" y="9816"/>
                  <a:pt x="3600" y="10475"/>
                </a:cubicBezTo>
                <a:cubicBezTo>
                  <a:pt x="1327" y="10475"/>
                  <a:pt x="1327" y="10475"/>
                  <a:pt x="1327" y="10475"/>
                </a:cubicBezTo>
                <a:cubicBezTo>
                  <a:pt x="1364" y="9241"/>
                  <a:pt x="1642" y="8063"/>
                  <a:pt x="2125" y="6968"/>
                </a:cubicBezTo>
                <a:close/>
                <a:moveTo>
                  <a:pt x="10429" y="1327"/>
                </a:moveTo>
                <a:cubicBezTo>
                  <a:pt x="10438" y="1327"/>
                  <a:pt x="10457" y="1327"/>
                  <a:pt x="10466" y="1327"/>
                </a:cubicBezTo>
                <a:cubicBezTo>
                  <a:pt x="10466" y="4806"/>
                  <a:pt x="10466" y="4806"/>
                  <a:pt x="10466" y="4806"/>
                </a:cubicBezTo>
                <a:cubicBezTo>
                  <a:pt x="9371" y="4815"/>
                  <a:pt x="8276" y="4890"/>
                  <a:pt x="7191" y="5020"/>
                </a:cubicBezTo>
                <a:cubicBezTo>
                  <a:pt x="8007" y="3656"/>
                  <a:pt x="9093" y="2412"/>
                  <a:pt x="10429" y="1327"/>
                </a:cubicBezTo>
                <a:close/>
                <a:moveTo>
                  <a:pt x="14038" y="4435"/>
                </a:moveTo>
                <a:cubicBezTo>
                  <a:pt x="13899" y="4584"/>
                  <a:pt x="13788" y="4751"/>
                  <a:pt x="13713" y="4945"/>
                </a:cubicBezTo>
                <a:cubicBezTo>
                  <a:pt x="12860" y="4862"/>
                  <a:pt x="11997" y="4815"/>
                  <a:pt x="11134" y="4806"/>
                </a:cubicBezTo>
                <a:cubicBezTo>
                  <a:pt x="11134" y="1327"/>
                  <a:pt x="11134" y="1327"/>
                  <a:pt x="11134" y="1327"/>
                </a:cubicBezTo>
                <a:cubicBezTo>
                  <a:pt x="11143" y="1327"/>
                  <a:pt x="11153" y="1327"/>
                  <a:pt x="11171" y="1327"/>
                </a:cubicBezTo>
                <a:cubicBezTo>
                  <a:pt x="12312" y="2255"/>
                  <a:pt x="13277" y="3303"/>
                  <a:pt x="14038" y="4435"/>
                </a:cubicBezTo>
                <a:close/>
                <a:moveTo>
                  <a:pt x="11134" y="5660"/>
                </a:moveTo>
                <a:cubicBezTo>
                  <a:pt x="11960" y="5669"/>
                  <a:pt x="12795" y="5715"/>
                  <a:pt x="13611" y="5790"/>
                </a:cubicBezTo>
                <a:cubicBezTo>
                  <a:pt x="13732" y="6569"/>
                  <a:pt x="14409" y="7172"/>
                  <a:pt x="15216" y="7172"/>
                </a:cubicBezTo>
                <a:cubicBezTo>
                  <a:pt x="15281" y="7172"/>
                  <a:pt x="15346" y="7163"/>
                  <a:pt x="15411" y="7163"/>
                </a:cubicBezTo>
                <a:cubicBezTo>
                  <a:pt x="15792" y="8230"/>
                  <a:pt x="15996" y="9343"/>
                  <a:pt x="16033" y="10475"/>
                </a:cubicBezTo>
                <a:cubicBezTo>
                  <a:pt x="11134" y="10475"/>
                  <a:pt x="11134" y="10475"/>
                  <a:pt x="11134" y="10475"/>
                </a:cubicBezTo>
                <a:lnTo>
                  <a:pt x="11134" y="5660"/>
                </a:lnTo>
                <a:close/>
                <a:moveTo>
                  <a:pt x="15959" y="5548"/>
                </a:moveTo>
                <a:cubicBezTo>
                  <a:pt x="15959" y="5957"/>
                  <a:pt x="15625" y="6291"/>
                  <a:pt x="15216" y="6291"/>
                </a:cubicBezTo>
                <a:cubicBezTo>
                  <a:pt x="14808" y="6291"/>
                  <a:pt x="14474" y="5957"/>
                  <a:pt x="14474" y="5548"/>
                </a:cubicBezTo>
                <a:cubicBezTo>
                  <a:pt x="14474" y="5140"/>
                  <a:pt x="14808" y="4806"/>
                  <a:pt x="15216" y="4806"/>
                </a:cubicBezTo>
                <a:cubicBezTo>
                  <a:pt x="15625" y="4806"/>
                  <a:pt x="15959" y="5140"/>
                  <a:pt x="15959" y="5548"/>
                </a:cubicBezTo>
                <a:close/>
                <a:moveTo>
                  <a:pt x="10466" y="5660"/>
                </a:moveTo>
                <a:cubicBezTo>
                  <a:pt x="10466" y="10475"/>
                  <a:pt x="10466" y="10475"/>
                  <a:pt x="10466" y="10475"/>
                </a:cubicBezTo>
                <a:cubicBezTo>
                  <a:pt x="6782" y="10475"/>
                  <a:pt x="6782" y="10475"/>
                  <a:pt x="6782" y="10475"/>
                </a:cubicBezTo>
                <a:cubicBezTo>
                  <a:pt x="6671" y="9891"/>
                  <a:pt x="6235" y="9418"/>
                  <a:pt x="5669" y="9251"/>
                </a:cubicBezTo>
                <a:cubicBezTo>
                  <a:pt x="5836" y="8109"/>
                  <a:pt x="6179" y="7005"/>
                  <a:pt x="6699" y="5947"/>
                </a:cubicBezTo>
                <a:cubicBezTo>
                  <a:pt x="7942" y="5771"/>
                  <a:pt x="9204" y="5678"/>
                  <a:pt x="10466" y="5660"/>
                </a:cubicBezTo>
                <a:close/>
                <a:moveTo>
                  <a:pt x="5938" y="10800"/>
                </a:moveTo>
                <a:cubicBezTo>
                  <a:pt x="5938" y="11208"/>
                  <a:pt x="5604" y="11542"/>
                  <a:pt x="5196" y="11542"/>
                </a:cubicBezTo>
                <a:cubicBezTo>
                  <a:pt x="4788" y="11542"/>
                  <a:pt x="4454" y="11208"/>
                  <a:pt x="4454" y="10800"/>
                </a:cubicBezTo>
                <a:cubicBezTo>
                  <a:pt x="4454" y="10392"/>
                  <a:pt x="4788" y="10058"/>
                  <a:pt x="5196" y="10058"/>
                </a:cubicBezTo>
                <a:cubicBezTo>
                  <a:pt x="5604" y="10058"/>
                  <a:pt x="5938" y="10392"/>
                  <a:pt x="5938" y="10800"/>
                </a:cubicBezTo>
                <a:close/>
                <a:moveTo>
                  <a:pt x="1327" y="11125"/>
                </a:moveTo>
                <a:cubicBezTo>
                  <a:pt x="3600" y="11125"/>
                  <a:pt x="3600" y="11125"/>
                  <a:pt x="3600" y="11125"/>
                </a:cubicBezTo>
                <a:cubicBezTo>
                  <a:pt x="3739" y="11784"/>
                  <a:pt x="4268" y="12294"/>
                  <a:pt x="4936" y="12405"/>
                </a:cubicBezTo>
                <a:cubicBezTo>
                  <a:pt x="5085" y="13463"/>
                  <a:pt x="5381" y="14502"/>
                  <a:pt x="5818" y="15513"/>
                </a:cubicBezTo>
                <a:cubicBezTo>
                  <a:pt x="4574" y="15300"/>
                  <a:pt x="3340" y="15003"/>
                  <a:pt x="2125" y="14632"/>
                </a:cubicBezTo>
                <a:cubicBezTo>
                  <a:pt x="1642" y="13537"/>
                  <a:pt x="1364" y="12349"/>
                  <a:pt x="1327" y="11125"/>
                </a:cubicBezTo>
                <a:close/>
                <a:moveTo>
                  <a:pt x="5669" y="12349"/>
                </a:moveTo>
                <a:cubicBezTo>
                  <a:pt x="6235" y="12173"/>
                  <a:pt x="6671" y="11709"/>
                  <a:pt x="6782" y="11125"/>
                </a:cubicBezTo>
                <a:cubicBezTo>
                  <a:pt x="10466" y="11125"/>
                  <a:pt x="10466" y="11125"/>
                  <a:pt x="10466" y="11125"/>
                </a:cubicBezTo>
                <a:cubicBezTo>
                  <a:pt x="10466" y="14771"/>
                  <a:pt x="10466" y="14771"/>
                  <a:pt x="10466" y="14771"/>
                </a:cubicBezTo>
                <a:cubicBezTo>
                  <a:pt x="9881" y="14892"/>
                  <a:pt x="9418" y="15328"/>
                  <a:pt x="9241" y="15894"/>
                </a:cubicBezTo>
                <a:cubicBezTo>
                  <a:pt x="8388" y="15847"/>
                  <a:pt x="7543" y="15773"/>
                  <a:pt x="6699" y="15653"/>
                </a:cubicBezTo>
                <a:cubicBezTo>
                  <a:pt x="6179" y="14586"/>
                  <a:pt x="5836" y="13481"/>
                  <a:pt x="5669" y="12349"/>
                </a:cubicBezTo>
                <a:close/>
                <a:moveTo>
                  <a:pt x="11542" y="16367"/>
                </a:moveTo>
                <a:cubicBezTo>
                  <a:pt x="11542" y="16775"/>
                  <a:pt x="11208" y="17109"/>
                  <a:pt x="10800" y="17109"/>
                </a:cubicBezTo>
                <a:cubicBezTo>
                  <a:pt x="10392" y="17109"/>
                  <a:pt x="10058" y="16775"/>
                  <a:pt x="10058" y="16367"/>
                </a:cubicBezTo>
                <a:cubicBezTo>
                  <a:pt x="10058" y="15959"/>
                  <a:pt x="10392" y="15625"/>
                  <a:pt x="10800" y="15625"/>
                </a:cubicBezTo>
                <a:cubicBezTo>
                  <a:pt x="11208" y="15625"/>
                  <a:pt x="11542" y="15959"/>
                  <a:pt x="11542" y="16367"/>
                </a:cubicBezTo>
                <a:close/>
                <a:moveTo>
                  <a:pt x="12349" y="15894"/>
                </a:moveTo>
                <a:cubicBezTo>
                  <a:pt x="12182" y="15328"/>
                  <a:pt x="11709" y="14892"/>
                  <a:pt x="11134" y="14771"/>
                </a:cubicBezTo>
                <a:cubicBezTo>
                  <a:pt x="11134" y="11125"/>
                  <a:pt x="11134" y="11125"/>
                  <a:pt x="11134" y="11125"/>
                </a:cubicBezTo>
                <a:cubicBezTo>
                  <a:pt x="16033" y="11125"/>
                  <a:pt x="16033" y="11125"/>
                  <a:pt x="16033" y="11125"/>
                </a:cubicBezTo>
                <a:cubicBezTo>
                  <a:pt x="15987" y="12684"/>
                  <a:pt x="15606" y="14205"/>
                  <a:pt x="14901" y="15653"/>
                </a:cubicBezTo>
                <a:cubicBezTo>
                  <a:pt x="14057" y="15773"/>
                  <a:pt x="13212" y="15847"/>
                  <a:pt x="12349" y="15894"/>
                </a:cubicBezTo>
                <a:close/>
                <a:moveTo>
                  <a:pt x="16766" y="10475"/>
                </a:moveTo>
                <a:cubicBezTo>
                  <a:pt x="16729" y="9251"/>
                  <a:pt x="16506" y="8063"/>
                  <a:pt x="16107" y="6912"/>
                </a:cubicBezTo>
                <a:cubicBezTo>
                  <a:pt x="16348" y="6745"/>
                  <a:pt x="16553" y="6523"/>
                  <a:pt x="16682" y="6254"/>
                </a:cubicBezTo>
                <a:cubicBezTo>
                  <a:pt x="17629" y="6439"/>
                  <a:pt x="18557" y="6680"/>
                  <a:pt x="19475" y="6968"/>
                </a:cubicBezTo>
                <a:cubicBezTo>
                  <a:pt x="19958" y="8063"/>
                  <a:pt x="20236" y="9241"/>
                  <a:pt x="20273" y="10475"/>
                </a:cubicBezTo>
                <a:lnTo>
                  <a:pt x="16766" y="10475"/>
                </a:lnTo>
                <a:close/>
                <a:moveTo>
                  <a:pt x="4092" y="4092"/>
                </a:moveTo>
                <a:cubicBezTo>
                  <a:pt x="5493" y="2700"/>
                  <a:pt x="7246" y="1791"/>
                  <a:pt x="9158" y="1457"/>
                </a:cubicBezTo>
                <a:cubicBezTo>
                  <a:pt x="8026" y="2514"/>
                  <a:pt x="7098" y="3684"/>
                  <a:pt x="6384" y="4955"/>
                </a:cubicBezTo>
                <a:cubicBezTo>
                  <a:pt x="6346" y="5020"/>
                  <a:pt x="6309" y="5075"/>
                  <a:pt x="6281" y="5140"/>
                </a:cubicBezTo>
                <a:cubicBezTo>
                  <a:pt x="5066" y="5326"/>
                  <a:pt x="3860" y="5586"/>
                  <a:pt x="2672" y="5910"/>
                </a:cubicBezTo>
                <a:cubicBezTo>
                  <a:pt x="3062" y="5261"/>
                  <a:pt x="3544" y="4648"/>
                  <a:pt x="4092" y="4092"/>
                </a:cubicBezTo>
                <a:close/>
                <a:moveTo>
                  <a:pt x="2672" y="15680"/>
                </a:moveTo>
                <a:cubicBezTo>
                  <a:pt x="3860" y="16014"/>
                  <a:pt x="5066" y="16274"/>
                  <a:pt x="6281" y="16451"/>
                </a:cubicBezTo>
                <a:cubicBezTo>
                  <a:pt x="6309" y="16515"/>
                  <a:pt x="6346" y="16580"/>
                  <a:pt x="6384" y="16645"/>
                </a:cubicBezTo>
                <a:cubicBezTo>
                  <a:pt x="7098" y="17916"/>
                  <a:pt x="8026" y="19086"/>
                  <a:pt x="9158" y="20134"/>
                </a:cubicBezTo>
                <a:cubicBezTo>
                  <a:pt x="7246" y="19800"/>
                  <a:pt x="5493" y="18900"/>
                  <a:pt x="4092" y="17499"/>
                </a:cubicBezTo>
                <a:cubicBezTo>
                  <a:pt x="3544" y="16952"/>
                  <a:pt x="3062" y="16339"/>
                  <a:pt x="2672" y="15680"/>
                </a:cubicBezTo>
                <a:close/>
                <a:moveTo>
                  <a:pt x="17499" y="17499"/>
                </a:moveTo>
                <a:cubicBezTo>
                  <a:pt x="16107" y="18900"/>
                  <a:pt x="14354" y="19809"/>
                  <a:pt x="12442" y="20134"/>
                </a:cubicBezTo>
                <a:cubicBezTo>
                  <a:pt x="13574" y="19086"/>
                  <a:pt x="14502" y="17916"/>
                  <a:pt x="15216" y="16645"/>
                </a:cubicBezTo>
                <a:cubicBezTo>
                  <a:pt x="15254" y="16580"/>
                  <a:pt x="15281" y="16515"/>
                  <a:pt x="15319" y="16451"/>
                </a:cubicBezTo>
                <a:cubicBezTo>
                  <a:pt x="16534" y="16274"/>
                  <a:pt x="17740" y="16014"/>
                  <a:pt x="18928" y="15680"/>
                </a:cubicBezTo>
                <a:cubicBezTo>
                  <a:pt x="18538" y="16339"/>
                  <a:pt x="18056" y="16952"/>
                  <a:pt x="17499" y="17499"/>
                </a:cubicBezTo>
                <a:close/>
              </a:path>
            </a:pathLst>
          </a:custGeom>
          <a:solidFill>
            <a:srgbClr val="595959"/>
          </a:solidFill>
          <a:ln w="3175">
            <a:solidFill>
              <a:schemeClr val="bg1"/>
            </a:solidFill>
            <a:miter lim="400000"/>
          </a:ln>
        </p:spPr>
        <p:txBody>
          <a:bodyPr tIns="91439" bIns="91439"/>
          <a:lstStyle/>
          <a:p>
            <a:pPr defTabSz="914400">
              <a:lnSpc>
                <a:spcPct val="80000"/>
              </a:lnSpc>
              <a:defRPr sz="5400" cap="all" spc="-270">
                <a:solidFill>
                  <a:srgbClr val="000000"/>
                </a:solidFill>
                <a:latin typeface="Poppins Bold"/>
                <a:ea typeface="Poppins Bold"/>
                <a:cs typeface="Poppins Bold"/>
                <a:sym typeface="Poppins Bold"/>
              </a:defRPr>
            </a:pPr>
            <a:endParaRPr/>
          </a:p>
        </p:txBody>
      </p:sp>
      <p:pic>
        <p:nvPicPr>
          <p:cNvPr id="37" name="Picture 36" descr="cmm3.png">
            <a:extLst>
              <a:ext uri="{FF2B5EF4-FFF2-40B4-BE49-F238E27FC236}">
                <a16:creationId xmlns:a16="http://schemas.microsoft.com/office/drawing/2014/main" id="{029135A5-EF01-200C-D0FD-9EBE55C09D73}"/>
              </a:ext>
            </a:extLst>
          </p:cNvPr>
          <p:cNvPicPr>
            <a:picLocks noChangeAspect="1"/>
          </p:cNvPicPr>
          <p:nvPr/>
        </p:nvPicPr>
        <p:blipFill rotWithShape="1">
          <a:blip r:embed="rId22" cstate="email">
            <a:extLst>
              <a:ext uri="{28A0092B-C50C-407E-A947-70E740481C1C}">
                <a14:useLocalDpi xmlns:a14="http://schemas.microsoft.com/office/drawing/2010/main" val="0"/>
              </a:ext>
            </a:extLst>
          </a:blip>
          <a:srcRect l="13789" r="12237"/>
          <a:stretch/>
        </p:blipFill>
        <p:spPr>
          <a:xfrm>
            <a:off x="10726788" y="5269987"/>
            <a:ext cx="752816" cy="597499"/>
          </a:xfrm>
          <a:prstGeom prst="rect">
            <a:avLst/>
          </a:prstGeom>
        </p:spPr>
      </p:pic>
      <p:sp>
        <p:nvSpPr>
          <p:cNvPr id="38" name="Oval 37">
            <a:extLst>
              <a:ext uri="{FF2B5EF4-FFF2-40B4-BE49-F238E27FC236}">
                <a16:creationId xmlns:a16="http://schemas.microsoft.com/office/drawing/2014/main" id="{9E1B39BB-AEC1-FC7E-E420-38A65EC65E6F}"/>
              </a:ext>
            </a:extLst>
          </p:cNvPr>
          <p:cNvSpPr/>
          <p:nvPr/>
        </p:nvSpPr>
        <p:spPr>
          <a:xfrm>
            <a:off x="9726144" y="1193582"/>
            <a:ext cx="613598" cy="622725"/>
          </a:xfrm>
          <a:prstGeom prst="ellipse">
            <a:avLst/>
          </a:prstGeom>
          <a:blipFill>
            <a:blip r:embed="rId23" cstate="screen">
              <a:extLst>
                <a:ext uri="{28A0092B-C50C-407E-A947-70E740481C1C}">
                  <a14:useLocalDpi xmlns:a14="http://schemas.microsoft.com/office/drawing/2010/main" val="0"/>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39" name="Oval 38">
            <a:extLst>
              <a:ext uri="{FF2B5EF4-FFF2-40B4-BE49-F238E27FC236}">
                <a16:creationId xmlns:a16="http://schemas.microsoft.com/office/drawing/2014/main" id="{97E4307A-DC01-5193-E3D0-82C4F5815FC1}"/>
              </a:ext>
            </a:extLst>
          </p:cNvPr>
          <p:cNvSpPr/>
          <p:nvPr/>
        </p:nvSpPr>
        <p:spPr>
          <a:xfrm>
            <a:off x="9723428" y="5254083"/>
            <a:ext cx="609686" cy="618757"/>
          </a:xfrm>
          <a:prstGeom prst="ellipse">
            <a:avLst/>
          </a:prstGeom>
          <a:blipFill dpi="0" rotWithShape="1">
            <a:blip r:embed="rId24" cstate="screen">
              <a:extLst>
                <a:ext uri="{28A0092B-C50C-407E-A947-70E740481C1C}">
                  <a14:useLocalDpi xmlns:a14="http://schemas.microsoft.com/office/drawing/2010/main" val="0"/>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40" name="Oval 39">
            <a:extLst>
              <a:ext uri="{FF2B5EF4-FFF2-40B4-BE49-F238E27FC236}">
                <a16:creationId xmlns:a16="http://schemas.microsoft.com/office/drawing/2014/main" id="{4B36A97B-2566-C9E7-092F-C077A82EC1F5}"/>
              </a:ext>
            </a:extLst>
          </p:cNvPr>
          <p:cNvSpPr/>
          <p:nvPr/>
        </p:nvSpPr>
        <p:spPr>
          <a:xfrm>
            <a:off x="10785401" y="1193582"/>
            <a:ext cx="613598" cy="622725"/>
          </a:xfrm>
          <a:prstGeom prst="ellipse">
            <a:avLst/>
          </a:prstGeom>
          <a:blipFill>
            <a:blip r:embed="rId25" cstate="screen">
              <a:extLst>
                <a:ext uri="{28A0092B-C50C-407E-A947-70E740481C1C}">
                  <a14:useLocalDpi xmlns:a14="http://schemas.microsoft.com/office/drawing/2010/main" val="0"/>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41" name="Oval 40">
            <a:extLst>
              <a:ext uri="{FF2B5EF4-FFF2-40B4-BE49-F238E27FC236}">
                <a16:creationId xmlns:a16="http://schemas.microsoft.com/office/drawing/2014/main" id="{9BF7F622-4EA3-B7D2-9F77-5B1D9602EC8A}"/>
              </a:ext>
            </a:extLst>
          </p:cNvPr>
          <p:cNvSpPr/>
          <p:nvPr/>
        </p:nvSpPr>
        <p:spPr>
          <a:xfrm>
            <a:off x="10787321" y="3863358"/>
            <a:ext cx="619114" cy="628324"/>
          </a:xfrm>
          <a:prstGeom prst="ellipse">
            <a:avLst/>
          </a:prstGeom>
          <a:blipFill>
            <a:blip r:embed="rId26" cstate="email">
              <a:extLst>
                <a:ext uri="{28A0092B-C50C-407E-A947-70E740481C1C}">
                  <a14:useLocalDpi xmlns:a14="http://schemas.microsoft.com/office/drawing/2010/main" val="0"/>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42" name="Oval 41">
            <a:extLst>
              <a:ext uri="{FF2B5EF4-FFF2-40B4-BE49-F238E27FC236}">
                <a16:creationId xmlns:a16="http://schemas.microsoft.com/office/drawing/2014/main" id="{9BB2734C-5E57-585A-9090-2601EB590213}"/>
              </a:ext>
            </a:extLst>
          </p:cNvPr>
          <p:cNvSpPr/>
          <p:nvPr/>
        </p:nvSpPr>
        <p:spPr>
          <a:xfrm>
            <a:off x="9726144" y="3863358"/>
            <a:ext cx="613598" cy="622725"/>
          </a:xfrm>
          <a:prstGeom prst="ellipse">
            <a:avLst/>
          </a:prstGeom>
          <a:blipFill>
            <a:blip r:embed="rId27" cstate="email">
              <a:extLst>
                <a:ext uri="{28A0092B-C50C-407E-A947-70E740481C1C}">
                  <a14:useLocalDpi xmlns:a14="http://schemas.microsoft.com/office/drawing/2010/main" val="0"/>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sp>
        <p:nvSpPr>
          <p:cNvPr id="43" name="Oval 42">
            <a:extLst>
              <a:ext uri="{FF2B5EF4-FFF2-40B4-BE49-F238E27FC236}">
                <a16:creationId xmlns:a16="http://schemas.microsoft.com/office/drawing/2014/main" id="{9ACF6656-85C6-10B9-EEA7-247F58289E68}"/>
              </a:ext>
            </a:extLst>
          </p:cNvPr>
          <p:cNvSpPr/>
          <p:nvPr/>
        </p:nvSpPr>
        <p:spPr>
          <a:xfrm>
            <a:off x="10785400" y="2526232"/>
            <a:ext cx="674598" cy="644185"/>
          </a:xfrm>
          <a:prstGeom prst="ellipse">
            <a:avLst/>
          </a:prstGeom>
          <a:blipFill>
            <a:blip r:embed="rId28" cstate="email">
              <a:extLst>
                <a:ext uri="{28A0092B-C50C-407E-A947-70E740481C1C}">
                  <a14:useLocalDpi xmlns:a14="http://schemas.microsoft.com/office/drawing/2010/main" val="0"/>
                </a:ext>
              </a:extLst>
            </a:blip>
            <a:srcRect/>
            <a:stretch>
              <a:fillRect/>
            </a:stretch>
          </a:blipFill>
        </p:spPr>
        <p:style>
          <a:lnRef idx="2">
            <a:schemeClr val="accent1">
              <a:shade val="80000"/>
              <a:hueOff val="0"/>
              <a:satOff val="0"/>
              <a:lumOff val="0"/>
              <a:alphaOff val="0"/>
            </a:schemeClr>
          </a:lnRef>
          <a:fillRef idx="1">
            <a:scrgbClr r="0" g="0" b="0"/>
          </a:fillRef>
          <a:effectRef idx="0">
            <a:schemeClr val="accent1">
              <a:tint val="40000"/>
              <a:hueOff val="0"/>
              <a:satOff val="0"/>
              <a:lumOff val="0"/>
              <a:alphaOff val="0"/>
            </a:schemeClr>
          </a:effectRef>
          <a:fontRef idx="minor">
            <a:schemeClr val="lt1">
              <a:hueOff val="0"/>
              <a:satOff val="0"/>
              <a:lumOff val="0"/>
              <a:alphaOff val="0"/>
            </a:schemeClr>
          </a:fontRef>
        </p:style>
        <p:txBody>
          <a:bodyPr/>
          <a:lstStyle/>
          <a:p>
            <a:endParaRPr lang="en-IN"/>
          </a:p>
        </p:txBody>
      </p:sp>
      <p:pic>
        <p:nvPicPr>
          <p:cNvPr id="44" name="Picture 2">
            <a:extLst>
              <a:ext uri="{FF2B5EF4-FFF2-40B4-BE49-F238E27FC236}">
                <a16:creationId xmlns:a16="http://schemas.microsoft.com/office/drawing/2014/main" id="{CEA7F0B0-E3A5-55CF-2338-80CA94067FF2}"/>
              </a:ext>
            </a:extLst>
          </p:cNvPr>
          <p:cNvPicPr>
            <a:picLocks noChangeAspect="1" noChangeArrowheads="1"/>
          </p:cNvPicPr>
          <p:nvPr/>
        </p:nvPicPr>
        <p:blipFill>
          <a:blip r:embed="rId29" cstate="email">
            <a:extLst>
              <a:ext uri="{28A0092B-C50C-407E-A947-70E740481C1C}">
                <a14:useLocalDpi xmlns:a14="http://schemas.microsoft.com/office/drawing/2010/main" val="0"/>
              </a:ext>
            </a:extLst>
          </a:blip>
          <a:srcRect/>
          <a:stretch>
            <a:fillRect/>
          </a:stretch>
        </p:blipFill>
        <p:spPr bwMode="auto">
          <a:xfrm>
            <a:off x="9697755" y="2520819"/>
            <a:ext cx="681025" cy="657040"/>
          </a:xfrm>
          <a:prstGeom prst="ellipse">
            <a:avLst/>
          </a:prstGeom>
          <a:noFill/>
          <a:extLst>
            <a:ext uri="{909E8E84-426E-40DD-AFC4-6F175D3DCCD1}">
              <a14:hiddenFill xmlns:a14="http://schemas.microsoft.com/office/drawing/2010/main">
                <a:solidFill>
                  <a:srgbClr val="FFFFFF"/>
                </a:solidFill>
              </a14:hiddenFill>
            </a:ext>
          </a:extLst>
        </p:spPr>
      </p:pic>
      <p:sp>
        <p:nvSpPr>
          <p:cNvPr id="45" name="TextBox 44">
            <a:extLst>
              <a:ext uri="{FF2B5EF4-FFF2-40B4-BE49-F238E27FC236}">
                <a16:creationId xmlns:a16="http://schemas.microsoft.com/office/drawing/2014/main" id="{602159CA-07CD-D536-007D-DDB3767500D8}"/>
              </a:ext>
            </a:extLst>
          </p:cNvPr>
          <p:cNvSpPr txBox="1"/>
          <p:nvPr/>
        </p:nvSpPr>
        <p:spPr>
          <a:xfrm>
            <a:off x="3369447" y="1211044"/>
            <a:ext cx="791716" cy="507831"/>
          </a:xfrm>
          <a:prstGeom prst="rect">
            <a:avLst/>
          </a:prstGeom>
          <a:noFill/>
        </p:spPr>
        <p:txBody>
          <a:bodyPr wrap="square">
            <a:spAutoFit/>
          </a:bodyPr>
          <a:lstStyle/>
          <a:p>
            <a:pPr algn="ctr">
              <a:lnSpc>
                <a:spcPct val="150000"/>
              </a:lnSpc>
              <a:defRPr/>
            </a:pPr>
            <a:r>
              <a:rPr lang="en-IN" kern="0">
                <a:solidFill>
                  <a:srgbClr val="0085BE"/>
                </a:solidFill>
                <a:latin typeface="Roboto "/>
                <a:ea typeface="Roboto light" panose="02000000000000000000" pitchFamily="2" charset="0"/>
                <a:cs typeface="Roboto light" panose="02000000000000000000" pitchFamily="2" charset="0"/>
              </a:rPr>
              <a:t>30K+</a:t>
            </a:r>
          </a:p>
        </p:txBody>
      </p:sp>
    </p:spTree>
    <p:extLst>
      <p:ext uri="{BB962C8B-B14F-4D97-AF65-F5344CB8AC3E}">
        <p14:creationId xmlns:p14="http://schemas.microsoft.com/office/powerpoint/2010/main" val="1810171885"/>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A63ED58-0197-B91A-926B-161BAE3BA67B}"/>
              </a:ext>
            </a:extLst>
          </p:cNvPr>
          <p:cNvSpPr>
            <a:spLocks noGrp="1"/>
          </p:cNvSpPr>
          <p:nvPr>
            <p:ph type="title"/>
          </p:nvPr>
        </p:nvSpPr>
        <p:spPr/>
        <p:txBody>
          <a:bodyPr/>
          <a:lstStyle/>
          <a:p>
            <a:r>
              <a:rPr lang="en-IN"/>
              <a:t>Our Clients</a:t>
            </a:r>
          </a:p>
        </p:txBody>
      </p:sp>
      <p:grpSp>
        <p:nvGrpSpPr>
          <p:cNvPr id="4" name="Group 3">
            <a:extLst>
              <a:ext uri="{FF2B5EF4-FFF2-40B4-BE49-F238E27FC236}">
                <a16:creationId xmlns:a16="http://schemas.microsoft.com/office/drawing/2014/main" id="{F93A7114-3429-393A-7BA8-AE803310825D}"/>
              </a:ext>
            </a:extLst>
          </p:cNvPr>
          <p:cNvGrpSpPr/>
          <p:nvPr/>
        </p:nvGrpSpPr>
        <p:grpSpPr>
          <a:xfrm>
            <a:off x="535810" y="5341472"/>
            <a:ext cx="11221979" cy="501238"/>
            <a:chOff x="502559" y="4766388"/>
            <a:chExt cx="11221979" cy="551362"/>
          </a:xfrm>
        </p:grpSpPr>
        <p:grpSp>
          <p:nvGrpSpPr>
            <p:cNvPr id="5" name="Group 4">
              <a:extLst>
                <a:ext uri="{FF2B5EF4-FFF2-40B4-BE49-F238E27FC236}">
                  <a16:creationId xmlns:a16="http://schemas.microsoft.com/office/drawing/2014/main" id="{9E7329A3-2E1D-B165-AE3C-B3C36D5A6205}"/>
                </a:ext>
              </a:extLst>
            </p:cNvPr>
            <p:cNvGrpSpPr/>
            <p:nvPr/>
          </p:nvGrpSpPr>
          <p:grpSpPr>
            <a:xfrm>
              <a:off x="502559" y="4769110"/>
              <a:ext cx="11221979" cy="548640"/>
              <a:chOff x="609601" y="1217363"/>
              <a:chExt cx="11221979" cy="548640"/>
            </a:xfrm>
          </p:grpSpPr>
          <p:sp>
            <p:nvSpPr>
              <p:cNvPr id="8" name="Rectangle 7">
                <a:extLst>
                  <a:ext uri="{FF2B5EF4-FFF2-40B4-BE49-F238E27FC236}">
                    <a16:creationId xmlns:a16="http://schemas.microsoft.com/office/drawing/2014/main" id="{3EC71104-A991-DB9C-AE8E-02D7668864FE}"/>
                  </a:ext>
                </a:extLst>
              </p:cNvPr>
              <p:cNvSpPr/>
              <p:nvPr/>
            </p:nvSpPr>
            <p:spPr>
              <a:xfrm>
                <a:off x="609601" y="1217363"/>
                <a:ext cx="1590701" cy="548640"/>
              </a:xfrm>
              <a:prstGeom prst="rect">
                <a:avLst/>
              </a:prstGeom>
              <a:solidFill>
                <a:srgbClr val="0085BE"/>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R="0" lvl="0" indent="0" algn="ctr" fontAlgn="auto">
                  <a:lnSpc>
                    <a:spcPct val="100000"/>
                  </a:lnSpc>
                  <a:spcBef>
                    <a:spcPts val="0"/>
                  </a:spcBef>
                  <a:spcAft>
                    <a:spcPts val="0"/>
                  </a:spcAft>
                  <a:buClrTx/>
                  <a:buSzTx/>
                  <a:buFontTx/>
                  <a:buNone/>
                  <a:tabLst/>
                  <a:defRPr/>
                </a:pPr>
                <a:r>
                  <a:rPr lang="en-US" sz="1200" b="1">
                    <a:solidFill>
                      <a:prstClr val="white"/>
                    </a:solidFill>
                    <a:latin typeface="Roboto" panose="02000000000000000000" pitchFamily="2" charset="0"/>
                    <a:ea typeface="Roboto" panose="02000000000000000000" pitchFamily="2" charset="0"/>
                    <a:cs typeface="Roboto" panose="02000000000000000000" pitchFamily="2" charset="0"/>
                  </a:rPr>
                  <a:t>EdTech</a:t>
                </a:r>
              </a:p>
            </p:txBody>
          </p:sp>
          <p:sp>
            <p:nvSpPr>
              <p:cNvPr id="9" name="Rectangle 8">
                <a:extLst>
                  <a:ext uri="{FF2B5EF4-FFF2-40B4-BE49-F238E27FC236}">
                    <a16:creationId xmlns:a16="http://schemas.microsoft.com/office/drawing/2014/main" id="{BF6599FF-3E24-F50E-6221-A8833C7E0BFE}"/>
                  </a:ext>
                </a:extLst>
              </p:cNvPr>
              <p:cNvSpPr/>
              <p:nvPr/>
            </p:nvSpPr>
            <p:spPr>
              <a:xfrm rot="16200000">
                <a:off x="6741626" y="-3325531"/>
                <a:ext cx="545480" cy="9634429"/>
              </a:xfrm>
              <a:prstGeom prst="rect">
                <a:avLst/>
              </a:prstGeom>
              <a:solidFill>
                <a:schemeClr val="bg1"/>
              </a:solidFill>
              <a:ln w="3175">
                <a:solidFill>
                  <a:schemeClr val="bg1">
                    <a:lumMod val="65000"/>
                  </a:schemeClr>
                </a:solidFill>
                <a:prstDash val="soli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Tahoma" pitchFamily="34" charset="0"/>
                  <a:ea typeface="Tahoma" pitchFamily="34" charset="0"/>
                  <a:cs typeface="Tahoma" pitchFamily="34" charset="0"/>
                </a:endParaRPr>
              </a:p>
            </p:txBody>
          </p:sp>
          <p:pic>
            <p:nvPicPr>
              <p:cNvPr id="10" name="Picture 44">
                <a:extLst>
                  <a:ext uri="{FF2B5EF4-FFF2-40B4-BE49-F238E27FC236}">
                    <a16:creationId xmlns:a16="http://schemas.microsoft.com/office/drawing/2014/main" id="{58B62999-D395-9E02-9B66-79077EC74304}"/>
                  </a:ext>
                </a:extLst>
              </p:cNvPr>
              <p:cNvPicPr>
                <a:picLocks noChangeAspect="1" noChangeArrowheads="1"/>
              </p:cNvPicPr>
              <p:nvPr/>
            </p:nvPicPr>
            <p:blipFill>
              <a:blip r:embed="rId2" cstate="screen">
                <a:extLst>
                  <a:ext uri="{28A0092B-C50C-407E-A947-70E740481C1C}">
                    <a14:useLocalDpi xmlns:a14="http://schemas.microsoft.com/office/drawing/2010/main" val="0"/>
                  </a:ext>
                </a:extLst>
              </a:blip>
              <a:srcRect/>
              <a:stretch/>
            </p:blipFill>
            <p:spPr bwMode="auto">
              <a:xfrm>
                <a:off x="2574137" y="1306221"/>
                <a:ext cx="1337979" cy="370924"/>
              </a:xfrm>
              <a:prstGeom prst="rect">
                <a:avLst/>
              </a:prstGeom>
              <a:noFill/>
            </p:spPr>
          </p:pic>
          <p:pic>
            <p:nvPicPr>
              <p:cNvPr id="11" name="Picture 36" descr="https://upload.wikimedia.org/wikipedia/commons/d/da/Carnegie_Learning_logo_2014.png">
                <a:extLst>
                  <a:ext uri="{FF2B5EF4-FFF2-40B4-BE49-F238E27FC236}">
                    <a16:creationId xmlns:a16="http://schemas.microsoft.com/office/drawing/2014/main" id="{7EA3BE01-3E45-FED0-529D-DE46E5F1BB30}"/>
                  </a:ext>
                </a:extLst>
              </p:cNvPr>
              <p:cNvPicPr>
                <a:picLocks noChangeAspect="1" noChangeArrowheads="1"/>
              </p:cNvPicPr>
              <p:nvPr/>
            </p:nvPicPr>
            <p:blipFill>
              <a:blip r:embed="rId3" cstate="screen">
                <a:extLst>
                  <a:ext uri="{28A0092B-C50C-407E-A947-70E740481C1C}">
                    <a14:useLocalDpi xmlns:a14="http://schemas.microsoft.com/office/drawing/2010/main" val="0"/>
                  </a:ext>
                </a:extLst>
              </a:blip>
              <a:stretch>
                <a:fillRect/>
              </a:stretch>
            </p:blipFill>
            <p:spPr bwMode="auto">
              <a:xfrm>
                <a:off x="4191831" y="1311839"/>
                <a:ext cx="1404919" cy="374091"/>
              </a:xfrm>
              <a:prstGeom prst="rect">
                <a:avLst/>
              </a:prstGeom>
            </p:spPr>
          </p:pic>
          <p:pic>
            <p:nvPicPr>
              <p:cNvPr id="12" name="Picture 20" descr="http://www.southernsavers.com/wp-content/uploads/2011/01/logo.png">
                <a:extLst>
                  <a:ext uri="{FF2B5EF4-FFF2-40B4-BE49-F238E27FC236}">
                    <a16:creationId xmlns:a16="http://schemas.microsoft.com/office/drawing/2014/main" id="{D9B40228-48B1-9A47-FAD1-C349ECBAB196}"/>
                  </a:ext>
                </a:extLst>
              </p:cNvPr>
              <p:cNvPicPr>
                <a:picLocks noChangeAspect="1" noChangeArrowheads="1"/>
              </p:cNvPicPr>
              <p:nvPr/>
            </p:nvPicPr>
            <p:blipFill>
              <a:blip r:embed="rId4" cstate="screen">
                <a:extLst>
                  <a:ext uri="{28A0092B-C50C-407E-A947-70E740481C1C}">
                    <a14:useLocalDpi xmlns:a14="http://schemas.microsoft.com/office/drawing/2010/main" val="0"/>
                  </a:ext>
                </a:extLst>
              </a:blip>
              <a:srcRect/>
              <a:stretch>
                <a:fillRect/>
              </a:stretch>
            </p:blipFill>
            <p:spPr bwMode="auto">
              <a:xfrm>
                <a:off x="7632274" y="1272536"/>
                <a:ext cx="1035364" cy="460066"/>
              </a:xfrm>
              <a:prstGeom prst="rect">
                <a:avLst/>
              </a:prstGeom>
              <a:noFill/>
            </p:spPr>
          </p:pic>
          <p:pic>
            <p:nvPicPr>
              <p:cNvPr id="13" name="Picture 40" descr="http://branding.skillsoft.com/Assets/Skillsoft_Logo_color.jpg">
                <a:extLst>
                  <a:ext uri="{FF2B5EF4-FFF2-40B4-BE49-F238E27FC236}">
                    <a16:creationId xmlns:a16="http://schemas.microsoft.com/office/drawing/2014/main" id="{C72D9F0C-A871-2BE0-F33F-679C3E69AE09}"/>
                  </a:ext>
                </a:extLst>
              </p:cNvPr>
              <p:cNvPicPr>
                <a:picLocks noChangeAspect="1" noChangeArrowheads="1"/>
              </p:cNvPicPr>
              <p:nvPr/>
            </p:nvPicPr>
            <p:blipFill>
              <a:blip r:embed="rId5" cstate="screen">
                <a:extLst>
                  <a:ext uri="{28A0092B-C50C-407E-A947-70E740481C1C}">
                    <a14:useLocalDpi xmlns:a14="http://schemas.microsoft.com/office/drawing/2010/main" val="0"/>
                  </a:ext>
                </a:extLst>
              </a:blip>
              <a:srcRect/>
              <a:stretch>
                <a:fillRect/>
              </a:stretch>
            </p:blipFill>
            <p:spPr bwMode="auto">
              <a:xfrm>
                <a:off x="8911572" y="1281574"/>
                <a:ext cx="1140587" cy="418242"/>
              </a:xfrm>
              <a:prstGeom prst="rect">
                <a:avLst/>
              </a:prstGeom>
              <a:noFill/>
            </p:spPr>
          </p:pic>
        </p:grpSp>
        <p:pic>
          <p:nvPicPr>
            <p:cNvPr id="6" name="Picture 16" descr="https://upload.wikimedia.org/wikipedia/en/9/91/Harvard_Business_Publishing.png">
              <a:extLst>
                <a:ext uri="{FF2B5EF4-FFF2-40B4-BE49-F238E27FC236}">
                  <a16:creationId xmlns:a16="http://schemas.microsoft.com/office/drawing/2014/main" id="{FBC4EC28-89CF-BCCE-A825-E97C00C655A0}"/>
                </a:ext>
              </a:extLst>
            </p:cNvPr>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128214" y="4766388"/>
              <a:ext cx="1035415" cy="539559"/>
            </a:xfrm>
            <a:prstGeom prst="rect">
              <a:avLst/>
            </a:prstGeom>
            <a:noFill/>
          </p:spPr>
        </p:pic>
        <p:pic>
          <p:nvPicPr>
            <p:cNvPr id="7" name="Picture 2" descr="http://static1.squarespace.com/static/547645c9e4b0c04999d906b4/547a1e73e4b0674c74cd406f/547a1e74e4b067a185eb34c0/1417289333164/Junior-achievement-logo.png">
              <a:extLst>
                <a:ext uri="{FF2B5EF4-FFF2-40B4-BE49-F238E27FC236}">
                  <a16:creationId xmlns:a16="http://schemas.microsoft.com/office/drawing/2014/main" id="{CF69603D-7347-ECA5-6210-92506E627FE6}"/>
                </a:ext>
              </a:extLst>
            </p:cNvPr>
            <p:cNvPicPr>
              <a:picLocks noChangeAspect="1" noChangeArrowheads="1"/>
            </p:cNvPicPr>
            <p:nvPr/>
          </p:nvPicPr>
          <p:blipFill>
            <a:blip r:embed="rId7" cstate="screen">
              <a:extLst>
                <a:ext uri="{28A0092B-C50C-407E-A947-70E740481C1C}">
                  <a14:useLocalDpi xmlns:a14="http://schemas.microsoft.com/office/drawing/2010/main" val="0"/>
                </a:ext>
              </a:extLst>
            </a:blip>
            <a:srcRect/>
            <a:stretch>
              <a:fillRect/>
            </a:stretch>
          </p:blipFill>
          <p:spPr bwMode="auto">
            <a:xfrm>
              <a:off x="10510345" y="4815573"/>
              <a:ext cx="788217" cy="464085"/>
            </a:xfrm>
            <a:prstGeom prst="rect">
              <a:avLst/>
            </a:prstGeom>
            <a:noFill/>
          </p:spPr>
        </p:pic>
      </p:grpSp>
      <p:grpSp>
        <p:nvGrpSpPr>
          <p:cNvPr id="14" name="Group 13">
            <a:extLst>
              <a:ext uri="{FF2B5EF4-FFF2-40B4-BE49-F238E27FC236}">
                <a16:creationId xmlns:a16="http://schemas.microsoft.com/office/drawing/2014/main" id="{8C247133-CD74-7072-18DF-A59641E9DF5F}"/>
              </a:ext>
            </a:extLst>
          </p:cNvPr>
          <p:cNvGrpSpPr/>
          <p:nvPr/>
        </p:nvGrpSpPr>
        <p:grpSpPr>
          <a:xfrm>
            <a:off x="535810" y="2367331"/>
            <a:ext cx="11228478" cy="498765"/>
            <a:chOff x="502559" y="6075573"/>
            <a:chExt cx="11228478" cy="548641"/>
          </a:xfrm>
        </p:grpSpPr>
        <p:sp>
          <p:nvSpPr>
            <p:cNvPr id="15" name="Rectangle 14">
              <a:extLst>
                <a:ext uri="{FF2B5EF4-FFF2-40B4-BE49-F238E27FC236}">
                  <a16:creationId xmlns:a16="http://schemas.microsoft.com/office/drawing/2014/main" id="{64FE2344-9A2C-19D8-28A0-4025C469535A}"/>
                </a:ext>
              </a:extLst>
            </p:cNvPr>
            <p:cNvSpPr/>
            <p:nvPr/>
          </p:nvSpPr>
          <p:spPr>
            <a:xfrm rot="16200000">
              <a:off x="6637829" y="1531006"/>
              <a:ext cx="548640" cy="9637776"/>
            </a:xfrm>
            <a:prstGeom prst="rect">
              <a:avLst/>
            </a:prstGeom>
            <a:solidFill>
              <a:schemeClr val="bg1"/>
            </a:solidFill>
            <a:ln w="3175">
              <a:solidFill>
                <a:schemeClr val="bg1">
                  <a:lumMod val="65000"/>
                </a:schemeClr>
              </a:solidFill>
              <a:prstDash val="soli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Tahoma" pitchFamily="34" charset="0"/>
                <a:ea typeface="Tahoma" pitchFamily="34" charset="0"/>
                <a:cs typeface="Tahoma" pitchFamily="34" charset="0"/>
              </a:endParaRPr>
            </a:p>
          </p:txBody>
        </p:sp>
        <p:pic>
          <p:nvPicPr>
            <p:cNvPr id="16" name="Picture 15" descr="ounceLogo.png">
              <a:extLst>
                <a:ext uri="{FF2B5EF4-FFF2-40B4-BE49-F238E27FC236}">
                  <a16:creationId xmlns:a16="http://schemas.microsoft.com/office/drawing/2014/main" id="{5CB97AB4-4515-BE35-DD58-BA88394D0FD8}"/>
                </a:ext>
              </a:extLst>
            </p:cNvPr>
            <p:cNvPicPr>
              <a:picLocks noChangeAspect="1"/>
            </p:cNvPicPr>
            <p:nvPr/>
          </p:nvPicPr>
          <p:blipFill>
            <a:blip r:embed="rId8" cstate="screen">
              <a:extLst>
                <a:ext uri="{28A0092B-C50C-407E-A947-70E740481C1C}">
                  <a14:useLocalDpi xmlns:a14="http://schemas.microsoft.com/office/drawing/2010/main" val="0"/>
                </a:ext>
              </a:extLst>
            </a:blip>
            <a:stretch>
              <a:fillRect/>
            </a:stretch>
          </p:blipFill>
          <p:spPr>
            <a:xfrm>
              <a:off x="2186844" y="6268657"/>
              <a:ext cx="725897" cy="147541"/>
            </a:xfrm>
            <a:prstGeom prst="rect">
              <a:avLst/>
            </a:prstGeom>
          </p:spPr>
        </p:pic>
        <p:pic>
          <p:nvPicPr>
            <p:cNvPr id="17" name="Picture 16" descr="layout_set_logo.png">
              <a:extLst>
                <a:ext uri="{FF2B5EF4-FFF2-40B4-BE49-F238E27FC236}">
                  <a16:creationId xmlns:a16="http://schemas.microsoft.com/office/drawing/2014/main" id="{86F593B8-E467-CDEF-5751-FC4515A21F71}"/>
                </a:ext>
              </a:extLst>
            </p:cNvPr>
            <p:cNvPicPr>
              <a:picLocks noChangeAspect="1"/>
            </p:cNvPicPr>
            <p:nvPr/>
          </p:nvPicPr>
          <p:blipFill>
            <a:blip r:embed="rId9" cstate="screen">
              <a:extLst>
                <a:ext uri="{28A0092B-C50C-407E-A947-70E740481C1C}">
                  <a14:useLocalDpi xmlns:a14="http://schemas.microsoft.com/office/drawing/2010/main" val="0"/>
                </a:ext>
              </a:extLst>
            </a:blip>
            <a:stretch>
              <a:fillRect/>
            </a:stretch>
          </p:blipFill>
          <p:spPr>
            <a:xfrm>
              <a:off x="2982695" y="6251200"/>
              <a:ext cx="892231" cy="216015"/>
            </a:xfrm>
            <a:prstGeom prst="rect">
              <a:avLst/>
            </a:prstGeom>
          </p:spPr>
        </p:pic>
        <p:grpSp>
          <p:nvGrpSpPr>
            <p:cNvPr id="18" name="Group 98">
              <a:extLst>
                <a:ext uri="{FF2B5EF4-FFF2-40B4-BE49-F238E27FC236}">
                  <a16:creationId xmlns:a16="http://schemas.microsoft.com/office/drawing/2014/main" id="{F4DB27FF-5145-F9C9-F795-86ED36404748}"/>
                </a:ext>
              </a:extLst>
            </p:cNvPr>
            <p:cNvGrpSpPr/>
            <p:nvPr/>
          </p:nvGrpSpPr>
          <p:grpSpPr>
            <a:xfrm>
              <a:off x="4733182" y="6217624"/>
              <a:ext cx="906734" cy="282188"/>
              <a:chOff x="9517037" y="2676424"/>
              <a:chExt cx="1821669" cy="566928"/>
            </a:xfrm>
          </p:grpSpPr>
          <p:sp>
            <p:nvSpPr>
              <p:cNvPr id="26" name="Rectangle 25">
                <a:extLst>
                  <a:ext uri="{FF2B5EF4-FFF2-40B4-BE49-F238E27FC236}">
                    <a16:creationId xmlns:a16="http://schemas.microsoft.com/office/drawing/2014/main" id="{2B955089-67D0-BB80-5405-D0D5D310CCA3}"/>
                  </a:ext>
                </a:extLst>
              </p:cNvPr>
              <p:cNvSpPr/>
              <p:nvPr/>
            </p:nvSpPr>
            <p:spPr>
              <a:xfrm>
                <a:off x="9517037" y="2676424"/>
                <a:ext cx="1821669" cy="566928"/>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Roboto" pitchFamily="2" charset="0"/>
                  <a:ea typeface="Roboto" pitchFamily="2" charset="0"/>
                  <a:cs typeface="+mn-cs"/>
                </a:endParaRPr>
              </a:p>
            </p:txBody>
          </p:sp>
          <p:pic>
            <p:nvPicPr>
              <p:cNvPr id="27" name="Picture 26" descr="e-learningforkids_logo.png">
                <a:extLst>
                  <a:ext uri="{FF2B5EF4-FFF2-40B4-BE49-F238E27FC236}">
                    <a16:creationId xmlns:a16="http://schemas.microsoft.com/office/drawing/2014/main" id="{AE0C568D-FCD7-6583-684C-39CFA44D5D02}"/>
                  </a:ext>
                </a:extLst>
              </p:cNvPr>
              <p:cNvPicPr>
                <a:picLocks noChangeAspect="1"/>
              </p:cNvPicPr>
              <p:nvPr/>
            </p:nvPicPr>
            <p:blipFill>
              <a:blip r:embed="rId10" cstate="screen">
                <a:extLst>
                  <a:ext uri="{28A0092B-C50C-407E-A947-70E740481C1C}">
                    <a14:useLocalDpi xmlns:a14="http://schemas.microsoft.com/office/drawing/2010/main" val="0"/>
                  </a:ext>
                </a:extLst>
              </a:blip>
              <a:stretch>
                <a:fillRect/>
              </a:stretch>
            </p:blipFill>
            <p:spPr>
              <a:xfrm>
                <a:off x="9587745" y="2678901"/>
                <a:ext cx="1600200" cy="561976"/>
              </a:xfrm>
              <a:prstGeom prst="rect">
                <a:avLst/>
              </a:prstGeom>
            </p:spPr>
          </p:pic>
        </p:grpSp>
        <p:pic>
          <p:nvPicPr>
            <p:cNvPr id="19" name="Picture 18" descr="ounceLogo.png">
              <a:extLst>
                <a:ext uri="{FF2B5EF4-FFF2-40B4-BE49-F238E27FC236}">
                  <a16:creationId xmlns:a16="http://schemas.microsoft.com/office/drawing/2014/main" id="{BD18674F-56C6-B189-18C9-C42BF1A0EEF5}"/>
                </a:ext>
              </a:extLst>
            </p:cNvPr>
            <p:cNvPicPr>
              <a:picLocks noChangeAspect="1"/>
            </p:cNvPicPr>
            <p:nvPr/>
          </p:nvPicPr>
          <p:blipFill>
            <a:blip r:embed="rId11" cstate="screen">
              <a:extLst>
                <a:ext uri="{28A0092B-C50C-407E-A947-70E740481C1C}">
                  <a14:useLocalDpi xmlns:a14="http://schemas.microsoft.com/office/drawing/2010/main" val="0"/>
                </a:ext>
              </a:extLst>
            </a:blip>
            <a:stretch>
              <a:fillRect/>
            </a:stretch>
          </p:blipFill>
          <p:spPr>
            <a:xfrm>
              <a:off x="3949924" y="6278060"/>
              <a:ext cx="666874" cy="192739"/>
            </a:xfrm>
            <a:prstGeom prst="rect">
              <a:avLst/>
            </a:prstGeom>
          </p:spPr>
        </p:pic>
        <p:pic>
          <p:nvPicPr>
            <p:cNvPr id="20" name="Picture 19" descr="ounceLogo.png">
              <a:extLst>
                <a:ext uri="{FF2B5EF4-FFF2-40B4-BE49-F238E27FC236}">
                  <a16:creationId xmlns:a16="http://schemas.microsoft.com/office/drawing/2014/main" id="{A1F7AC09-7C92-F7F5-8EF7-7FC0CD7B8605}"/>
                </a:ext>
              </a:extLst>
            </p:cNvPr>
            <p:cNvPicPr>
              <a:picLocks noChangeAspect="1"/>
            </p:cNvPicPr>
            <p:nvPr/>
          </p:nvPicPr>
          <p:blipFill>
            <a:blip r:embed="rId12" cstate="screen">
              <a:extLst>
                <a:ext uri="{28A0092B-C50C-407E-A947-70E740481C1C}">
                  <a14:useLocalDpi xmlns:a14="http://schemas.microsoft.com/office/drawing/2010/main" val="0"/>
                </a:ext>
              </a:extLst>
            </a:blip>
            <a:stretch>
              <a:fillRect/>
            </a:stretch>
          </p:blipFill>
          <p:spPr>
            <a:xfrm>
              <a:off x="6622499" y="6189006"/>
              <a:ext cx="882001" cy="321613"/>
            </a:xfrm>
            <a:prstGeom prst="rect">
              <a:avLst/>
            </a:prstGeom>
          </p:spPr>
        </p:pic>
        <p:pic>
          <p:nvPicPr>
            <p:cNvPr id="21" name="Picture 20" descr="Pro.jpg">
              <a:extLst>
                <a:ext uri="{FF2B5EF4-FFF2-40B4-BE49-F238E27FC236}">
                  <a16:creationId xmlns:a16="http://schemas.microsoft.com/office/drawing/2014/main" id="{35C3A84E-E631-941C-7956-3B4CD655132C}"/>
                </a:ext>
              </a:extLst>
            </p:cNvPr>
            <p:cNvPicPr>
              <a:picLocks noChangeAspect="1"/>
            </p:cNvPicPr>
            <p:nvPr/>
          </p:nvPicPr>
          <p:blipFill>
            <a:blip r:embed="rId13" cstate="screen">
              <a:extLst>
                <a:ext uri="{28A0092B-C50C-407E-A947-70E740481C1C}">
                  <a14:useLocalDpi xmlns:a14="http://schemas.microsoft.com/office/drawing/2010/main" val="0"/>
                </a:ext>
              </a:extLst>
            </a:blip>
            <a:stretch>
              <a:fillRect/>
            </a:stretch>
          </p:blipFill>
          <p:spPr>
            <a:xfrm>
              <a:off x="7653492" y="6124590"/>
              <a:ext cx="743478" cy="430155"/>
            </a:xfrm>
            <a:prstGeom prst="rect">
              <a:avLst/>
            </a:prstGeom>
          </p:spPr>
        </p:pic>
        <p:sp>
          <p:nvSpPr>
            <p:cNvPr id="22" name="Rectangle 21">
              <a:extLst>
                <a:ext uri="{FF2B5EF4-FFF2-40B4-BE49-F238E27FC236}">
                  <a16:creationId xmlns:a16="http://schemas.microsoft.com/office/drawing/2014/main" id="{7A1D6D9B-6432-4831-FE16-1B22A33134D7}"/>
                </a:ext>
              </a:extLst>
            </p:cNvPr>
            <p:cNvSpPr/>
            <p:nvPr/>
          </p:nvSpPr>
          <p:spPr>
            <a:xfrm>
              <a:off x="502559" y="6075573"/>
              <a:ext cx="1590701" cy="548640"/>
            </a:xfrm>
            <a:prstGeom prst="rect">
              <a:avLst/>
            </a:prstGeom>
            <a:solidFill>
              <a:srgbClr val="0085BE"/>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R="0" lvl="0" indent="0" algn="ctr" fontAlgn="auto">
                <a:lnSpc>
                  <a:spcPct val="100000"/>
                </a:lnSpc>
                <a:spcBef>
                  <a:spcPts val="0"/>
                </a:spcBef>
                <a:spcAft>
                  <a:spcPts val="0"/>
                </a:spcAft>
                <a:buClrTx/>
                <a:buSzTx/>
                <a:buFontTx/>
                <a:buNone/>
                <a:tabLst/>
                <a:defRPr/>
              </a:pPr>
              <a:r>
                <a:rPr lang="en-US" sz="1200" b="1">
                  <a:solidFill>
                    <a:prstClr val="white"/>
                  </a:solidFill>
                  <a:latin typeface="Roboto" panose="02000000000000000000" pitchFamily="2" charset="0"/>
                  <a:ea typeface="Roboto" panose="02000000000000000000" pitchFamily="2" charset="0"/>
                  <a:cs typeface="Roboto" panose="02000000000000000000" pitchFamily="2" charset="0"/>
                </a:rPr>
                <a:t>Non-profit Organizations</a:t>
              </a:r>
            </a:p>
          </p:txBody>
        </p:sp>
        <p:pic>
          <p:nvPicPr>
            <p:cNvPr id="23" name="Picture 2">
              <a:extLst>
                <a:ext uri="{FF2B5EF4-FFF2-40B4-BE49-F238E27FC236}">
                  <a16:creationId xmlns:a16="http://schemas.microsoft.com/office/drawing/2014/main" id="{3208DE2F-CE42-C72A-A697-1B32F957C412}"/>
                </a:ext>
              </a:extLst>
            </p:cNvPr>
            <p:cNvPicPr>
              <a:picLocks noChangeAspect="1" noChangeArrowheads="1"/>
            </p:cNvPicPr>
            <p:nvPr/>
          </p:nvPicPr>
          <p:blipFill>
            <a:blip r:embed="rId14" cstate="screen">
              <a:extLst>
                <a:ext uri="{28A0092B-C50C-407E-A947-70E740481C1C}">
                  <a14:useLocalDpi xmlns:a14="http://schemas.microsoft.com/office/drawing/2010/main" val="0"/>
                </a:ext>
              </a:extLst>
            </a:blip>
            <a:srcRect/>
            <a:stretch>
              <a:fillRect/>
            </a:stretch>
          </p:blipFill>
          <p:spPr bwMode="auto">
            <a:xfrm>
              <a:off x="9749015" y="6186177"/>
              <a:ext cx="766853" cy="345084"/>
            </a:xfrm>
            <a:prstGeom prst="rect">
              <a:avLst/>
            </a:prstGeom>
            <a:noFill/>
            <a:ln w="9525">
              <a:noFill/>
              <a:miter lim="800000"/>
              <a:headEnd/>
              <a:tailEnd/>
            </a:ln>
          </p:spPr>
        </p:pic>
        <p:pic>
          <p:nvPicPr>
            <p:cNvPr id="24" name="Picture 3">
              <a:extLst>
                <a:ext uri="{FF2B5EF4-FFF2-40B4-BE49-F238E27FC236}">
                  <a16:creationId xmlns:a16="http://schemas.microsoft.com/office/drawing/2014/main" id="{AA0D61AE-A709-AC7C-589B-56D5BE60E1E8}"/>
                </a:ext>
              </a:extLst>
            </p:cNvPr>
            <p:cNvPicPr>
              <a:picLocks noChangeAspect="1" noChangeArrowheads="1"/>
            </p:cNvPicPr>
            <p:nvPr/>
          </p:nvPicPr>
          <p:blipFill>
            <a:blip r:embed="rId15" cstate="screen">
              <a:extLst>
                <a:ext uri="{28A0092B-C50C-407E-A947-70E740481C1C}">
                  <a14:useLocalDpi xmlns:a14="http://schemas.microsoft.com/office/drawing/2010/main" val="0"/>
                </a:ext>
              </a:extLst>
            </a:blip>
            <a:srcRect/>
            <a:stretch>
              <a:fillRect/>
            </a:stretch>
          </p:blipFill>
          <p:spPr bwMode="auto">
            <a:xfrm>
              <a:off x="8549344" y="6268260"/>
              <a:ext cx="1068782" cy="202202"/>
            </a:xfrm>
            <a:prstGeom prst="rect">
              <a:avLst/>
            </a:prstGeom>
            <a:noFill/>
            <a:ln w="9525">
              <a:noFill/>
              <a:miter lim="800000"/>
              <a:headEnd/>
              <a:tailEnd/>
            </a:ln>
          </p:spPr>
        </p:pic>
        <p:pic>
          <p:nvPicPr>
            <p:cNvPr id="25" name="Picture 4">
              <a:extLst>
                <a:ext uri="{FF2B5EF4-FFF2-40B4-BE49-F238E27FC236}">
                  <a16:creationId xmlns:a16="http://schemas.microsoft.com/office/drawing/2014/main" id="{C9B121CE-97F9-3E75-EF9F-9A771CFF2E48}"/>
                </a:ext>
              </a:extLst>
            </p:cNvPr>
            <p:cNvPicPr>
              <a:picLocks noChangeAspect="1" noChangeArrowheads="1"/>
            </p:cNvPicPr>
            <p:nvPr/>
          </p:nvPicPr>
          <p:blipFill>
            <a:blip r:embed="rId16" cstate="screen">
              <a:extLst>
                <a:ext uri="{28A0092B-C50C-407E-A947-70E740481C1C}">
                  <a14:useLocalDpi xmlns:a14="http://schemas.microsoft.com/office/drawing/2010/main" val="0"/>
                </a:ext>
              </a:extLst>
            </a:blip>
            <a:srcRect/>
            <a:stretch>
              <a:fillRect/>
            </a:stretch>
          </p:blipFill>
          <p:spPr bwMode="auto">
            <a:xfrm>
              <a:off x="10603745" y="6198716"/>
              <a:ext cx="990699" cy="363257"/>
            </a:xfrm>
            <a:prstGeom prst="rect">
              <a:avLst/>
            </a:prstGeom>
            <a:noFill/>
            <a:ln w="9525">
              <a:noFill/>
              <a:miter lim="800000"/>
              <a:headEnd/>
              <a:tailEnd/>
            </a:ln>
          </p:spPr>
        </p:pic>
      </p:grpSp>
      <p:grpSp>
        <p:nvGrpSpPr>
          <p:cNvPr id="28" name="Group 27">
            <a:extLst>
              <a:ext uri="{FF2B5EF4-FFF2-40B4-BE49-F238E27FC236}">
                <a16:creationId xmlns:a16="http://schemas.microsoft.com/office/drawing/2014/main" id="{D3E50DD0-BA4F-9E89-B923-145C268DFD73}"/>
              </a:ext>
            </a:extLst>
          </p:cNvPr>
          <p:cNvGrpSpPr/>
          <p:nvPr/>
        </p:nvGrpSpPr>
        <p:grpSpPr>
          <a:xfrm>
            <a:off x="535810" y="5945458"/>
            <a:ext cx="11228478" cy="498765"/>
            <a:chOff x="502559" y="5421834"/>
            <a:chExt cx="11228478" cy="548641"/>
          </a:xfrm>
        </p:grpSpPr>
        <p:sp>
          <p:nvSpPr>
            <p:cNvPr id="29" name="Rectangle 28">
              <a:extLst>
                <a:ext uri="{FF2B5EF4-FFF2-40B4-BE49-F238E27FC236}">
                  <a16:creationId xmlns:a16="http://schemas.microsoft.com/office/drawing/2014/main" id="{394202AA-2C39-2BAC-3FBD-53EE7F16EB25}"/>
                </a:ext>
              </a:extLst>
            </p:cNvPr>
            <p:cNvSpPr/>
            <p:nvPr/>
          </p:nvSpPr>
          <p:spPr>
            <a:xfrm rot="16200000">
              <a:off x="6637829" y="877267"/>
              <a:ext cx="548640" cy="9637776"/>
            </a:xfrm>
            <a:prstGeom prst="rect">
              <a:avLst/>
            </a:prstGeom>
            <a:solidFill>
              <a:schemeClr val="bg1"/>
            </a:solidFill>
            <a:ln w="3175">
              <a:solidFill>
                <a:schemeClr val="bg1">
                  <a:lumMod val="65000"/>
                </a:schemeClr>
              </a:solidFill>
              <a:prstDash val="soli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Tahoma" pitchFamily="34" charset="0"/>
                <a:ea typeface="Tahoma" pitchFamily="34" charset="0"/>
                <a:cs typeface="Tahoma" pitchFamily="34" charset="0"/>
              </a:endParaRPr>
            </a:p>
          </p:txBody>
        </p:sp>
        <p:sp>
          <p:nvSpPr>
            <p:cNvPr id="30" name="Rectangle 29">
              <a:extLst>
                <a:ext uri="{FF2B5EF4-FFF2-40B4-BE49-F238E27FC236}">
                  <a16:creationId xmlns:a16="http://schemas.microsoft.com/office/drawing/2014/main" id="{DE720CC6-DD0A-C65A-DD35-B2B12D93320B}"/>
                </a:ext>
              </a:extLst>
            </p:cNvPr>
            <p:cNvSpPr/>
            <p:nvPr/>
          </p:nvSpPr>
          <p:spPr>
            <a:xfrm>
              <a:off x="502559" y="5421834"/>
              <a:ext cx="1590701" cy="548640"/>
            </a:xfrm>
            <a:prstGeom prst="rect">
              <a:avLst/>
            </a:prstGeom>
            <a:solidFill>
              <a:srgbClr val="0085BE"/>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defRPr/>
              </a:pPr>
              <a:r>
                <a:rPr lang="en-US" sz="1200" b="1">
                  <a:solidFill>
                    <a:prstClr val="white"/>
                  </a:solidFill>
                  <a:latin typeface="Roboto" panose="02000000000000000000" pitchFamily="2" charset="0"/>
                  <a:ea typeface="Roboto" panose="02000000000000000000" pitchFamily="2" charset="0"/>
                  <a:cs typeface="Roboto" panose="02000000000000000000" pitchFamily="2" charset="0"/>
                </a:rPr>
                <a:t>Publishing</a:t>
              </a:r>
            </a:p>
          </p:txBody>
        </p:sp>
        <p:pic>
          <p:nvPicPr>
            <p:cNvPr id="31" name="Picture 26">
              <a:extLst>
                <a:ext uri="{FF2B5EF4-FFF2-40B4-BE49-F238E27FC236}">
                  <a16:creationId xmlns:a16="http://schemas.microsoft.com/office/drawing/2014/main" id="{17DF8D13-419A-AF28-7CDB-93E0F4225355}"/>
                </a:ext>
              </a:extLst>
            </p:cNvPr>
            <p:cNvPicPr preferRelativeResize="0">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8169954" y="5471799"/>
              <a:ext cx="295844" cy="433479"/>
            </a:xfrm>
            <a:prstGeom prst="rect">
              <a:avLst/>
            </a:prstGeom>
            <a:noFill/>
            <a:ln w="9525">
              <a:noFill/>
              <a:miter lim="800000"/>
              <a:headEnd/>
              <a:tailEnd/>
            </a:ln>
          </p:spPr>
        </p:pic>
        <p:pic>
          <p:nvPicPr>
            <p:cNvPr id="32" name="Picture 28">
              <a:extLst>
                <a:ext uri="{FF2B5EF4-FFF2-40B4-BE49-F238E27FC236}">
                  <a16:creationId xmlns:a16="http://schemas.microsoft.com/office/drawing/2014/main" id="{E109D7E6-B2AF-F58E-AD08-1D1F6BDE8466}"/>
                </a:ext>
              </a:extLst>
            </p:cNvPr>
            <p:cNvPicPr preferRelativeResize="0">
              <a:picLocks noChangeAspect="1" noChangeArrowheads="1"/>
            </p:cNvPicPr>
            <p:nvPr/>
          </p:nvPicPr>
          <p:blipFill>
            <a:blip r:embed="rId18" cstate="screen">
              <a:extLst>
                <a:ext uri="{28A0092B-C50C-407E-A947-70E740481C1C}">
                  <a14:useLocalDpi xmlns:a14="http://schemas.microsoft.com/office/drawing/2010/main" val="0"/>
                </a:ext>
              </a:extLst>
            </a:blip>
            <a:srcRect/>
            <a:stretch>
              <a:fillRect/>
            </a:stretch>
          </p:blipFill>
          <p:spPr bwMode="auto">
            <a:xfrm>
              <a:off x="2604505" y="5472309"/>
              <a:ext cx="445208" cy="466725"/>
            </a:xfrm>
            <a:prstGeom prst="rect">
              <a:avLst/>
            </a:prstGeom>
            <a:noFill/>
            <a:ln w="9525">
              <a:noFill/>
              <a:miter lim="800000"/>
              <a:headEnd/>
              <a:tailEnd/>
            </a:ln>
          </p:spPr>
        </p:pic>
        <p:pic>
          <p:nvPicPr>
            <p:cNvPr id="33" name="Picture 29">
              <a:extLst>
                <a:ext uri="{FF2B5EF4-FFF2-40B4-BE49-F238E27FC236}">
                  <a16:creationId xmlns:a16="http://schemas.microsoft.com/office/drawing/2014/main" id="{C41DB661-B0FB-A529-AC2B-C1B6D36904E7}"/>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6601565" y="5472069"/>
              <a:ext cx="952083" cy="397087"/>
            </a:xfrm>
            <a:prstGeom prst="rect">
              <a:avLst/>
            </a:prstGeom>
            <a:noFill/>
            <a:ln w="9525">
              <a:noFill/>
              <a:miter lim="800000"/>
              <a:headEnd/>
              <a:tailEnd/>
            </a:ln>
          </p:spPr>
        </p:pic>
        <p:pic>
          <p:nvPicPr>
            <p:cNvPr id="34" name="Picture 33">
              <a:extLst>
                <a:ext uri="{FF2B5EF4-FFF2-40B4-BE49-F238E27FC236}">
                  <a16:creationId xmlns:a16="http://schemas.microsoft.com/office/drawing/2014/main" id="{6BDE54A1-025A-8236-4023-5600C8EA5099}"/>
                </a:ext>
              </a:extLst>
            </p:cNvPr>
            <p:cNvPicPr>
              <a:picLocks noChangeAspect="1" noChangeArrowheads="1"/>
            </p:cNvPicPr>
            <p:nvPr/>
          </p:nvPicPr>
          <p:blipFill>
            <a:blip r:embed="rId20" cstate="screen">
              <a:extLst>
                <a:ext uri="{28A0092B-C50C-407E-A947-70E740481C1C}">
                  <a14:useLocalDpi xmlns:a14="http://schemas.microsoft.com/office/drawing/2010/main" val="0"/>
                </a:ext>
              </a:extLst>
            </a:blip>
            <a:srcRect/>
            <a:stretch>
              <a:fillRect/>
            </a:stretch>
          </p:blipFill>
          <p:spPr bwMode="auto">
            <a:xfrm>
              <a:off x="5280374" y="5602914"/>
              <a:ext cx="819724" cy="211878"/>
            </a:xfrm>
            <a:prstGeom prst="rect">
              <a:avLst/>
            </a:prstGeom>
            <a:noFill/>
            <a:ln w="9525">
              <a:noFill/>
              <a:miter lim="800000"/>
              <a:headEnd/>
              <a:tailEnd/>
            </a:ln>
          </p:spPr>
        </p:pic>
        <p:pic>
          <p:nvPicPr>
            <p:cNvPr id="35" name="Picture 34" descr="Graphical user interface&#10;&#10;Description automatically generated with medium confidence">
              <a:extLst>
                <a:ext uri="{FF2B5EF4-FFF2-40B4-BE49-F238E27FC236}">
                  <a16:creationId xmlns:a16="http://schemas.microsoft.com/office/drawing/2014/main" id="{67C52CCB-6584-2DAE-9E52-76B2E022DF3B}"/>
                </a:ext>
              </a:extLst>
            </p:cNvPr>
            <p:cNvPicPr>
              <a:picLocks noChangeAspect="1"/>
            </p:cNvPicPr>
            <p:nvPr/>
          </p:nvPicPr>
          <p:blipFill rotWithShape="1">
            <a:blip r:embed="rId21" cstate="screen">
              <a:extLst>
                <a:ext uri="{28A0092B-C50C-407E-A947-70E740481C1C}">
                  <a14:useLocalDpi xmlns:a14="http://schemas.microsoft.com/office/drawing/2010/main" val="0"/>
                </a:ext>
              </a:extLst>
            </a:blip>
            <a:srcRect/>
            <a:stretch/>
          </p:blipFill>
          <p:spPr>
            <a:xfrm>
              <a:off x="10291815" y="5526622"/>
              <a:ext cx="983987" cy="351366"/>
            </a:xfrm>
            <a:prstGeom prst="rect">
              <a:avLst/>
            </a:prstGeom>
          </p:spPr>
        </p:pic>
        <p:pic>
          <p:nvPicPr>
            <p:cNvPr id="36" name="Picture 35" descr="A picture containing logo&#10;&#10;Description automatically generated">
              <a:extLst>
                <a:ext uri="{FF2B5EF4-FFF2-40B4-BE49-F238E27FC236}">
                  <a16:creationId xmlns:a16="http://schemas.microsoft.com/office/drawing/2014/main" id="{93EE7D3E-2A26-688B-EA1F-BBE35DB97447}"/>
                </a:ext>
              </a:extLst>
            </p:cNvPr>
            <p:cNvPicPr>
              <a:picLocks noChangeAspect="1"/>
            </p:cNvPicPr>
            <p:nvPr/>
          </p:nvPicPr>
          <p:blipFill>
            <a:blip r:embed="rId22" cstate="screen">
              <a:extLst>
                <a:ext uri="{28A0092B-C50C-407E-A947-70E740481C1C}">
                  <a14:useLocalDpi xmlns:a14="http://schemas.microsoft.com/office/drawing/2010/main" val="0"/>
                </a:ext>
              </a:extLst>
            </a:blip>
            <a:stretch>
              <a:fillRect/>
            </a:stretch>
          </p:blipFill>
          <p:spPr>
            <a:xfrm>
              <a:off x="8885485" y="5453021"/>
              <a:ext cx="610979" cy="498559"/>
            </a:xfrm>
            <a:prstGeom prst="rect">
              <a:avLst/>
            </a:prstGeom>
          </p:spPr>
        </p:pic>
        <p:pic>
          <p:nvPicPr>
            <p:cNvPr id="37" name="Picture 36" descr="Graphical user interface, text, application&#10;&#10;Description automatically generated">
              <a:extLst>
                <a:ext uri="{FF2B5EF4-FFF2-40B4-BE49-F238E27FC236}">
                  <a16:creationId xmlns:a16="http://schemas.microsoft.com/office/drawing/2014/main" id="{407018B8-11B5-AF80-2410-669CE0DDD65C}"/>
                </a:ext>
              </a:extLst>
            </p:cNvPr>
            <p:cNvPicPr>
              <a:picLocks noChangeAspect="1"/>
            </p:cNvPicPr>
            <p:nvPr/>
          </p:nvPicPr>
          <p:blipFill rotWithShape="1">
            <a:blip r:embed="rId23" cstate="screen">
              <a:extLst>
                <a:ext uri="{28A0092B-C50C-407E-A947-70E740481C1C}">
                  <a14:useLocalDpi xmlns:a14="http://schemas.microsoft.com/office/drawing/2010/main" val="0"/>
                </a:ext>
              </a:extLst>
            </a:blip>
            <a:srcRect/>
            <a:stretch/>
          </p:blipFill>
          <p:spPr>
            <a:xfrm>
              <a:off x="3694550" y="5526622"/>
              <a:ext cx="983987" cy="358100"/>
            </a:xfrm>
            <a:prstGeom prst="rect">
              <a:avLst/>
            </a:prstGeom>
          </p:spPr>
        </p:pic>
      </p:grpSp>
      <p:pic>
        <p:nvPicPr>
          <p:cNvPr id="38" name="Picture 37" descr="Text, logo&#10;&#10;Description automatically generated">
            <a:extLst>
              <a:ext uri="{FF2B5EF4-FFF2-40B4-BE49-F238E27FC236}">
                <a16:creationId xmlns:a16="http://schemas.microsoft.com/office/drawing/2014/main" id="{1607C81F-23A2-2719-B6F6-CDCF575FD189}"/>
              </a:ext>
            </a:extLst>
          </p:cNvPr>
          <p:cNvPicPr>
            <a:picLocks noChangeAspect="1"/>
          </p:cNvPicPr>
          <p:nvPr/>
        </p:nvPicPr>
        <p:blipFill>
          <a:blip r:embed="rId24">
            <a:extLst>
              <a:ext uri="{28A0092B-C50C-407E-A947-70E740481C1C}">
                <a14:useLocalDpi xmlns:a14="http://schemas.microsoft.com/office/drawing/2010/main" val="0"/>
              </a:ext>
            </a:extLst>
          </a:blip>
          <a:stretch>
            <a:fillRect/>
          </a:stretch>
        </p:blipFill>
        <p:spPr>
          <a:xfrm>
            <a:off x="8234649" y="1667520"/>
            <a:ext cx="894534" cy="729940"/>
          </a:xfrm>
          <a:prstGeom prst="rect">
            <a:avLst/>
          </a:prstGeom>
        </p:spPr>
      </p:pic>
      <p:grpSp>
        <p:nvGrpSpPr>
          <p:cNvPr id="39" name="Group 38">
            <a:extLst>
              <a:ext uri="{FF2B5EF4-FFF2-40B4-BE49-F238E27FC236}">
                <a16:creationId xmlns:a16="http://schemas.microsoft.com/office/drawing/2014/main" id="{4DB3E8B8-D89D-4A45-EEE6-F7BA326C4182}"/>
              </a:ext>
            </a:extLst>
          </p:cNvPr>
          <p:cNvGrpSpPr/>
          <p:nvPr/>
        </p:nvGrpSpPr>
        <p:grpSpPr>
          <a:xfrm>
            <a:off x="535810" y="1175713"/>
            <a:ext cx="11228478" cy="514544"/>
            <a:chOff x="502559" y="840257"/>
            <a:chExt cx="11228478" cy="565998"/>
          </a:xfrm>
        </p:grpSpPr>
        <p:sp>
          <p:nvSpPr>
            <p:cNvPr id="40" name="Rectangle 39">
              <a:extLst>
                <a:ext uri="{FF2B5EF4-FFF2-40B4-BE49-F238E27FC236}">
                  <a16:creationId xmlns:a16="http://schemas.microsoft.com/office/drawing/2014/main" id="{42B0CED7-A63D-DC0F-544A-CA3630E92C1D}"/>
                </a:ext>
              </a:extLst>
            </p:cNvPr>
            <p:cNvSpPr/>
            <p:nvPr/>
          </p:nvSpPr>
          <p:spPr>
            <a:xfrm>
              <a:off x="502559" y="840257"/>
              <a:ext cx="1590701" cy="548640"/>
            </a:xfrm>
            <a:prstGeom prst="rect">
              <a:avLst/>
            </a:prstGeom>
            <a:solidFill>
              <a:srgbClr val="0085BE"/>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Roboto" panose="02000000000000000000" pitchFamily="2" charset="0"/>
                  <a:ea typeface="Roboto" panose="02000000000000000000" pitchFamily="2" charset="0"/>
                  <a:cs typeface="Roboto" panose="02000000000000000000" pitchFamily="2" charset="0"/>
                </a:rPr>
                <a:t>Healthcare and Pharmaceutical</a:t>
              </a:r>
            </a:p>
          </p:txBody>
        </p:sp>
        <p:sp>
          <p:nvSpPr>
            <p:cNvPr id="41" name="Rectangle 40">
              <a:extLst>
                <a:ext uri="{FF2B5EF4-FFF2-40B4-BE49-F238E27FC236}">
                  <a16:creationId xmlns:a16="http://schemas.microsoft.com/office/drawing/2014/main" id="{2E91B712-E19F-A2B6-90FB-84274EA5C490}"/>
                </a:ext>
              </a:extLst>
            </p:cNvPr>
            <p:cNvSpPr/>
            <p:nvPr/>
          </p:nvSpPr>
          <p:spPr>
            <a:xfrm rot="16200000">
              <a:off x="6637829" y="-3704310"/>
              <a:ext cx="548640" cy="9637776"/>
            </a:xfrm>
            <a:prstGeom prst="rect">
              <a:avLst/>
            </a:prstGeom>
            <a:solidFill>
              <a:schemeClr val="bg1"/>
            </a:solidFill>
            <a:ln w="3175">
              <a:solidFill>
                <a:schemeClr val="bg1">
                  <a:lumMod val="65000"/>
                </a:schemeClr>
              </a:solidFill>
              <a:prstDash val="soli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Tahoma" pitchFamily="34" charset="0"/>
                <a:ea typeface="Tahoma" pitchFamily="34" charset="0"/>
                <a:cs typeface="Tahoma" pitchFamily="34" charset="0"/>
              </a:endParaRPr>
            </a:p>
          </p:txBody>
        </p:sp>
        <p:pic>
          <p:nvPicPr>
            <p:cNvPr id="42" name="Picture 6" descr="C:\Users\deepika.patel\AppData\Local\Temp\Centered-legal-blk-blu.gif">
              <a:extLst>
                <a:ext uri="{FF2B5EF4-FFF2-40B4-BE49-F238E27FC236}">
                  <a16:creationId xmlns:a16="http://schemas.microsoft.com/office/drawing/2014/main" id="{FFF87651-C844-6361-E5C9-9ACAC2092C24}"/>
                </a:ext>
              </a:extLst>
            </p:cNvPr>
            <p:cNvPicPr>
              <a:picLocks noChangeAspect="1" noChangeArrowheads="1"/>
            </p:cNvPicPr>
            <p:nvPr/>
          </p:nvPicPr>
          <p:blipFill>
            <a:blip r:embed="rId25" cstate="screen">
              <a:extLst>
                <a:ext uri="{28A0092B-C50C-407E-A947-70E740481C1C}">
                  <a14:useLocalDpi xmlns:a14="http://schemas.microsoft.com/office/drawing/2010/main" val="0"/>
                </a:ext>
              </a:extLst>
            </a:blip>
            <a:srcRect l="4819" t="6944" r="5010" b="13060"/>
            <a:stretch>
              <a:fillRect/>
            </a:stretch>
          </p:blipFill>
          <p:spPr bwMode="auto">
            <a:xfrm>
              <a:off x="6673708" y="909275"/>
              <a:ext cx="912155" cy="414345"/>
            </a:xfrm>
            <a:prstGeom prst="rect">
              <a:avLst/>
            </a:prstGeom>
            <a:noFill/>
          </p:spPr>
        </p:pic>
        <p:pic>
          <p:nvPicPr>
            <p:cNvPr id="43" name="Picture 32" descr="http://lss2011.epfl.ch/images/pfizer_logo.jpg">
              <a:extLst>
                <a:ext uri="{FF2B5EF4-FFF2-40B4-BE49-F238E27FC236}">
                  <a16:creationId xmlns:a16="http://schemas.microsoft.com/office/drawing/2014/main" id="{3EACC736-8207-FDF7-CD8C-E79C7E3143E1}"/>
                </a:ext>
              </a:extLst>
            </p:cNvPr>
            <p:cNvPicPr>
              <a:picLocks noChangeAspect="1" noChangeArrowheads="1"/>
            </p:cNvPicPr>
            <p:nvPr/>
          </p:nvPicPr>
          <p:blipFill>
            <a:blip r:embed="rId26" cstate="screen">
              <a:extLst>
                <a:ext uri="{28A0092B-C50C-407E-A947-70E740481C1C}">
                  <a14:useLocalDpi xmlns:a14="http://schemas.microsoft.com/office/drawing/2010/main" val="0"/>
                </a:ext>
              </a:extLst>
            </a:blip>
            <a:srcRect/>
            <a:stretch>
              <a:fillRect/>
            </a:stretch>
          </p:blipFill>
          <p:spPr bwMode="auto">
            <a:xfrm>
              <a:off x="9819818" y="921178"/>
              <a:ext cx="650392" cy="372874"/>
            </a:xfrm>
            <a:prstGeom prst="rect">
              <a:avLst/>
            </a:prstGeom>
            <a:noFill/>
          </p:spPr>
        </p:pic>
        <p:pic>
          <p:nvPicPr>
            <p:cNvPr id="44" name="Picture 43">
              <a:extLst>
                <a:ext uri="{FF2B5EF4-FFF2-40B4-BE49-F238E27FC236}">
                  <a16:creationId xmlns:a16="http://schemas.microsoft.com/office/drawing/2014/main" id="{B9B44454-162F-1C66-643A-7F09848ED799}"/>
                </a:ext>
              </a:extLst>
            </p:cNvPr>
            <p:cNvPicPr>
              <a:picLocks noChangeAspect="1"/>
            </p:cNvPicPr>
            <p:nvPr/>
          </p:nvPicPr>
          <p:blipFill>
            <a:blip r:embed="rId27">
              <a:extLst>
                <a:ext uri="{28A0092B-C50C-407E-A947-70E740481C1C}">
                  <a14:useLocalDpi xmlns:a14="http://schemas.microsoft.com/office/drawing/2010/main" val="0"/>
                </a:ext>
              </a:extLst>
            </a:blip>
            <a:stretch>
              <a:fillRect/>
            </a:stretch>
          </p:blipFill>
          <p:spPr>
            <a:xfrm>
              <a:off x="10736785" y="873357"/>
              <a:ext cx="647700" cy="447675"/>
            </a:xfrm>
            <a:prstGeom prst="rect">
              <a:avLst/>
            </a:prstGeom>
          </p:spPr>
        </p:pic>
        <p:pic>
          <p:nvPicPr>
            <p:cNvPr id="45" name="Picture 44" descr="Screen Clipping">
              <a:extLst>
                <a:ext uri="{FF2B5EF4-FFF2-40B4-BE49-F238E27FC236}">
                  <a16:creationId xmlns:a16="http://schemas.microsoft.com/office/drawing/2014/main" id="{04F424C1-192C-0EED-315D-2E059219FE38}"/>
                </a:ext>
              </a:extLst>
            </p:cNvPr>
            <p:cNvPicPr>
              <a:picLocks noChangeAspect="1"/>
            </p:cNvPicPr>
            <p:nvPr/>
          </p:nvPicPr>
          <p:blipFill>
            <a:blip r:embed="rId28">
              <a:extLst>
                <a:ext uri="{28A0092B-C50C-407E-A947-70E740481C1C}">
                  <a14:useLocalDpi xmlns:a14="http://schemas.microsoft.com/office/drawing/2010/main" val="0"/>
                </a:ext>
              </a:extLst>
            </a:blip>
            <a:stretch>
              <a:fillRect/>
            </a:stretch>
          </p:blipFill>
          <p:spPr>
            <a:xfrm>
              <a:off x="5657688" y="952387"/>
              <a:ext cx="971722" cy="323907"/>
            </a:xfrm>
            <a:prstGeom prst="rect">
              <a:avLst/>
            </a:prstGeom>
          </p:spPr>
        </p:pic>
        <p:pic>
          <p:nvPicPr>
            <p:cNvPr id="46" name="Picture 45" descr="A picture containing logo&#10;&#10;Description automatically generated">
              <a:extLst>
                <a:ext uri="{FF2B5EF4-FFF2-40B4-BE49-F238E27FC236}">
                  <a16:creationId xmlns:a16="http://schemas.microsoft.com/office/drawing/2014/main" id="{6930FDE0-7BBA-AAED-2ABE-ADB348BA0B66}"/>
                </a:ext>
              </a:extLst>
            </p:cNvPr>
            <p:cNvPicPr>
              <a:picLocks noChangeAspect="1"/>
            </p:cNvPicPr>
            <p:nvPr/>
          </p:nvPicPr>
          <p:blipFill rotWithShape="1">
            <a:blip r:embed="rId29" cstate="screen">
              <a:extLst>
                <a:ext uri="{28A0092B-C50C-407E-A947-70E740481C1C}">
                  <a14:useLocalDpi xmlns:a14="http://schemas.microsoft.com/office/drawing/2010/main" val="0"/>
                </a:ext>
              </a:extLst>
            </a:blip>
            <a:srcRect/>
            <a:stretch/>
          </p:blipFill>
          <p:spPr>
            <a:xfrm>
              <a:off x="3476768" y="862378"/>
              <a:ext cx="894534" cy="543877"/>
            </a:xfrm>
            <a:prstGeom prst="rect">
              <a:avLst/>
            </a:prstGeom>
          </p:spPr>
        </p:pic>
        <p:pic>
          <p:nvPicPr>
            <p:cNvPr id="47" name="Picture 46" descr="A picture containing text&#10;&#10;Description automatically generated">
              <a:extLst>
                <a:ext uri="{FF2B5EF4-FFF2-40B4-BE49-F238E27FC236}">
                  <a16:creationId xmlns:a16="http://schemas.microsoft.com/office/drawing/2014/main" id="{692F6517-469C-BCE7-A994-FA13F114F105}"/>
                </a:ext>
              </a:extLst>
            </p:cNvPr>
            <p:cNvPicPr>
              <a:picLocks noChangeAspect="1"/>
            </p:cNvPicPr>
            <p:nvPr/>
          </p:nvPicPr>
          <p:blipFill>
            <a:blip r:embed="rId30" cstate="screen">
              <a:extLst>
                <a:ext uri="{28A0092B-C50C-407E-A947-70E740481C1C}">
                  <a14:useLocalDpi xmlns:a14="http://schemas.microsoft.com/office/drawing/2010/main" val="0"/>
                </a:ext>
              </a:extLst>
            </a:blip>
            <a:stretch>
              <a:fillRect/>
            </a:stretch>
          </p:blipFill>
          <p:spPr>
            <a:xfrm>
              <a:off x="4486503" y="1040916"/>
              <a:ext cx="1094414" cy="168540"/>
            </a:xfrm>
            <a:prstGeom prst="rect">
              <a:avLst/>
            </a:prstGeom>
          </p:spPr>
        </p:pic>
        <p:pic>
          <p:nvPicPr>
            <p:cNvPr id="48" name="Picture 47">
              <a:extLst>
                <a:ext uri="{FF2B5EF4-FFF2-40B4-BE49-F238E27FC236}">
                  <a16:creationId xmlns:a16="http://schemas.microsoft.com/office/drawing/2014/main" id="{B83F6BAD-1AAA-82BF-D999-0979FA54AC34}"/>
                </a:ext>
              </a:extLst>
            </p:cNvPr>
            <p:cNvPicPr>
              <a:picLocks noChangeAspect="1"/>
            </p:cNvPicPr>
            <p:nvPr/>
          </p:nvPicPr>
          <p:blipFill>
            <a:blip r:embed="rId31" cstate="screen">
              <a:extLst>
                <a:ext uri="{28A0092B-C50C-407E-A947-70E740481C1C}">
                  <a14:useLocalDpi xmlns:a14="http://schemas.microsoft.com/office/drawing/2010/main" val="0"/>
                </a:ext>
              </a:extLst>
            </a:blip>
            <a:stretch>
              <a:fillRect/>
            </a:stretch>
          </p:blipFill>
          <p:spPr>
            <a:xfrm>
              <a:off x="8685672" y="974722"/>
              <a:ext cx="824500" cy="286783"/>
            </a:xfrm>
            <a:prstGeom prst="rect">
              <a:avLst/>
            </a:prstGeom>
          </p:spPr>
        </p:pic>
        <p:pic>
          <p:nvPicPr>
            <p:cNvPr id="49" name="Picture 48" descr="A picture containing logo&#10;&#10;Description automatically generated">
              <a:extLst>
                <a:ext uri="{FF2B5EF4-FFF2-40B4-BE49-F238E27FC236}">
                  <a16:creationId xmlns:a16="http://schemas.microsoft.com/office/drawing/2014/main" id="{71C69988-A969-AF2F-0989-921B789554DC}"/>
                </a:ext>
              </a:extLst>
            </p:cNvPr>
            <p:cNvPicPr>
              <a:picLocks noChangeAspect="1"/>
            </p:cNvPicPr>
            <p:nvPr/>
          </p:nvPicPr>
          <p:blipFill rotWithShape="1">
            <a:blip r:embed="rId32" cstate="screen">
              <a:extLst>
                <a:ext uri="{28A0092B-C50C-407E-A947-70E740481C1C}">
                  <a14:useLocalDpi xmlns:a14="http://schemas.microsoft.com/office/drawing/2010/main" val="0"/>
                </a:ext>
              </a:extLst>
            </a:blip>
            <a:srcRect/>
            <a:stretch/>
          </p:blipFill>
          <p:spPr>
            <a:xfrm>
              <a:off x="7704809" y="901747"/>
              <a:ext cx="862776" cy="441517"/>
            </a:xfrm>
            <a:prstGeom prst="rect">
              <a:avLst/>
            </a:prstGeom>
          </p:spPr>
        </p:pic>
        <p:sp>
          <p:nvSpPr>
            <p:cNvPr id="50" name="Freeform: Shape 49">
              <a:extLst>
                <a:ext uri="{FF2B5EF4-FFF2-40B4-BE49-F238E27FC236}">
                  <a16:creationId xmlns:a16="http://schemas.microsoft.com/office/drawing/2014/main" id="{F76BE279-1568-BD1A-42C5-E0FF766F918D}"/>
                </a:ext>
              </a:extLst>
            </p:cNvPr>
            <p:cNvSpPr/>
            <p:nvPr/>
          </p:nvSpPr>
          <p:spPr>
            <a:xfrm>
              <a:off x="3234499" y="1069255"/>
              <a:ext cx="137305" cy="154387"/>
            </a:xfrm>
            <a:custGeom>
              <a:avLst/>
              <a:gdLst>
                <a:gd name="connsiteX0" fmla="*/ 102379 w 137305"/>
                <a:gd name="connsiteY0" fmla="*/ 0 h 154387"/>
                <a:gd name="connsiteX1" fmla="*/ 102379 w 137305"/>
                <a:gd name="connsiteY1" fmla="*/ 99650 h 154387"/>
                <a:gd name="connsiteX2" fmla="*/ 45296 w 137305"/>
                <a:gd name="connsiteY2" fmla="*/ 0 h 154387"/>
                <a:gd name="connsiteX3" fmla="*/ 0 w 137305"/>
                <a:gd name="connsiteY3" fmla="*/ 0 h 154387"/>
                <a:gd name="connsiteX4" fmla="*/ 0 w 137305"/>
                <a:gd name="connsiteY4" fmla="*/ 154387 h 154387"/>
                <a:gd name="connsiteX5" fmla="*/ 34981 w 137305"/>
                <a:gd name="connsiteY5" fmla="*/ 154387 h 154387"/>
                <a:gd name="connsiteX6" fmla="*/ 34981 w 137305"/>
                <a:gd name="connsiteY6" fmla="*/ 52117 h 154387"/>
                <a:gd name="connsiteX7" fmla="*/ 93647 w 137305"/>
                <a:gd name="connsiteY7" fmla="*/ 154387 h 154387"/>
                <a:gd name="connsiteX8" fmla="*/ 137306 w 137305"/>
                <a:gd name="connsiteY8" fmla="*/ 154387 h 154387"/>
                <a:gd name="connsiteX9" fmla="*/ 137306 w 137305"/>
                <a:gd name="connsiteY9" fmla="*/ 0 h 1543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37305" h="154387">
                  <a:moveTo>
                    <a:pt x="102379" y="0"/>
                  </a:moveTo>
                  <a:lnTo>
                    <a:pt x="102379" y="99650"/>
                  </a:lnTo>
                  <a:lnTo>
                    <a:pt x="45296" y="0"/>
                  </a:lnTo>
                  <a:lnTo>
                    <a:pt x="0" y="0"/>
                  </a:lnTo>
                  <a:lnTo>
                    <a:pt x="0" y="154387"/>
                  </a:lnTo>
                  <a:lnTo>
                    <a:pt x="34981" y="154387"/>
                  </a:lnTo>
                  <a:lnTo>
                    <a:pt x="34981" y="52117"/>
                  </a:lnTo>
                  <a:cubicBezTo>
                    <a:pt x="40875" y="62377"/>
                    <a:pt x="93647" y="154387"/>
                    <a:pt x="93647" y="154387"/>
                  </a:cubicBezTo>
                  <a:lnTo>
                    <a:pt x="137306" y="154387"/>
                  </a:lnTo>
                  <a:lnTo>
                    <a:pt x="137306" y="0"/>
                  </a:lnTo>
                  <a:close/>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51" name="Freeform: Shape 50">
              <a:extLst>
                <a:ext uri="{FF2B5EF4-FFF2-40B4-BE49-F238E27FC236}">
                  <a16:creationId xmlns:a16="http://schemas.microsoft.com/office/drawing/2014/main" id="{17594427-A255-6569-353D-96FE85A3D39A}"/>
                </a:ext>
              </a:extLst>
            </p:cNvPr>
            <p:cNvSpPr/>
            <p:nvPr/>
          </p:nvSpPr>
          <p:spPr>
            <a:xfrm>
              <a:off x="2193028" y="1069255"/>
              <a:ext cx="159844" cy="154441"/>
            </a:xfrm>
            <a:custGeom>
              <a:avLst/>
              <a:gdLst>
                <a:gd name="connsiteX0" fmla="*/ 110510 w 159844"/>
                <a:gd name="connsiteY0" fmla="*/ 0 h 154441"/>
                <a:gd name="connsiteX1" fmla="*/ 79786 w 159844"/>
                <a:gd name="connsiteY1" fmla="*/ 94411 h 154441"/>
                <a:gd name="connsiteX2" fmla="*/ 49116 w 159844"/>
                <a:gd name="connsiteY2" fmla="*/ 0 h 154441"/>
                <a:gd name="connsiteX3" fmla="*/ 0 w 159844"/>
                <a:gd name="connsiteY3" fmla="*/ 0 h 154441"/>
                <a:gd name="connsiteX4" fmla="*/ 0 w 159844"/>
                <a:gd name="connsiteY4" fmla="*/ 154442 h 154441"/>
                <a:gd name="connsiteX5" fmla="*/ 34163 w 159844"/>
                <a:gd name="connsiteY5" fmla="*/ 154442 h 154441"/>
                <a:gd name="connsiteX6" fmla="*/ 34163 w 159844"/>
                <a:gd name="connsiteY6" fmla="*/ 48952 h 154441"/>
                <a:gd name="connsiteX7" fmla="*/ 66142 w 159844"/>
                <a:gd name="connsiteY7" fmla="*/ 154387 h 154441"/>
                <a:gd name="connsiteX8" fmla="*/ 92065 w 159844"/>
                <a:gd name="connsiteY8" fmla="*/ 154387 h 154441"/>
                <a:gd name="connsiteX9" fmla="*/ 125518 w 159844"/>
                <a:gd name="connsiteY9" fmla="*/ 48570 h 154441"/>
                <a:gd name="connsiteX10" fmla="*/ 125518 w 159844"/>
                <a:gd name="connsiteY10" fmla="*/ 154387 h 154441"/>
                <a:gd name="connsiteX11" fmla="*/ 159844 w 159844"/>
                <a:gd name="connsiteY11" fmla="*/ 154387 h 154441"/>
                <a:gd name="connsiteX12" fmla="*/ 159844 w 159844"/>
                <a:gd name="connsiteY12" fmla="*/ 0 h 154441"/>
                <a:gd name="connsiteX13" fmla="*/ 110729 w 159844"/>
                <a:gd name="connsiteY13" fmla="*/ 0 h 1544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59844" h="154441">
                  <a:moveTo>
                    <a:pt x="110510" y="0"/>
                  </a:moveTo>
                  <a:cubicBezTo>
                    <a:pt x="110510" y="0"/>
                    <a:pt x="82678" y="85461"/>
                    <a:pt x="79786" y="94411"/>
                  </a:cubicBezTo>
                  <a:cubicBezTo>
                    <a:pt x="76839" y="85407"/>
                    <a:pt x="49116" y="0"/>
                    <a:pt x="49116" y="0"/>
                  </a:cubicBezTo>
                  <a:lnTo>
                    <a:pt x="0" y="0"/>
                  </a:lnTo>
                  <a:lnTo>
                    <a:pt x="0" y="154442"/>
                  </a:lnTo>
                  <a:lnTo>
                    <a:pt x="34163" y="154442"/>
                  </a:lnTo>
                  <a:lnTo>
                    <a:pt x="34163" y="48952"/>
                  </a:lnTo>
                  <a:cubicBezTo>
                    <a:pt x="39620" y="67179"/>
                    <a:pt x="66142" y="154387"/>
                    <a:pt x="66142" y="154387"/>
                  </a:cubicBezTo>
                  <a:lnTo>
                    <a:pt x="92065" y="154387"/>
                  </a:lnTo>
                  <a:cubicBezTo>
                    <a:pt x="92065" y="154387"/>
                    <a:pt x="120061" y="66306"/>
                    <a:pt x="125518" y="48570"/>
                  </a:cubicBezTo>
                  <a:lnTo>
                    <a:pt x="125518" y="154387"/>
                  </a:lnTo>
                  <a:lnTo>
                    <a:pt x="159844" y="154387"/>
                  </a:lnTo>
                  <a:lnTo>
                    <a:pt x="159844" y="0"/>
                  </a:lnTo>
                  <a:lnTo>
                    <a:pt x="110729" y="0"/>
                  </a:ln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52" name="Freeform: Shape 51">
              <a:extLst>
                <a:ext uri="{FF2B5EF4-FFF2-40B4-BE49-F238E27FC236}">
                  <a16:creationId xmlns:a16="http://schemas.microsoft.com/office/drawing/2014/main" id="{073EC97D-AAD4-ED0A-ABDC-A12967024D67}"/>
                </a:ext>
              </a:extLst>
            </p:cNvPr>
            <p:cNvSpPr/>
            <p:nvPr/>
          </p:nvSpPr>
          <p:spPr>
            <a:xfrm>
              <a:off x="2643582" y="1069255"/>
              <a:ext cx="114112" cy="154387"/>
            </a:xfrm>
            <a:custGeom>
              <a:avLst/>
              <a:gdLst>
                <a:gd name="connsiteX0" fmla="*/ 114112 w 114112"/>
                <a:gd name="connsiteY0" fmla="*/ 154387 h 154387"/>
                <a:gd name="connsiteX1" fmla="*/ 0 w 114112"/>
                <a:gd name="connsiteY1" fmla="*/ 154387 h 154387"/>
                <a:gd name="connsiteX2" fmla="*/ 0 w 114112"/>
                <a:gd name="connsiteY2" fmla="*/ 0 h 154387"/>
                <a:gd name="connsiteX3" fmla="*/ 114112 w 114112"/>
                <a:gd name="connsiteY3" fmla="*/ 0 h 154387"/>
                <a:gd name="connsiteX4" fmla="*/ 114112 w 114112"/>
                <a:gd name="connsiteY4" fmla="*/ 29961 h 154387"/>
                <a:gd name="connsiteX5" fmla="*/ 37164 w 114112"/>
                <a:gd name="connsiteY5" fmla="*/ 29961 h 154387"/>
                <a:gd name="connsiteX6" fmla="*/ 37164 w 114112"/>
                <a:gd name="connsiteY6" fmla="*/ 58721 h 154387"/>
                <a:gd name="connsiteX7" fmla="*/ 107673 w 114112"/>
                <a:gd name="connsiteY7" fmla="*/ 58721 h 154387"/>
                <a:gd name="connsiteX8" fmla="*/ 107673 w 114112"/>
                <a:gd name="connsiteY8" fmla="*/ 88627 h 154387"/>
                <a:gd name="connsiteX9" fmla="*/ 37164 w 114112"/>
                <a:gd name="connsiteY9" fmla="*/ 88627 h 154387"/>
                <a:gd name="connsiteX10" fmla="*/ 37164 w 114112"/>
                <a:gd name="connsiteY10" fmla="*/ 124481 h 154387"/>
                <a:gd name="connsiteX11" fmla="*/ 114112 w 114112"/>
                <a:gd name="connsiteY11" fmla="*/ 124481 h 154387"/>
                <a:gd name="connsiteX12" fmla="*/ 114112 w 114112"/>
                <a:gd name="connsiteY12" fmla="*/ 154387 h 1543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114112" h="154387">
                  <a:moveTo>
                    <a:pt x="114112" y="154387"/>
                  </a:moveTo>
                  <a:lnTo>
                    <a:pt x="0" y="154387"/>
                  </a:lnTo>
                  <a:lnTo>
                    <a:pt x="0" y="0"/>
                  </a:lnTo>
                  <a:lnTo>
                    <a:pt x="114112" y="0"/>
                  </a:lnTo>
                  <a:lnTo>
                    <a:pt x="114112" y="29961"/>
                  </a:lnTo>
                  <a:lnTo>
                    <a:pt x="37164" y="29961"/>
                  </a:lnTo>
                  <a:lnTo>
                    <a:pt x="37164" y="58721"/>
                  </a:lnTo>
                  <a:lnTo>
                    <a:pt x="107673" y="58721"/>
                  </a:lnTo>
                  <a:lnTo>
                    <a:pt x="107673" y="88627"/>
                  </a:lnTo>
                  <a:lnTo>
                    <a:pt x="37164" y="88627"/>
                  </a:lnTo>
                  <a:lnTo>
                    <a:pt x="37164" y="124481"/>
                  </a:lnTo>
                  <a:lnTo>
                    <a:pt x="114112" y="124481"/>
                  </a:lnTo>
                  <a:lnTo>
                    <a:pt x="114112" y="154387"/>
                  </a:lnTo>
                  <a:close/>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53" name="Freeform: Shape 52">
              <a:extLst>
                <a:ext uri="{FF2B5EF4-FFF2-40B4-BE49-F238E27FC236}">
                  <a16:creationId xmlns:a16="http://schemas.microsoft.com/office/drawing/2014/main" id="{A5E66AC9-7650-90E1-682C-215F229F609C}"/>
                </a:ext>
              </a:extLst>
            </p:cNvPr>
            <p:cNvSpPr/>
            <p:nvPr/>
          </p:nvSpPr>
          <p:spPr>
            <a:xfrm>
              <a:off x="2384197" y="1195755"/>
              <a:ext cx="83660" cy="27886"/>
            </a:xfrm>
            <a:custGeom>
              <a:avLst/>
              <a:gdLst>
                <a:gd name="connsiteX0" fmla="*/ 0 w 83660"/>
                <a:gd name="connsiteY0" fmla="*/ 0 h 27886"/>
                <a:gd name="connsiteX1" fmla="*/ 83660 w 83660"/>
                <a:gd name="connsiteY1" fmla="*/ 0 h 27886"/>
                <a:gd name="connsiteX2" fmla="*/ 83660 w 83660"/>
                <a:gd name="connsiteY2" fmla="*/ 27887 h 27886"/>
                <a:gd name="connsiteX3" fmla="*/ 0 w 83660"/>
                <a:gd name="connsiteY3" fmla="*/ 27887 h 27886"/>
              </a:gdLst>
              <a:ahLst/>
              <a:cxnLst>
                <a:cxn ang="0">
                  <a:pos x="connsiteX0" y="connsiteY0"/>
                </a:cxn>
                <a:cxn ang="0">
                  <a:pos x="connsiteX1" y="connsiteY1"/>
                </a:cxn>
                <a:cxn ang="0">
                  <a:pos x="connsiteX2" y="connsiteY2"/>
                </a:cxn>
                <a:cxn ang="0">
                  <a:pos x="connsiteX3" y="connsiteY3"/>
                </a:cxn>
              </a:cxnLst>
              <a:rect l="l" t="t" r="r" b="b"/>
              <a:pathLst>
                <a:path w="83660" h="27886">
                  <a:moveTo>
                    <a:pt x="0" y="0"/>
                  </a:moveTo>
                  <a:lnTo>
                    <a:pt x="83660" y="0"/>
                  </a:lnTo>
                  <a:lnTo>
                    <a:pt x="83660" y="27887"/>
                  </a:lnTo>
                  <a:lnTo>
                    <a:pt x="0" y="27887"/>
                  </a:lnTo>
                  <a:close/>
                </a:path>
              </a:pathLst>
            </a:custGeom>
            <a:solidFill>
              <a:srgbClr val="EF8200"/>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54" name="Freeform: Shape 53">
              <a:extLst>
                <a:ext uri="{FF2B5EF4-FFF2-40B4-BE49-F238E27FC236}">
                  <a16:creationId xmlns:a16="http://schemas.microsoft.com/office/drawing/2014/main" id="{082A0D32-F289-999E-B940-B0F37C19F561}"/>
                </a:ext>
              </a:extLst>
            </p:cNvPr>
            <p:cNvSpPr/>
            <p:nvPr/>
          </p:nvSpPr>
          <p:spPr>
            <a:xfrm>
              <a:off x="2496945" y="1069255"/>
              <a:ext cx="132666" cy="154441"/>
            </a:xfrm>
            <a:custGeom>
              <a:avLst/>
              <a:gdLst>
                <a:gd name="connsiteX0" fmla="*/ 82351 w 132666"/>
                <a:gd name="connsiteY0" fmla="*/ 0 h 154441"/>
                <a:gd name="connsiteX1" fmla="*/ 35090 w 132666"/>
                <a:gd name="connsiteY1" fmla="*/ 58502 h 154441"/>
                <a:gd name="connsiteX2" fmla="*/ 35090 w 132666"/>
                <a:gd name="connsiteY2" fmla="*/ 0 h 154441"/>
                <a:gd name="connsiteX3" fmla="*/ 0 w 132666"/>
                <a:gd name="connsiteY3" fmla="*/ 0 h 154441"/>
                <a:gd name="connsiteX4" fmla="*/ 0 w 132666"/>
                <a:gd name="connsiteY4" fmla="*/ 154442 h 154441"/>
                <a:gd name="connsiteX5" fmla="*/ 35090 w 132666"/>
                <a:gd name="connsiteY5" fmla="*/ 154442 h 154441"/>
                <a:gd name="connsiteX6" fmla="*/ 35090 w 132666"/>
                <a:gd name="connsiteY6" fmla="*/ 86225 h 154441"/>
                <a:gd name="connsiteX7" fmla="*/ 83551 w 132666"/>
                <a:gd name="connsiteY7" fmla="*/ 154387 h 154441"/>
                <a:gd name="connsiteX8" fmla="*/ 132667 w 132666"/>
                <a:gd name="connsiteY8" fmla="*/ 154387 h 154441"/>
                <a:gd name="connsiteX9" fmla="*/ 65215 w 132666"/>
                <a:gd name="connsiteY9" fmla="*/ 71763 h 154441"/>
                <a:gd name="connsiteX10" fmla="*/ 128738 w 132666"/>
                <a:gd name="connsiteY10" fmla="*/ 0 h 1544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32666" h="154441">
                  <a:moveTo>
                    <a:pt x="82351" y="0"/>
                  </a:moveTo>
                  <a:cubicBezTo>
                    <a:pt x="82351" y="0"/>
                    <a:pt x="41093" y="51680"/>
                    <a:pt x="35090" y="58502"/>
                  </a:cubicBezTo>
                  <a:lnTo>
                    <a:pt x="35090" y="0"/>
                  </a:lnTo>
                  <a:lnTo>
                    <a:pt x="0" y="0"/>
                  </a:lnTo>
                  <a:lnTo>
                    <a:pt x="0" y="154442"/>
                  </a:lnTo>
                  <a:lnTo>
                    <a:pt x="35090" y="154442"/>
                  </a:lnTo>
                  <a:lnTo>
                    <a:pt x="35090" y="86225"/>
                  </a:lnTo>
                  <a:cubicBezTo>
                    <a:pt x="41257" y="93593"/>
                    <a:pt x="83551" y="154387"/>
                    <a:pt x="83551" y="154387"/>
                  </a:cubicBezTo>
                  <a:lnTo>
                    <a:pt x="132667" y="154387"/>
                  </a:lnTo>
                  <a:cubicBezTo>
                    <a:pt x="132667" y="154387"/>
                    <a:pt x="67561" y="74328"/>
                    <a:pt x="65215" y="71763"/>
                  </a:cubicBezTo>
                  <a:lnTo>
                    <a:pt x="128738" y="0"/>
                  </a:lnTo>
                  <a:close/>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55" name="Freeform: Shape 54">
              <a:extLst>
                <a:ext uri="{FF2B5EF4-FFF2-40B4-BE49-F238E27FC236}">
                  <a16:creationId xmlns:a16="http://schemas.microsoft.com/office/drawing/2014/main" id="{23352A97-8216-6514-291E-08A7D7A3A52D}"/>
                </a:ext>
              </a:extLst>
            </p:cNvPr>
            <p:cNvSpPr/>
            <p:nvPr/>
          </p:nvSpPr>
          <p:spPr>
            <a:xfrm>
              <a:off x="3064122" y="1066198"/>
              <a:ext cx="146201" cy="160554"/>
            </a:xfrm>
            <a:custGeom>
              <a:avLst/>
              <a:gdLst>
                <a:gd name="connsiteX0" fmla="*/ 218 w 146201"/>
                <a:gd name="connsiteY0" fmla="*/ 79840 h 160554"/>
                <a:gd name="connsiteX1" fmla="*/ 73237 w 146201"/>
                <a:gd name="connsiteY1" fmla="*/ 160554 h 160554"/>
                <a:gd name="connsiteX2" fmla="*/ 146201 w 146201"/>
                <a:gd name="connsiteY2" fmla="*/ 79840 h 160554"/>
                <a:gd name="connsiteX3" fmla="*/ 73019 w 146201"/>
                <a:gd name="connsiteY3" fmla="*/ 0 h 160554"/>
                <a:gd name="connsiteX4" fmla="*/ 0 w 146201"/>
                <a:gd name="connsiteY4" fmla="*/ 79840 h 160554"/>
                <a:gd name="connsiteX5" fmla="*/ 37273 w 146201"/>
                <a:gd name="connsiteY5" fmla="*/ 79840 h 160554"/>
                <a:gd name="connsiteX6" fmla="*/ 73019 w 146201"/>
                <a:gd name="connsiteY6" fmla="*/ 32471 h 160554"/>
                <a:gd name="connsiteX7" fmla="*/ 108819 w 146201"/>
                <a:gd name="connsiteY7" fmla="*/ 79840 h 160554"/>
                <a:gd name="connsiteX8" fmla="*/ 73019 w 146201"/>
                <a:gd name="connsiteY8" fmla="*/ 128028 h 160554"/>
                <a:gd name="connsiteX9" fmla="*/ 37273 w 146201"/>
                <a:gd name="connsiteY9" fmla="*/ 79840 h 1605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46201" h="160554">
                  <a:moveTo>
                    <a:pt x="218" y="79840"/>
                  </a:moveTo>
                  <a:cubicBezTo>
                    <a:pt x="218" y="127482"/>
                    <a:pt x="25431" y="160554"/>
                    <a:pt x="73237" y="160554"/>
                  </a:cubicBezTo>
                  <a:cubicBezTo>
                    <a:pt x="121043" y="160554"/>
                    <a:pt x="146201" y="126773"/>
                    <a:pt x="146201" y="79840"/>
                  </a:cubicBezTo>
                  <a:cubicBezTo>
                    <a:pt x="146201" y="32907"/>
                    <a:pt x="120006" y="0"/>
                    <a:pt x="73019" y="0"/>
                  </a:cubicBezTo>
                  <a:cubicBezTo>
                    <a:pt x="26031" y="0"/>
                    <a:pt x="0" y="32307"/>
                    <a:pt x="0" y="79840"/>
                  </a:cubicBezTo>
                  <a:moveTo>
                    <a:pt x="37273" y="79840"/>
                  </a:moveTo>
                  <a:cubicBezTo>
                    <a:pt x="37273" y="56428"/>
                    <a:pt x="47697" y="32471"/>
                    <a:pt x="73019" y="32471"/>
                  </a:cubicBezTo>
                  <a:cubicBezTo>
                    <a:pt x="98341" y="32471"/>
                    <a:pt x="108819" y="56483"/>
                    <a:pt x="108819" y="79840"/>
                  </a:cubicBezTo>
                  <a:cubicBezTo>
                    <a:pt x="108819" y="103197"/>
                    <a:pt x="99214" y="128028"/>
                    <a:pt x="73019" y="128028"/>
                  </a:cubicBezTo>
                  <a:cubicBezTo>
                    <a:pt x="46824" y="128028"/>
                    <a:pt x="37273" y="103852"/>
                    <a:pt x="37273" y="79840"/>
                  </a:cubicBez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56" name="Freeform: Shape 55">
              <a:extLst>
                <a:ext uri="{FF2B5EF4-FFF2-40B4-BE49-F238E27FC236}">
                  <a16:creationId xmlns:a16="http://schemas.microsoft.com/office/drawing/2014/main" id="{FD54DE7A-6324-30F8-E6F3-DEA52060B9AA}"/>
                </a:ext>
              </a:extLst>
            </p:cNvPr>
            <p:cNvSpPr/>
            <p:nvPr/>
          </p:nvSpPr>
          <p:spPr>
            <a:xfrm>
              <a:off x="2782034" y="1066308"/>
              <a:ext cx="124818" cy="160717"/>
            </a:xfrm>
            <a:custGeom>
              <a:avLst/>
              <a:gdLst>
                <a:gd name="connsiteX0" fmla="*/ 73674 w 124818"/>
                <a:gd name="connsiteY0" fmla="*/ 63468 h 160717"/>
                <a:gd name="connsiteX1" fmla="*/ 40602 w 124818"/>
                <a:gd name="connsiteY1" fmla="*/ 45405 h 160717"/>
                <a:gd name="connsiteX2" fmla="*/ 44040 w 124818"/>
                <a:gd name="connsiteY2" fmla="*/ 37491 h 160717"/>
                <a:gd name="connsiteX3" fmla="*/ 74219 w 124818"/>
                <a:gd name="connsiteY3" fmla="*/ 31052 h 160717"/>
                <a:gd name="connsiteX4" fmla="*/ 112857 w 124818"/>
                <a:gd name="connsiteY4" fmla="*/ 42348 h 160717"/>
                <a:gd name="connsiteX5" fmla="*/ 120443 w 124818"/>
                <a:gd name="connsiteY5" fmla="*/ 10914 h 160717"/>
                <a:gd name="connsiteX6" fmla="*/ 64287 w 124818"/>
                <a:gd name="connsiteY6" fmla="*/ 0 h 160717"/>
                <a:gd name="connsiteX7" fmla="*/ 1637 w 124818"/>
                <a:gd name="connsiteY7" fmla="*/ 49716 h 160717"/>
                <a:gd name="connsiteX8" fmla="*/ 55719 w 124818"/>
                <a:gd name="connsiteY8" fmla="*/ 95612 h 160717"/>
                <a:gd name="connsiteX9" fmla="*/ 87808 w 124818"/>
                <a:gd name="connsiteY9" fmla="*/ 114440 h 160717"/>
                <a:gd name="connsiteX10" fmla="*/ 55392 w 124818"/>
                <a:gd name="connsiteY10" fmla="*/ 130811 h 160717"/>
                <a:gd name="connsiteX11" fmla="*/ 9987 w 124818"/>
                <a:gd name="connsiteY11" fmla="*/ 117114 h 160717"/>
                <a:gd name="connsiteX12" fmla="*/ 0 w 124818"/>
                <a:gd name="connsiteY12" fmla="*/ 148220 h 160717"/>
                <a:gd name="connsiteX13" fmla="*/ 57247 w 124818"/>
                <a:gd name="connsiteY13" fmla="*/ 160718 h 160717"/>
                <a:gd name="connsiteX14" fmla="*/ 111820 w 124818"/>
                <a:gd name="connsiteY14" fmla="*/ 142436 h 160717"/>
                <a:gd name="connsiteX15" fmla="*/ 124808 w 124818"/>
                <a:gd name="connsiteY15" fmla="*/ 110074 h 160717"/>
                <a:gd name="connsiteX16" fmla="*/ 73728 w 124818"/>
                <a:gd name="connsiteY16" fmla="*/ 63850 h 1607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24818" h="160717">
                  <a:moveTo>
                    <a:pt x="73674" y="63468"/>
                  </a:moveTo>
                  <a:cubicBezTo>
                    <a:pt x="56810" y="58993"/>
                    <a:pt x="40930" y="56265"/>
                    <a:pt x="40602" y="45405"/>
                  </a:cubicBezTo>
                  <a:cubicBezTo>
                    <a:pt x="40493" y="42382"/>
                    <a:pt x="41754" y="39472"/>
                    <a:pt x="44040" y="37491"/>
                  </a:cubicBezTo>
                  <a:cubicBezTo>
                    <a:pt x="49989" y="32034"/>
                    <a:pt x="63523" y="30233"/>
                    <a:pt x="74219" y="31052"/>
                  </a:cubicBezTo>
                  <a:cubicBezTo>
                    <a:pt x="87824" y="31625"/>
                    <a:pt x="101086" y="35502"/>
                    <a:pt x="112857" y="42348"/>
                  </a:cubicBezTo>
                  <a:lnTo>
                    <a:pt x="120443" y="10914"/>
                  </a:lnTo>
                  <a:cubicBezTo>
                    <a:pt x="102575" y="3773"/>
                    <a:pt x="83524" y="70"/>
                    <a:pt x="64287" y="0"/>
                  </a:cubicBezTo>
                  <a:cubicBezTo>
                    <a:pt x="25540" y="382"/>
                    <a:pt x="1637" y="19428"/>
                    <a:pt x="1637" y="49716"/>
                  </a:cubicBezTo>
                  <a:cubicBezTo>
                    <a:pt x="1637" y="80004"/>
                    <a:pt x="31052" y="88517"/>
                    <a:pt x="55719" y="95612"/>
                  </a:cubicBezTo>
                  <a:cubicBezTo>
                    <a:pt x="71764" y="100087"/>
                    <a:pt x="87808" y="102488"/>
                    <a:pt x="87808" y="114440"/>
                  </a:cubicBezTo>
                  <a:cubicBezTo>
                    <a:pt x="87808" y="126391"/>
                    <a:pt x="68435" y="130811"/>
                    <a:pt x="55392" y="130811"/>
                  </a:cubicBezTo>
                  <a:cubicBezTo>
                    <a:pt x="39276" y="130568"/>
                    <a:pt x="23548" y="125823"/>
                    <a:pt x="9987" y="117114"/>
                  </a:cubicBezTo>
                  <a:lnTo>
                    <a:pt x="0" y="148220"/>
                  </a:lnTo>
                  <a:cubicBezTo>
                    <a:pt x="22266" y="156952"/>
                    <a:pt x="35745" y="160718"/>
                    <a:pt x="57247" y="160718"/>
                  </a:cubicBezTo>
                  <a:cubicBezTo>
                    <a:pt x="80768" y="160718"/>
                    <a:pt x="100141" y="154223"/>
                    <a:pt x="111820" y="142436"/>
                  </a:cubicBezTo>
                  <a:cubicBezTo>
                    <a:pt x="120377" y="133869"/>
                    <a:pt x="125070" y="122180"/>
                    <a:pt x="124808" y="110074"/>
                  </a:cubicBezTo>
                  <a:cubicBezTo>
                    <a:pt x="124808" y="78640"/>
                    <a:pt x="97195" y="69908"/>
                    <a:pt x="73728" y="63850"/>
                  </a:cubicBez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57" name="Freeform: Shape 56">
              <a:extLst>
                <a:ext uri="{FF2B5EF4-FFF2-40B4-BE49-F238E27FC236}">
                  <a16:creationId xmlns:a16="http://schemas.microsoft.com/office/drawing/2014/main" id="{34057C68-2FC4-9572-C67D-7602EE556094}"/>
                </a:ext>
              </a:extLst>
            </p:cNvPr>
            <p:cNvSpPr/>
            <p:nvPr/>
          </p:nvSpPr>
          <p:spPr>
            <a:xfrm>
              <a:off x="2921850" y="1066362"/>
              <a:ext cx="124816" cy="160717"/>
            </a:xfrm>
            <a:custGeom>
              <a:avLst/>
              <a:gdLst>
                <a:gd name="connsiteX0" fmla="*/ 73946 w 124816"/>
                <a:gd name="connsiteY0" fmla="*/ 63414 h 160717"/>
                <a:gd name="connsiteX1" fmla="*/ 40766 w 124816"/>
                <a:gd name="connsiteY1" fmla="*/ 45350 h 160717"/>
                <a:gd name="connsiteX2" fmla="*/ 44095 w 124816"/>
                <a:gd name="connsiteY2" fmla="*/ 37437 h 160717"/>
                <a:gd name="connsiteX3" fmla="*/ 74274 w 124816"/>
                <a:gd name="connsiteY3" fmla="*/ 30997 h 160717"/>
                <a:gd name="connsiteX4" fmla="*/ 112966 w 124816"/>
                <a:gd name="connsiteY4" fmla="*/ 42294 h 160717"/>
                <a:gd name="connsiteX5" fmla="*/ 120497 w 124816"/>
                <a:gd name="connsiteY5" fmla="*/ 10914 h 160717"/>
                <a:gd name="connsiteX6" fmla="*/ 64342 w 124816"/>
                <a:gd name="connsiteY6" fmla="*/ 0 h 160717"/>
                <a:gd name="connsiteX7" fmla="*/ 1692 w 124816"/>
                <a:gd name="connsiteY7" fmla="*/ 49716 h 160717"/>
                <a:gd name="connsiteX8" fmla="*/ 55774 w 124816"/>
                <a:gd name="connsiteY8" fmla="*/ 95612 h 160717"/>
                <a:gd name="connsiteX9" fmla="*/ 87862 w 124816"/>
                <a:gd name="connsiteY9" fmla="*/ 114440 h 160717"/>
                <a:gd name="connsiteX10" fmla="*/ 55446 w 124816"/>
                <a:gd name="connsiteY10" fmla="*/ 130811 h 160717"/>
                <a:gd name="connsiteX11" fmla="*/ 10041 w 124816"/>
                <a:gd name="connsiteY11" fmla="*/ 117114 h 160717"/>
                <a:gd name="connsiteX12" fmla="*/ 0 w 124816"/>
                <a:gd name="connsiteY12" fmla="*/ 148220 h 160717"/>
                <a:gd name="connsiteX13" fmla="*/ 57302 w 124816"/>
                <a:gd name="connsiteY13" fmla="*/ 160718 h 160717"/>
                <a:gd name="connsiteX14" fmla="*/ 111875 w 124816"/>
                <a:gd name="connsiteY14" fmla="*/ 142436 h 160717"/>
                <a:gd name="connsiteX15" fmla="*/ 124808 w 124816"/>
                <a:gd name="connsiteY15" fmla="*/ 110074 h 160717"/>
                <a:gd name="connsiteX16" fmla="*/ 73728 w 124816"/>
                <a:gd name="connsiteY16" fmla="*/ 63850 h 1607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24816" h="160717">
                  <a:moveTo>
                    <a:pt x="73946" y="63414"/>
                  </a:moveTo>
                  <a:cubicBezTo>
                    <a:pt x="57083" y="58939"/>
                    <a:pt x="41203" y="56210"/>
                    <a:pt x="40766" y="45350"/>
                  </a:cubicBezTo>
                  <a:cubicBezTo>
                    <a:pt x="40690" y="42357"/>
                    <a:pt x="41901" y="39474"/>
                    <a:pt x="44095" y="37437"/>
                  </a:cubicBezTo>
                  <a:cubicBezTo>
                    <a:pt x="50153" y="31980"/>
                    <a:pt x="63632" y="30179"/>
                    <a:pt x="74274" y="30997"/>
                  </a:cubicBezTo>
                  <a:cubicBezTo>
                    <a:pt x="87895" y="31588"/>
                    <a:pt x="101167" y="35463"/>
                    <a:pt x="112966" y="42294"/>
                  </a:cubicBezTo>
                  <a:lnTo>
                    <a:pt x="120497" y="10914"/>
                  </a:lnTo>
                  <a:cubicBezTo>
                    <a:pt x="102635" y="3766"/>
                    <a:pt x="83579" y="62"/>
                    <a:pt x="64342" y="0"/>
                  </a:cubicBezTo>
                  <a:cubicBezTo>
                    <a:pt x="25649" y="382"/>
                    <a:pt x="1692" y="19428"/>
                    <a:pt x="1692" y="49716"/>
                  </a:cubicBezTo>
                  <a:cubicBezTo>
                    <a:pt x="1692" y="80004"/>
                    <a:pt x="31107" y="88517"/>
                    <a:pt x="55774" y="95612"/>
                  </a:cubicBezTo>
                  <a:cubicBezTo>
                    <a:pt x="71818" y="100087"/>
                    <a:pt x="87862" y="102488"/>
                    <a:pt x="87862" y="114440"/>
                  </a:cubicBezTo>
                  <a:cubicBezTo>
                    <a:pt x="87862" y="126391"/>
                    <a:pt x="68489" y="130811"/>
                    <a:pt x="55446" y="130811"/>
                  </a:cubicBezTo>
                  <a:cubicBezTo>
                    <a:pt x="39331" y="130574"/>
                    <a:pt x="23603" y="125828"/>
                    <a:pt x="10041" y="117114"/>
                  </a:cubicBezTo>
                  <a:lnTo>
                    <a:pt x="0" y="148220"/>
                  </a:lnTo>
                  <a:cubicBezTo>
                    <a:pt x="22211" y="156952"/>
                    <a:pt x="35745" y="160718"/>
                    <a:pt x="57302" y="160718"/>
                  </a:cubicBezTo>
                  <a:cubicBezTo>
                    <a:pt x="80713" y="160718"/>
                    <a:pt x="100196" y="154223"/>
                    <a:pt x="111875" y="142436"/>
                  </a:cubicBezTo>
                  <a:cubicBezTo>
                    <a:pt x="120377" y="133836"/>
                    <a:pt x="125043" y="122164"/>
                    <a:pt x="124808" y="110074"/>
                  </a:cubicBezTo>
                  <a:cubicBezTo>
                    <a:pt x="124808" y="78640"/>
                    <a:pt x="97085" y="69908"/>
                    <a:pt x="73728" y="63850"/>
                  </a:cubicBez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58" name="Freeform: Shape 57">
              <a:extLst>
                <a:ext uri="{FF2B5EF4-FFF2-40B4-BE49-F238E27FC236}">
                  <a16:creationId xmlns:a16="http://schemas.microsoft.com/office/drawing/2014/main" id="{248376C1-D384-E4F8-2094-0F26CE9A7741}"/>
                </a:ext>
              </a:extLst>
            </p:cNvPr>
            <p:cNvSpPr/>
            <p:nvPr/>
          </p:nvSpPr>
          <p:spPr>
            <a:xfrm>
              <a:off x="2375847" y="1066351"/>
              <a:ext cx="96157" cy="113272"/>
            </a:xfrm>
            <a:custGeom>
              <a:avLst/>
              <a:gdLst>
                <a:gd name="connsiteX0" fmla="*/ 60412 w 96157"/>
                <a:gd name="connsiteY0" fmla="*/ 113251 h 113272"/>
                <a:gd name="connsiteX1" fmla="*/ 96158 w 96157"/>
                <a:gd name="connsiteY1" fmla="*/ 106156 h 113272"/>
                <a:gd name="connsiteX2" fmla="*/ 85516 w 96157"/>
                <a:gd name="connsiteY2" fmla="*/ 81216 h 113272"/>
                <a:gd name="connsiteX3" fmla="*/ 67125 w 96157"/>
                <a:gd name="connsiteY3" fmla="*/ 86346 h 113272"/>
                <a:gd name="connsiteX4" fmla="*/ 34054 w 96157"/>
                <a:gd name="connsiteY4" fmla="*/ 56713 h 113272"/>
                <a:gd name="connsiteX5" fmla="*/ 67125 w 96157"/>
                <a:gd name="connsiteY5" fmla="*/ 27080 h 113272"/>
                <a:gd name="connsiteX6" fmla="*/ 85516 w 96157"/>
                <a:gd name="connsiteY6" fmla="*/ 32100 h 113272"/>
                <a:gd name="connsiteX7" fmla="*/ 96158 w 96157"/>
                <a:gd name="connsiteY7" fmla="*/ 7215 h 113272"/>
                <a:gd name="connsiteX8" fmla="*/ 60412 w 96157"/>
                <a:gd name="connsiteY8" fmla="*/ 11 h 113272"/>
                <a:gd name="connsiteX9" fmla="*/ 0 w 96157"/>
                <a:gd name="connsiteY9" fmla="*/ 56658 h 113272"/>
                <a:gd name="connsiteX10" fmla="*/ 60412 w 96157"/>
                <a:gd name="connsiteY10" fmla="*/ 113196 h 1132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96157" h="113272">
                  <a:moveTo>
                    <a:pt x="60412" y="113251"/>
                  </a:moveTo>
                  <a:cubicBezTo>
                    <a:pt x="72703" y="113527"/>
                    <a:pt x="84904" y="111105"/>
                    <a:pt x="96158" y="106156"/>
                  </a:cubicBezTo>
                  <a:lnTo>
                    <a:pt x="85516" y="81216"/>
                  </a:lnTo>
                  <a:cubicBezTo>
                    <a:pt x="79975" y="84588"/>
                    <a:pt x="73611" y="86363"/>
                    <a:pt x="67125" y="86346"/>
                  </a:cubicBezTo>
                  <a:cubicBezTo>
                    <a:pt x="49007" y="86346"/>
                    <a:pt x="34054" y="77341"/>
                    <a:pt x="34054" y="56713"/>
                  </a:cubicBezTo>
                  <a:cubicBezTo>
                    <a:pt x="34054" y="36084"/>
                    <a:pt x="49007" y="27080"/>
                    <a:pt x="67125" y="27080"/>
                  </a:cubicBezTo>
                  <a:cubicBezTo>
                    <a:pt x="73596" y="27063"/>
                    <a:pt x="79951" y="28798"/>
                    <a:pt x="85516" y="32100"/>
                  </a:cubicBezTo>
                  <a:lnTo>
                    <a:pt x="96158" y="7215"/>
                  </a:lnTo>
                  <a:cubicBezTo>
                    <a:pt x="84901" y="2265"/>
                    <a:pt x="72708" y="-192"/>
                    <a:pt x="60412" y="11"/>
                  </a:cubicBezTo>
                  <a:cubicBezTo>
                    <a:pt x="23466" y="11"/>
                    <a:pt x="0" y="21240"/>
                    <a:pt x="0" y="56658"/>
                  </a:cubicBezTo>
                  <a:cubicBezTo>
                    <a:pt x="0" y="92076"/>
                    <a:pt x="23466" y="113196"/>
                    <a:pt x="60412" y="113196"/>
                  </a:cubicBezTo>
                </a:path>
              </a:pathLst>
            </a:custGeom>
            <a:solidFill>
              <a:srgbClr val="005A8C"/>
            </a:solidFill>
            <a:ln w="542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59" name="Group 58">
            <a:extLst>
              <a:ext uri="{FF2B5EF4-FFF2-40B4-BE49-F238E27FC236}">
                <a16:creationId xmlns:a16="http://schemas.microsoft.com/office/drawing/2014/main" id="{90ED6F7C-3E30-61CD-A1FA-8FDF90A83B22}"/>
              </a:ext>
            </a:extLst>
          </p:cNvPr>
          <p:cNvGrpSpPr/>
          <p:nvPr/>
        </p:nvGrpSpPr>
        <p:grpSpPr>
          <a:xfrm>
            <a:off x="535810" y="1764527"/>
            <a:ext cx="11228477" cy="505825"/>
            <a:chOff x="502559" y="1577716"/>
            <a:chExt cx="11228477" cy="505825"/>
          </a:xfrm>
        </p:grpSpPr>
        <p:sp>
          <p:nvSpPr>
            <p:cNvPr id="60" name="Rectangle 59">
              <a:extLst>
                <a:ext uri="{FF2B5EF4-FFF2-40B4-BE49-F238E27FC236}">
                  <a16:creationId xmlns:a16="http://schemas.microsoft.com/office/drawing/2014/main" id="{AF4C1F6C-98F8-C973-5B15-EE4FC257FDD2}"/>
                </a:ext>
              </a:extLst>
            </p:cNvPr>
            <p:cNvSpPr/>
            <p:nvPr/>
          </p:nvSpPr>
          <p:spPr>
            <a:xfrm rot="16200000">
              <a:off x="6662766" y="-2984729"/>
              <a:ext cx="498764" cy="9637776"/>
            </a:xfrm>
            <a:prstGeom prst="rect">
              <a:avLst/>
            </a:prstGeom>
            <a:solidFill>
              <a:schemeClr val="bg1"/>
            </a:solidFill>
            <a:ln w="3175">
              <a:solidFill>
                <a:schemeClr val="bg1">
                  <a:lumMod val="65000"/>
                </a:schemeClr>
              </a:solidFill>
              <a:prstDash val="soli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a:ln>
                  <a:noFill/>
                </a:ln>
                <a:solidFill>
                  <a:prstClr val="white"/>
                </a:solidFill>
                <a:effectLst/>
                <a:uLnTx/>
                <a:uFillTx/>
                <a:latin typeface="Tahoma" pitchFamily="34" charset="0"/>
                <a:ea typeface="Tahoma" pitchFamily="34" charset="0"/>
                <a:cs typeface="Tahoma" pitchFamily="34" charset="0"/>
              </a:endParaRPr>
            </a:p>
          </p:txBody>
        </p:sp>
        <p:cxnSp>
          <p:nvCxnSpPr>
            <p:cNvPr id="61" name="Straight Connector 60">
              <a:extLst>
                <a:ext uri="{FF2B5EF4-FFF2-40B4-BE49-F238E27FC236}">
                  <a16:creationId xmlns:a16="http://schemas.microsoft.com/office/drawing/2014/main" id="{C6AF3A57-E0F3-1941-6775-EFE51D09C856}"/>
                </a:ext>
              </a:extLst>
            </p:cNvPr>
            <p:cNvCxnSpPr/>
            <p:nvPr/>
          </p:nvCxnSpPr>
          <p:spPr>
            <a:xfrm>
              <a:off x="1453180" y="1827098"/>
              <a:ext cx="640080" cy="0"/>
            </a:xfrm>
            <a:prstGeom prst="line">
              <a:avLst/>
            </a:prstGeom>
            <a:ln w="1587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62" name="Rectangle 61">
              <a:extLst>
                <a:ext uri="{FF2B5EF4-FFF2-40B4-BE49-F238E27FC236}">
                  <a16:creationId xmlns:a16="http://schemas.microsoft.com/office/drawing/2014/main" id="{BFE438D2-491E-64EF-6DB1-14B938772CC0}"/>
                </a:ext>
              </a:extLst>
            </p:cNvPr>
            <p:cNvSpPr/>
            <p:nvPr/>
          </p:nvSpPr>
          <p:spPr>
            <a:xfrm>
              <a:off x="502559" y="1577716"/>
              <a:ext cx="1590701" cy="498764"/>
            </a:xfrm>
            <a:prstGeom prst="rect">
              <a:avLst/>
            </a:prstGeom>
            <a:solidFill>
              <a:srgbClr val="0085BE"/>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defRPr/>
              </a:pPr>
              <a:r>
                <a:rPr lang="en-US" sz="1200" b="1">
                  <a:solidFill>
                    <a:prstClr val="white"/>
                  </a:solidFill>
                  <a:latin typeface="Roboto" panose="02000000000000000000" pitchFamily="2" charset="0"/>
                  <a:ea typeface="Roboto" panose="02000000000000000000" pitchFamily="2" charset="0"/>
                  <a:cs typeface="Roboto" panose="02000000000000000000" pitchFamily="2" charset="0"/>
                </a:rPr>
                <a:t>Engineering &amp; Manufacturing</a:t>
              </a:r>
            </a:p>
          </p:txBody>
        </p:sp>
        <p:pic>
          <p:nvPicPr>
            <p:cNvPr id="63" name="Picture 57">
              <a:extLst>
                <a:ext uri="{FF2B5EF4-FFF2-40B4-BE49-F238E27FC236}">
                  <a16:creationId xmlns:a16="http://schemas.microsoft.com/office/drawing/2014/main" id="{440EF851-0F9A-94A1-6522-4A13320DD4F8}"/>
                </a:ext>
              </a:extLst>
            </p:cNvPr>
            <p:cNvPicPr>
              <a:picLocks noChangeAspect="1" noChangeArrowheads="1"/>
            </p:cNvPicPr>
            <p:nvPr/>
          </p:nvPicPr>
          <p:blipFill>
            <a:blip r:embed="rId33" cstate="email">
              <a:extLst>
                <a:ext uri="{28A0092B-C50C-407E-A947-70E740481C1C}">
                  <a14:useLocalDpi xmlns:a14="http://schemas.microsoft.com/office/drawing/2010/main" val="0"/>
                </a:ext>
              </a:extLst>
            </a:blip>
            <a:srcRect/>
            <a:stretch>
              <a:fillRect/>
            </a:stretch>
          </p:blipFill>
          <p:spPr bwMode="auto">
            <a:xfrm>
              <a:off x="10888129" y="1635629"/>
              <a:ext cx="611231" cy="382939"/>
            </a:xfrm>
            <a:prstGeom prst="rect">
              <a:avLst/>
            </a:prstGeom>
            <a:noFill/>
            <a:ln w="9525">
              <a:noFill/>
              <a:miter lim="800000"/>
              <a:headEnd/>
              <a:tailEnd/>
            </a:ln>
          </p:spPr>
        </p:pic>
        <p:pic>
          <p:nvPicPr>
            <p:cNvPr id="64" name="Picture 2" descr="http://ww1.prweb.com/prfiles/2012/02/03/11099535/TE%20Connectivity%20Logo.JPG">
              <a:extLst>
                <a:ext uri="{FF2B5EF4-FFF2-40B4-BE49-F238E27FC236}">
                  <a16:creationId xmlns:a16="http://schemas.microsoft.com/office/drawing/2014/main" id="{9F685533-6233-C6B5-DCE8-1F1D77D0316D}"/>
                </a:ext>
              </a:extLst>
            </p:cNvPr>
            <p:cNvPicPr>
              <a:picLocks noChangeAspect="1" noChangeArrowheads="1"/>
            </p:cNvPicPr>
            <p:nvPr/>
          </p:nvPicPr>
          <p:blipFill>
            <a:blip r:embed="rId34" cstate="screen">
              <a:extLst>
                <a:ext uri="{28A0092B-C50C-407E-A947-70E740481C1C}">
                  <a14:useLocalDpi xmlns:a14="http://schemas.microsoft.com/office/drawing/2010/main" val="0"/>
                </a:ext>
              </a:extLst>
            </a:blip>
            <a:srcRect/>
            <a:stretch>
              <a:fillRect/>
            </a:stretch>
          </p:blipFill>
          <p:spPr bwMode="auto">
            <a:xfrm>
              <a:off x="6383004" y="1707426"/>
              <a:ext cx="687003" cy="309480"/>
            </a:xfrm>
            <a:prstGeom prst="rect">
              <a:avLst/>
            </a:prstGeom>
            <a:noFill/>
          </p:spPr>
        </p:pic>
        <p:pic>
          <p:nvPicPr>
            <p:cNvPr id="65" name="Picture 34" descr="http://www.photos.apo-opa.com/plog-content/images/apo/logos/philips-1.jpg">
              <a:extLst>
                <a:ext uri="{FF2B5EF4-FFF2-40B4-BE49-F238E27FC236}">
                  <a16:creationId xmlns:a16="http://schemas.microsoft.com/office/drawing/2014/main" id="{5717966D-54F0-022A-3DCC-112B8B344492}"/>
                </a:ext>
              </a:extLst>
            </p:cNvPr>
            <p:cNvPicPr>
              <a:picLocks noChangeAspect="1" noChangeArrowheads="1"/>
            </p:cNvPicPr>
            <p:nvPr/>
          </p:nvPicPr>
          <p:blipFill>
            <a:blip r:embed="rId35" cstate="screen">
              <a:extLst>
                <a:ext uri="{28A0092B-C50C-407E-A947-70E740481C1C}">
                  <a14:useLocalDpi xmlns:a14="http://schemas.microsoft.com/office/drawing/2010/main" val="0"/>
                </a:ext>
              </a:extLst>
            </a:blip>
            <a:srcRect/>
            <a:stretch>
              <a:fillRect/>
            </a:stretch>
          </p:blipFill>
          <p:spPr bwMode="auto">
            <a:xfrm>
              <a:off x="2258345" y="1797547"/>
              <a:ext cx="755062" cy="125240"/>
            </a:xfrm>
            <a:prstGeom prst="rect">
              <a:avLst/>
            </a:prstGeom>
            <a:noFill/>
          </p:spPr>
        </p:pic>
        <p:pic>
          <p:nvPicPr>
            <p:cNvPr id="66" name="Picture 24" descr="https://www.tucana-global.com/wp-content/uploads/2014/06/Lubrizol.gif">
              <a:extLst>
                <a:ext uri="{FF2B5EF4-FFF2-40B4-BE49-F238E27FC236}">
                  <a16:creationId xmlns:a16="http://schemas.microsoft.com/office/drawing/2014/main" id="{B7A4EAA9-9A27-1B33-6B5B-1E1F7A2BF813}"/>
                </a:ext>
              </a:extLst>
            </p:cNvPr>
            <p:cNvPicPr>
              <a:picLocks noChangeAspect="1" noChangeArrowheads="1"/>
            </p:cNvPicPr>
            <p:nvPr/>
          </p:nvPicPr>
          <p:blipFill>
            <a:blip r:embed="rId36" cstate="screen">
              <a:extLst>
                <a:ext uri="{28A0092B-C50C-407E-A947-70E740481C1C}">
                  <a14:useLocalDpi xmlns:a14="http://schemas.microsoft.com/office/drawing/2010/main" val="0"/>
                </a:ext>
              </a:extLst>
            </a:blip>
            <a:srcRect/>
            <a:stretch>
              <a:fillRect/>
            </a:stretch>
          </p:blipFill>
          <p:spPr bwMode="auto">
            <a:xfrm>
              <a:off x="7171099" y="1747912"/>
              <a:ext cx="764676" cy="221057"/>
            </a:xfrm>
            <a:prstGeom prst="rect">
              <a:avLst/>
            </a:prstGeom>
            <a:noFill/>
          </p:spPr>
        </p:pic>
        <p:pic>
          <p:nvPicPr>
            <p:cNvPr id="67" name="Picture 66" descr="Graphical user interface, logo&#10;&#10;Description automatically generated">
              <a:extLst>
                <a:ext uri="{FF2B5EF4-FFF2-40B4-BE49-F238E27FC236}">
                  <a16:creationId xmlns:a16="http://schemas.microsoft.com/office/drawing/2014/main" id="{0789CEF8-2DBB-C79F-5555-24DC9C8BB36C}"/>
                </a:ext>
              </a:extLst>
            </p:cNvPr>
            <p:cNvPicPr>
              <a:picLocks noChangeAspect="1"/>
            </p:cNvPicPr>
            <p:nvPr/>
          </p:nvPicPr>
          <p:blipFill rotWithShape="1">
            <a:blip r:embed="rId37" cstate="screen">
              <a:extLst>
                <a:ext uri="{28A0092B-C50C-407E-A947-70E740481C1C}">
                  <a14:useLocalDpi xmlns:a14="http://schemas.microsoft.com/office/drawing/2010/main" val="0"/>
                </a:ext>
              </a:extLst>
            </a:blip>
            <a:srcRect/>
            <a:stretch/>
          </p:blipFill>
          <p:spPr>
            <a:xfrm>
              <a:off x="3157558" y="1623006"/>
              <a:ext cx="924787" cy="421399"/>
            </a:xfrm>
            <a:prstGeom prst="rect">
              <a:avLst/>
            </a:prstGeom>
          </p:spPr>
        </p:pic>
        <p:sp>
          <p:nvSpPr>
            <p:cNvPr id="68" name="Freeform: Shape 67">
              <a:extLst>
                <a:ext uri="{FF2B5EF4-FFF2-40B4-BE49-F238E27FC236}">
                  <a16:creationId xmlns:a16="http://schemas.microsoft.com/office/drawing/2014/main" id="{D5F1E12F-A8F1-9BD1-3088-B3A60BEB1D1D}"/>
                </a:ext>
              </a:extLst>
            </p:cNvPr>
            <p:cNvSpPr/>
            <p:nvPr/>
          </p:nvSpPr>
          <p:spPr>
            <a:xfrm>
              <a:off x="8167451" y="1710858"/>
              <a:ext cx="50511" cy="45919"/>
            </a:xfrm>
            <a:custGeom>
              <a:avLst/>
              <a:gdLst>
                <a:gd name="connsiteX0" fmla="*/ 0 w 50511"/>
                <a:gd name="connsiteY0" fmla="*/ 0 h 50511"/>
                <a:gd name="connsiteX1" fmla="*/ 50512 w 50511"/>
                <a:gd name="connsiteY1" fmla="*/ 0 h 50511"/>
                <a:gd name="connsiteX2" fmla="*/ 50512 w 50511"/>
                <a:gd name="connsiteY2" fmla="*/ 50512 h 50511"/>
                <a:gd name="connsiteX3" fmla="*/ 0 w 50511"/>
                <a:gd name="connsiteY3" fmla="*/ 50512 h 50511"/>
              </a:gdLst>
              <a:ahLst/>
              <a:cxnLst>
                <a:cxn ang="0">
                  <a:pos x="connsiteX0" y="connsiteY0"/>
                </a:cxn>
                <a:cxn ang="0">
                  <a:pos x="connsiteX1" y="connsiteY1"/>
                </a:cxn>
                <a:cxn ang="0">
                  <a:pos x="connsiteX2" y="connsiteY2"/>
                </a:cxn>
                <a:cxn ang="0">
                  <a:pos x="connsiteX3" y="connsiteY3"/>
                </a:cxn>
              </a:cxnLst>
              <a:rect l="l" t="t" r="r" b="b"/>
              <a:pathLst>
                <a:path w="50511" h="50511">
                  <a:moveTo>
                    <a:pt x="0" y="0"/>
                  </a:moveTo>
                  <a:lnTo>
                    <a:pt x="50512" y="0"/>
                  </a:lnTo>
                  <a:lnTo>
                    <a:pt x="50512" y="50512"/>
                  </a:lnTo>
                  <a:lnTo>
                    <a:pt x="0" y="50512"/>
                  </a:lnTo>
                  <a:close/>
                </a:path>
              </a:pathLst>
            </a:custGeom>
            <a:solidFill>
              <a:srgbClr val="0068B5"/>
            </a:solidFill>
            <a:ln w="17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76" name="Freeform: Shape 75">
              <a:extLst>
                <a:ext uri="{FF2B5EF4-FFF2-40B4-BE49-F238E27FC236}">
                  <a16:creationId xmlns:a16="http://schemas.microsoft.com/office/drawing/2014/main" id="{1C915B53-6290-D56A-2D42-7911180A7580}"/>
                </a:ext>
              </a:extLst>
            </p:cNvPr>
            <p:cNvSpPr/>
            <p:nvPr/>
          </p:nvSpPr>
          <p:spPr>
            <a:xfrm>
              <a:off x="8170267" y="1707426"/>
              <a:ext cx="640296" cy="246105"/>
            </a:xfrm>
            <a:custGeom>
              <a:avLst/>
              <a:gdLst>
                <a:gd name="connsiteX0" fmla="*/ 47815 w 640296"/>
                <a:gd name="connsiteY0" fmla="*/ 266940 h 270715"/>
                <a:gd name="connsiteX1" fmla="*/ 47815 w 640296"/>
                <a:gd name="connsiteY1" fmla="*/ 85025 h 270715"/>
                <a:gd name="connsiteX2" fmla="*/ 0 w 640296"/>
                <a:gd name="connsiteY2" fmla="*/ 85025 h 270715"/>
                <a:gd name="connsiteX3" fmla="*/ 0 w 640296"/>
                <a:gd name="connsiteY3" fmla="*/ 266940 h 270715"/>
                <a:gd name="connsiteX4" fmla="*/ 47815 w 640296"/>
                <a:gd name="connsiteY4" fmla="*/ 266940 h 270715"/>
                <a:gd name="connsiteX5" fmla="*/ 365627 w 640296"/>
                <a:gd name="connsiteY5" fmla="*/ 268738 h 270715"/>
                <a:gd name="connsiteX6" fmla="*/ 365627 w 640296"/>
                <a:gd name="connsiteY6" fmla="*/ 224158 h 270715"/>
                <a:gd name="connsiteX7" fmla="*/ 348370 w 640296"/>
                <a:gd name="connsiteY7" fmla="*/ 223079 h 270715"/>
                <a:gd name="connsiteX8" fmla="*/ 337045 w 640296"/>
                <a:gd name="connsiteY8" fmla="*/ 218046 h 270715"/>
                <a:gd name="connsiteX9" fmla="*/ 332012 w 640296"/>
                <a:gd name="connsiteY9" fmla="*/ 207261 h 270715"/>
                <a:gd name="connsiteX10" fmla="*/ 330934 w 640296"/>
                <a:gd name="connsiteY10" fmla="*/ 189644 h 270715"/>
                <a:gd name="connsiteX11" fmla="*/ 330934 w 640296"/>
                <a:gd name="connsiteY11" fmla="*/ 126010 h 270715"/>
                <a:gd name="connsiteX12" fmla="*/ 365627 w 640296"/>
                <a:gd name="connsiteY12" fmla="*/ 126010 h 270715"/>
                <a:gd name="connsiteX13" fmla="*/ 365627 w 640296"/>
                <a:gd name="connsiteY13" fmla="*/ 85025 h 270715"/>
                <a:gd name="connsiteX14" fmla="*/ 330934 w 640296"/>
                <a:gd name="connsiteY14" fmla="*/ 85025 h 270715"/>
                <a:gd name="connsiteX15" fmla="*/ 330934 w 640296"/>
                <a:gd name="connsiteY15" fmla="*/ 14021 h 270715"/>
                <a:gd name="connsiteX16" fmla="*/ 282938 w 640296"/>
                <a:gd name="connsiteY16" fmla="*/ 14021 h 270715"/>
                <a:gd name="connsiteX17" fmla="*/ 282938 w 640296"/>
                <a:gd name="connsiteY17" fmla="*/ 190004 h 270715"/>
                <a:gd name="connsiteX18" fmla="*/ 286713 w 640296"/>
                <a:gd name="connsiteY18" fmla="*/ 227573 h 270715"/>
                <a:gd name="connsiteX19" fmla="*/ 299476 w 640296"/>
                <a:gd name="connsiteY19" fmla="*/ 251661 h 270715"/>
                <a:gd name="connsiteX20" fmla="*/ 322844 w 640296"/>
                <a:gd name="connsiteY20" fmla="*/ 264783 h 270715"/>
                <a:gd name="connsiteX21" fmla="*/ 359335 w 640296"/>
                <a:gd name="connsiteY21" fmla="*/ 268738 h 270715"/>
                <a:gd name="connsiteX22" fmla="*/ 365627 w 640296"/>
                <a:gd name="connsiteY22" fmla="*/ 268738 h 270715"/>
                <a:gd name="connsiteX23" fmla="*/ 365627 w 640296"/>
                <a:gd name="connsiteY23" fmla="*/ 268738 h 270715"/>
                <a:gd name="connsiteX24" fmla="*/ 640296 w 640296"/>
                <a:gd name="connsiteY24" fmla="*/ 266940 h 270715"/>
                <a:gd name="connsiteX25" fmla="*/ 640296 w 640296"/>
                <a:gd name="connsiteY25" fmla="*/ 0 h 270715"/>
                <a:gd name="connsiteX26" fmla="*/ 592301 w 640296"/>
                <a:gd name="connsiteY26" fmla="*/ 0 h 270715"/>
                <a:gd name="connsiteX27" fmla="*/ 592301 w 640296"/>
                <a:gd name="connsiteY27" fmla="*/ 266940 h 270715"/>
                <a:gd name="connsiteX28" fmla="*/ 640296 w 640296"/>
                <a:gd name="connsiteY28" fmla="*/ 266940 h 270715"/>
                <a:gd name="connsiteX29" fmla="*/ 236741 w 640296"/>
                <a:gd name="connsiteY29" fmla="*/ 102821 h 270715"/>
                <a:gd name="connsiteX30" fmla="*/ 181016 w 640296"/>
                <a:gd name="connsiteY30" fmla="*/ 81250 h 270715"/>
                <a:gd name="connsiteX31" fmla="*/ 149558 w 640296"/>
                <a:gd name="connsiteY31" fmla="*/ 88261 h 270715"/>
                <a:gd name="connsiteX32" fmla="*/ 125830 w 640296"/>
                <a:gd name="connsiteY32" fmla="*/ 107675 h 270715"/>
                <a:gd name="connsiteX33" fmla="*/ 123134 w 640296"/>
                <a:gd name="connsiteY33" fmla="*/ 111090 h 270715"/>
                <a:gd name="connsiteX34" fmla="*/ 123134 w 640296"/>
                <a:gd name="connsiteY34" fmla="*/ 108034 h 270715"/>
                <a:gd name="connsiteX35" fmla="*/ 123134 w 640296"/>
                <a:gd name="connsiteY35" fmla="*/ 85025 h 270715"/>
                <a:gd name="connsiteX36" fmla="*/ 75858 w 640296"/>
                <a:gd name="connsiteY36" fmla="*/ 85025 h 270715"/>
                <a:gd name="connsiteX37" fmla="*/ 75858 w 640296"/>
                <a:gd name="connsiteY37" fmla="*/ 266940 h 270715"/>
                <a:gd name="connsiteX38" fmla="*/ 123493 w 640296"/>
                <a:gd name="connsiteY38" fmla="*/ 266940 h 270715"/>
                <a:gd name="connsiteX39" fmla="*/ 123493 w 640296"/>
                <a:gd name="connsiteY39" fmla="*/ 170051 h 270715"/>
                <a:gd name="connsiteX40" fmla="*/ 123493 w 640296"/>
                <a:gd name="connsiteY40" fmla="*/ 176702 h 270715"/>
                <a:gd name="connsiteX41" fmla="*/ 123493 w 640296"/>
                <a:gd name="connsiteY41" fmla="*/ 173466 h 270715"/>
                <a:gd name="connsiteX42" fmla="*/ 136076 w 640296"/>
                <a:gd name="connsiteY42" fmla="*/ 135717 h 270715"/>
                <a:gd name="connsiteX43" fmla="*/ 166455 w 640296"/>
                <a:gd name="connsiteY43" fmla="*/ 122775 h 270715"/>
                <a:gd name="connsiteX44" fmla="*/ 197913 w 640296"/>
                <a:gd name="connsiteY44" fmla="*/ 135358 h 270715"/>
                <a:gd name="connsiteX45" fmla="*/ 208339 w 640296"/>
                <a:gd name="connsiteY45" fmla="*/ 170231 h 270715"/>
                <a:gd name="connsiteX46" fmla="*/ 208339 w 640296"/>
                <a:gd name="connsiteY46" fmla="*/ 170231 h 270715"/>
                <a:gd name="connsiteX47" fmla="*/ 208339 w 640296"/>
                <a:gd name="connsiteY47" fmla="*/ 170590 h 270715"/>
                <a:gd name="connsiteX48" fmla="*/ 208339 w 640296"/>
                <a:gd name="connsiteY48" fmla="*/ 170590 h 270715"/>
                <a:gd name="connsiteX49" fmla="*/ 208339 w 640296"/>
                <a:gd name="connsiteY49" fmla="*/ 170590 h 270715"/>
                <a:gd name="connsiteX50" fmla="*/ 208339 w 640296"/>
                <a:gd name="connsiteY50" fmla="*/ 266760 h 270715"/>
                <a:gd name="connsiteX51" fmla="*/ 256694 w 640296"/>
                <a:gd name="connsiteY51" fmla="*/ 266760 h 270715"/>
                <a:gd name="connsiteX52" fmla="*/ 256694 w 640296"/>
                <a:gd name="connsiteY52" fmla="*/ 163580 h 270715"/>
                <a:gd name="connsiteX53" fmla="*/ 236741 w 640296"/>
                <a:gd name="connsiteY53" fmla="*/ 102821 h 270715"/>
                <a:gd name="connsiteX54" fmla="*/ 567494 w 640296"/>
                <a:gd name="connsiteY54" fmla="*/ 175623 h 270715"/>
                <a:gd name="connsiteX55" fmla="*/ 560664 w 640296"/>
                <a:gd name="connsiteY55" fmla="*/ 138773 h 270715"/>
                <a:gd name="connsiteX56" fmla="*/ 541430 w 640296"/>
                <a:gd name="connsiteY56" fmla="*/ 108753 h 270715"/>
                <a:gd name="connsiteX57" fmla="*/ 511770 w 640296"/>
                <a:gd name="connsiteY57" fmla="*/ 88621 h 270715"/>
                <a:gd name="connsiteX58" fmla="*/ 473661 w 640296"/>
                <a:gd name="connsiteY58" fmla="*/ 81430 h 270715"/>
                <a:gd name="connsiteX59" fmla="*/ 436631 w 640296"/>
                <a:gd name="connsiteY59" fmla="*/ 88800 h 270715"/>
                <a:gd name="connsiteX60" fmla="*/ 406611 w 640296"/>
                <a:gd name="connsiteY60" fmla="*/ 108933 h 270715"/>
                <a:gd name="connsiteX61" fmla="*/ 386479 w 640296"/>
                <a:gd name="connsiteY61" fmla="*/ 138953 h 270715"/>
                <a:gd name="connsiteX62" fmla="*/ 379109 w 640296"/>
                <a:gd name="connsiteY62" fmla="*/ 175983 h 270715"/>
                <a:gd name="connsiteX63" fmla="*/ 386119 w 640296"/>
                <a:gd name="connsiteY63" fmla="*/ 213013 h 270715"/>
                <a:gd name="connsiteX64" fmla="*/ 405713 w 640296"/>
                <a:gd name="connsiteY64" fmla="*/ 243032 h 270715"/>
                <a:gd name="connsiteX65" fmla="*/ 436092 w 640296"/>
                <a:gd name="connsiteY65" fmla="*/ 263165 h 270715"/>
                <a:gd name="connsiteX66" fmla="*/ 475099 w 640296"/>
                <a:gd name="connsiteY66" fmla="*/ 270715 h 270715"/>
                <a:gd name="connsiteX67" fmla="*/ 555990 w 640296"/>
                <a:gd name="connsiteY67" fmla="*/ 234943 h 270715"/>
                <a:gd name="connsiteX68" fmla="*/ 521476 w 640296"/>
                <a:gd name="connsiteY68" fmla="*/ 208699 h 270715"/>
                <a:gd name="connsiteX69" fmla="*/ 475459 w 640296"/>
                <a:gd name="connsiteY69" fmla="*/ 229011 h 270715"/>
                <a:gd name="connsiteX70" fmla="*/ 442383 w 640296"/>
                <a:gd name="connsiteY70" fmla="*/ 219664 h 270715"/>
                <a:gd name="connsiteX71" fmla="*/ 425126 w 640296"/>
                <a:gd name="connsiteY71" fmla="*/ 194318 h 270715"/>
                <a:gd name="connsiteX72" fmla="*/ 424587 w 640296"/>
                <a:gd name="connsiteY72" fmla="*/ 192700 h 270715"/>
                <a:gd name="connsiteX73" fmla="*/ 567494 w 640296"/>
                <a:gd name="connsiteY73" fmla="*/ 192700 h 270715"/>
                <a:gd name="connsiteX74" fmla="*/ 567494 w 640296"/>
                <a:gd name="connsiteY74" fmla="*/ 175623 h 270715"/>
                <a:gd name="connsiteX75" fmla="*/ 567494 w 640296"/>
                <a:gd name="connsiteY75" fmla="*/ 175623 h 270715"/>
                <a:gd name="connsiteX76" fmla="*/ 424947 w 640296"/>
                <a:gd name="connsiteY76" fmla="*/ 158906 h 270715"/>
                <a:gd name="connsiteX77" fmla="*/ 473122 w 640296"/>
                <a:gd name="connsiteY77" fmla="*/ 122235 h 270715"/>
                <a:gd name="connsiteX78" fmla="*/ 521476 w 640296"/>
                <a:gd name="connsiteY78" fmla="*/ 158726 h 270715"/>
                <a:gd name="connsiteX79" fmla="*/ 424947 w 640296"/>
                <a:gd name="connsiteY79" fmla="*/ 158906 h 2707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Lst>
              <a:rect l="l" t="t" r="r" b="b"/>
              <a:pathLst>
                <a:path w="640296" h="270715">
                  <a:moveTo>
                    <a:pt x="47815" y="266940"/>
                  </a:moveTo>
                  <a:lnTo>
                    <a:pt x="47815" y="85025"/>
                  </a:lnTo>
                  <a:lnTo>
                    <a:pt x="0" y="85025"/>
                  </a:lnTo>
                  <a:lnTo>
                    <a:pt x="0" y="266940"/>
                  </a:lnTo>
                  <a:lnTo>
                    <a:pt x="47815" y="266940"/>
                  </a:lnTo>
                  <a:close/>
                  <a:moveTo>
                    <a:pt x="365627" y="268738"/>
                  </a:moveTo>
                  <a:lnTo>
                    <a:pt x="365627" y="224158"/>
                  </a:lnTo>
                  <a:cubicBezTo>
                    <a:pt x="358616" y="224158"/>
                    <a:pt x="352684" y="223798"/>
                    <a:pt x="348370" y="223079"/>
                  </a:cubicBezTo>
                  <a:cubicBezTo>
                    <a:pt x="343337" y="222360"/>
                    <a:pt x="339562" y="220563"/>
                    <a:pt x="337045" y="218046"/>
                  </a:cubicBezTo>
                  <a:cubicBezTo>
                    <a:pt x="334529" y="215529"/>
                    <a:pt x="332911" y="211934"/>
                    <a:pt x="332012" y="207261"/>
                  </a:cubicBezTo>
                  <a:cubicBezTo>
                    <a:pt x="331293" y="202767"/>
                    <a:pt x="330934" y="196835"/>
                    <a:pt x="330934" y="189644"/>
                  </a:cubicBezTo>
                  <a:lnTo>
                    <a:pt x="330934" y="126010"/>
                  </a:lnTo>
                  <a:lnTo>
                    <a:pt x="365627" y="126010"/>
                  </a:lnTo>
                  <a:lnTo>
                    <a:pt x="365627" y="85025"/>
                  </a:lnTo>
                  <a:lnTo>
                    <a:pt x="330934" y="85025"/>
                  </a:lnTo>
                  <a:lnTo>
                    <a:pt x="330934" y="14021"/>
                  </a:lnTo>
                  <a:lnTo>
                    <a:pt x="282938" y="14021"/>
                  </a:lnTo>
                  <a:lnTo>
                    <a:pt x="282938" y="190004"/>
                  </a:lnTo>
                  <a:cubicBezTo>
                    <a:pt x="282938" y="204924"/>
                    <a:pt x="284197" y="217507"/>
                    <a:pt x="286713" y="227573"/>
                  </a:cubicBezTo>
                  <a:cubicBezTo>
                    <a:pt x="289230" y="237460"/>
                    <a:pt x="293544" y="245549"/>
                    <a:pt x="299476" y="251661"/>
                  </a:cubicBezTo>
                  <a:cubicBezTo>
                    <a:pt x="305408" y="257773"/>
                    <a:pt x="313317" y="262087"/>
                    <a:pt x="322844" y="264783"/>
                  </a:cubicBezTo>
                  <a:cubicBezTo>
                    <a:pt x="332551" y="267479"/>
                    <a:pt x="344775" y="268738"/>
                    <a:pt x="359335" y="268738"/>
                  </a:cubicBezTo>
                  <a:lnTo>
                    <a:pt x="365627" y="268738"/>
                  </a:lnTo>
                  <a:lnTo>
                    <a:pt x="365627" y="268738"/>
                  </a:lnTo>
                  <a:close/>
                  <a:moveTo>
                    <a:pt x="640296" y="266940"/>
                  </a:moveTo>
                  <a:lnTo>
                    <a:pt x="640296" y="0"/>
                  </a:lnTo>
                  <a:lnTo>
                    <a:pt x="592301" y="0"/>
                  </a:lnTo>
                  <a:lnTo>
                    <a:pt x="592301" y="266940"/>
                  </a:lnTo>
                  <a:lnTo>
                    <a:pt x="640296" y="266940"/>
                  </a:lnTo>
                  <a:close/>
                  <a:moveTo>
                    <a:pt x="236741" y="102821"/>
                  </a:moveTo>
                  <a:cubicBezTo>
                    <a:pt x="223439" y="88441"/>
                    <a:pt x="204744" y="81250"/>
                    <a:pt x="181016" y="81250"/>
                  </a:cubicBezTo>
                  <a:cubicBezTo>
                    <a:pt x="169511" y="81250"/>
                    <a:pt x="159085" y="83587"/>
                    <a:pt x="149558" y="88261"/>
                  </a:cubicBezTo>
                  <a:cubicBezTo>
                    <a:pt x="140211" y="92935"/>
                    <a:pt x="132122" y="99406"/>
                    <a:pt x="125830" y="107675"/>
                  </a:cubicBezTo>
                  <a:lnTo>
                    <a:pt x="123134" y="111090"/>
                  </a:lnTo>
                  <a:lnTo>
                    <a:pt x="123134" y="108034"/>
                  </a:lnTo>
                  <a:lnTo>
                    <a:pt x="123134" y="85025"/>
                  </a:lnTo>
                  <a:lnTo>
                    <a:pt x="75858" y="85025"/>
                  </a:lnTo>
                  <a:lnTo>
                    <a:pt x="75858" y="266940"/>
                  </a:lnTo>
                  <a:lnTo>
                    <a:pt x="123493" y="266940"/>
                  </a:lnTo>
                  <a:lnTo>
                    <a:pt x="123493" y="170051"/>
                  </a:lnTo>
                  <a:lnTo>
                    <a:pt x="123493" y="176702"/>
                  </a:lnTo>
                  <a:cubicBezTo>
                    <a:pt x="123493" y="175623"/>
                    <a:pt x="123493" y="174545"/>
                    <a:pt x="123493" y="173466"/>
                  </a:cubicBezTo>
                  <a:cubicBezTo>
                    <a:pt x="124033" y="156389"/>
                    <a:pt x="128167" y="143806"/>
                    <a:pt x="136076" y="135717"/>
                  </a:cubicBezTo>
                  <a:cubicBezTo>
                    <a:pt x="144525" y="127089"/>
                    <a:pt x="154771" y="122775"/>
                    <a:pt x="166455" y="122775"/>
                  </a:cubicBezTo>
                  <a:cubicBezTo>
                    <a:pt x="180297" y="122775"/>
                    <a:pt x="190902" y="127089"/>
                    <a:pt x="197913" y="135358"/>
                  </a:cubicBezTo>
                  <a:cubicBezTo>
                    <a:pt x="204744" y="143626"/>
                    <a:pt x="208339" y="155311"/>
                    <a:pt x="208339" y="170231"/>
                  </a:cubicBezTo>
                  <a:lnTo>
                    <a:pt x="208339" y="170231"/>
                  </a:lnTo>
                  <a:lnTo>
                    <a:pt x="208339" y="170590"/>
                  </a:lnTo>
                  <a:lnTo>
                    <a:pt x="208339" y="170590"/>
                  </a:lnTo>
                  <a:lnTo>
                    <a:pt x="208339" y="170590"/>
                  </a:lnTo>
                  <a:lnTo>
                    <a:pt x="208339" y="266760"/>
                  </a:lnTo>
                  <a:lnTo>
                    <a:pt x="256694" y="266760"/>
                  </a:lnTo>
                  <a:lnTo>
                    <a:pt x="256694" y="163580"/>
                  </a:lnTo>
                  <a:cubicBezTo>
                    <a:pt x="256873" y="137694"/>
                    <a:pt x="250043" y="117202"/>
                    <a:pt x="236741" y="102821"/>
                  </a:cubicBezTo>
                  <a:close/>
                  <a:moveTo>
                    <a:pt x="567494" y="175623"/>
                  </a:moveTo>
                  <a:cubicBezTo>
                    <a:pt x="567494" y="162501"/>
                    <a:pt x="565158" y="150277"/>
                    <a:pt x="560664" y="138773"/>
                  </a:cubicBezTo>
                  <a:cubicBezTo>
                    <a:pt x="555990" y="127448"/>
                    <a:pt x="549519" y="117382"/>
                    <a:pt x="541430" y="108753"/>
                  </a:cubicBezTo>
                  <a:cubicBezTo>
                    <a:pt x="533161" y="100125"/>
                    <a:pt x="523274" y="93474"/>
                    <a:pt x="511770" y="88621"/>
                  </a:cubicBezTo>
                  <a:cubicBezTo>
                    <a:pt x="500265" y="83767"/>
                    <a:pt x="487502" y="81430"/>
                    <a:pt x="473661" y="81430"/>
                  </a:cubicBezTo>
                  <a:cubicBezTo>
                    <a:pt x="460539" y="81430"/>
                    <a:pt x="448135" y="83947"/>
                    <a:pt x="436631" y="88800"/>
                  </a:cubicBezTo>
                  <a:cubicBezTo>
                    <a:pt x="425126" y="93834"/>
                    <a:pt x="415060" y="100485"/>
                    <a:pt x="406611" y="108933"/>
                  </a:cubicBezTo>
                  <a:cubicBezTo>
                    <a:pt x="398163" y="117382"/>
                    <a:pt x="391332" y="127448"/>
                    <a:pt x="386479" y="138953"/>
                  </a:cubicBezTo>
                  <a:cubicBezTo>
                    <a:pt x="381445" y="150457"/>
                    <a:pt x="379109" y="162860"/>
                    <a:pt x="379109" y="175983"/>
                  </a:cubicBezTo>
                  <a:cubicBezTo>
                    <a:pt x="379109" y="189105"/>
                    <a:pt x="381445" y="201508"/>
                    <a:pt x="386119" y="213013"/>
                  </a:cubicBezTo>
                  <a:cubicBezTo>
                    <a:pt x="390793" y="224517"/>
                    <a:pt x="397444" y="234584"/>
                    <a:pt x="405713" y="243032"/>
                  </a:cubicBezTo>
                  <a:cubicBezTo>
                    <a:pt x="413981" y="251481"/>
                    <a:pt x="424228" y="258312"/>
                    <a:pt x="436092" y="263165"/>
                  </a:cubicBezTo>
                  <a:cubicBezTo>
                    <a:pt x="447956" y="268198"/>
                    <a:pt x="461078" y="270715"/>
                    <a:pt x="475099" y="270715"/>
                  </a:cubicBezTo>
                  <a:cubicBezTo>
                    <a:pt x="515724" y="270715"/>
                    <a:pt x="540890" y="252200"/>
                    <a:pt x="555990" y="234943"/>
                  </a:cubicBezTo>
                  <a:lnTo>
                    <a:pt x="521476" y="208699"/>
                  </a:lnTo>
                  <a:cubicBezTo>
                    <a:pt x="514286" y="217327"/>
                    <a:pt x="497029" y="229011"/>
                    <a:pt x="475459" y="229011"/>
                  </a:cubicBezTo>
                  <a:cubicBezTo>
                    <a:pt x="461977" y="229011"/>
                    <a:pt x="450832" y="225955"/>
                    <a:pt x="442383" y="219664"/>
                  </a:cubicBezTo>
                  <a:cubicBezTo>
                    <a:pt x="433935" y="213552"/>
                    <a:pt x="428182" y="204924"/>
                    <a:pt x="425126" y="194318"/>
                  </a:cubicBezTo>
                  <a:lnTo>
                    <a:pt x="424587" y="192700"/>
                  </a:lnTo>
                  <a:lnTo>
                    <a:pt x="567494" y="192700"/>
                  </a:lnTo>
                  <a:lnTo>
                    <a:pt x="567494" y="175623"/>
                  </a:lnTo>
                  <a:lnTo>
                    <a:pt x="567494" y="175623"/>
                  </a:lnTo>
                  <a:close/>
                  <a:moveTo>
                    <a:pt x="424947" y="158906"/>
                  </a:moveTo>
                  <a:cubicBezTo>
                    <a:pt x="424947" y="145604"/>
                    <a:pt x="440226" y="122415"/>
                    <a:pt x="473122" y="122235"/>
                  </a:cubicBezTo>
                  <a:cubicBezTo>
                    <a:pt x="506017" y="122235"/>
                    <a:pt x="521476" y="145424"/>
                    <a:pt x="521476" y="158726"/>
                  </a:cubicBezTo>
                  <a:lnTo>
                    <a:pt x="424947" y="158906"/>
                  </a:lnTo>
                  <a:close/>
                </a:path>
              </a:pathLst>
            </a:custGeom>
            <a:solidFill>
              <a:srgbClr val="000000"/>
            </a:solidFill>
            <a:ln w="17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70" name="Graphic 65">
              <a:extLst>
                <a:ext uri="{FF2B5EF4-FFF2-40B4-BE49-F238E27FC236}">
                  <a16:creationId xmlns:a16="http://schemas.microsoft.com/office/drawing/2014/main" id="{EDA47E88-42BF-3CA1-085A-A3B0EE183C0E}"/>
                </a:ext>
              </a:extLst>
            </p:cNvPr>
            <p:cNvSpPr/>
            <p:nvPr/>
          </p:nvSpPr>
          <p:spPr>
            <a:xfrm>
              <a:off x="9121351" y="1691818"/>
              <a:ext cx="1416459" cy="303207"/>
            </a:xfrm>
            <a:custGeom>
              <a:avLst/>
              <a:gdLst>
                <a:gd name="connsiteX0" fmla="*/ 541107 w 1416459"/>
                <a:gd name="connsiteY0" fmla="*/ 234333 h 333527"/>
                <a:gd name="connsiteX1" fmla="*/ 541107 w 1416459"/>
                <a:gd name="connsiteY1" fmla="*/ 99194 h 333527"/>
                <a:gd name="connsiteX2" fmla="*/ 609058 w 1416459"/>
                <a:gd name="connsiteY2" fmla="*/ 99194 h 333527"/>
                <a:gd name="connsiteX3" fmla="*/ 609058 w 1416459"/>
                <a:gd name="connsiteY3" fmla="*/ 114064 h 333527"/>
                <a:gd name="connsiteX4" fmla="*/ 558086 w 1416459"/>
                <a:gd name="connsiteY4" fmla="*/ 114064 h 333527"/>
                <a:gd name="connsiteX5" fmla="*/ 558086 w 1416459"/>
                <a:gd name="connsiteY5" fmla="*/ 158470 h 333527"/>
                <a:gd name="connsiteX6" fmla="*/ 605781 w 1416459"/>
                <a:gd name="connsiteY6" fmla="*/ 158470 h 333527"/>
                <a:gd name="connsiteX7" fmla="*/ 605781 w 1416459"/>
                <a:gd name="connsiteY7" fmla="*/ 172947 h 333527"/>
                <a:gd name="connsiteX8" fmla="*/ 558086 w 1416459"/>
                <a:gd name="connsiteY8" fmla="*/ 172947 h 333527"/>
                <a:gd name="connsiteX9" fmla="*/ 558086 w 1416459"/>
                <a:gd name="connsiteY9" fmla="*/ 219475 h 333527"/>
                <a:gd name="connsiteX10" fmla="*/ 609058 w 1416459"/>
                <a:gd name="connsiteY10" fmla="*/ 219475 h 333527"/>
                <a:gd name="connsiteX11" fmla="*/ 609058 w 1416459"/>
                <a:gd name="connsiteY11" fmla="*/ 234345 h 333527"/>
                <a:gd name="connsiteX12" fmla="*/ 541107 w 1416459"/>
                <a:gd name="connsiteY12" fmla="*/ 234345 h 333527"/>
                <a:gd name="connsiteX13" fmla="*/ 685325 w 1416459"/>
                <a:gd name="connsiteY13" fmla="*/ 178536 h 333527"/>
                <a:gd name="connsiteX14" fmla="*/ 703090 w 1416459"/>
                <a:gd name="connsiteY14" fmla="*/ 114636 h 333527"/>
                <a:gd name="connsiteX15" fmla="*/ 720855 w 1416459"/>
                <a:gd name="connsiteY15" fmla="*/ 178536 h 333527"/>
                <a:gd name="connsiteX16" fmla="*/ 685325 w 1416459"/>
                <a:gd name="connsiteY16" fmla="*/ 178536 h 333527"/>
                <a:gd name="connsiteX17" fmla="*/ 669883 w 1416459"/>
                <a:gd name="connsiteY17" fmla="*/ 234333 h 333527"/>
                <a:gd name="connsiteX18" fmla="*/ 681464 w 1416459"/>
                <a:gd name="connsiteY18" fmla="*/ 192822 h 333527"/>
                <a:gd name="connsiteX19" fmla="*/ 724906 w 1416459"/>
                <a:gd name="connsiteY19" fmla="*/ 192822 h 333527"/>
                <a:gd name="connsiteX20" fmla="*/ 736487 w 1416459"/>
                <a:gd name="connsiteY20" fmla="*/ 234333 h 333527"/>
                <a:gd name="connsiteX21" fmla="*/ 754252 w 1416459"/>
                <a:gd name="connsiteY21" fmla="*/ 234333 h 333527"/>
                <a:gd name="connsiteX22" fmla="*/ 714099 w 1416459"/>
                <a:gd name="connsiteY22" fmla="*/ 99194 h 333527"/>
                <a:gd name="connsiteX23" fmla="*/ 692866 w 1416459"/>
                <a:gd name="connsiteY23" fmla="*/ 99194 h 333527"/>
                <a:gd name="connsiteX24" fmla="*/ 652713 w 1416459"/>
                <a:gd name="connsiteY24" fmla="*/ 234333 h 333527"/>
                <a:gd name="connsiteX25" fmla="*/ 669894 w 1416459"/>
                <a:gd name="connsiteY25" fmla="*/ 234333 h 333527"/>
                <a:gd name="connsiteX26" fmla="*/ 802901 w 1416459"/>
                <a:gd name="connsiteY26" fmla="*/ 150738 h 333527"/>
                <a:gd name="connsiteX27" fmla="*/ 820857 w 1416459"/>
                <a:gd name="connsiteY27" fmla="*/ 171399 h 333527"/>
                <a:gd name="connsiteX28" fmla="*/ 820857 w 1416459"/>
                <a:gd name="connsiteY28" fmla="*/ 179310 h 333527"/>
                <a:gd name="connsiteX29" fmla="*/ 784957 w 1416459"/>
                <a:gd name="connsiteY29" fmla="*/ 179310 h 333527"/>
                <a:gd name="connsiteX30" fmla="*/ 784957 w 1416459"/>
                <a:gd name="connsiteY30" fmla="*/ 171399 h 333527"/>
                <a:gd name="connsiteX31" fmla="*/ 802912 w 1416459"/>
                <a:gd name="connsiteY31" fmla="*/ 150738 h 333527"/>
                <a:gd name="connsiteX32" fmla="*/ 768336 w 1416459"/>
                <a:gd name="connsiteY32" fmla="*/ 172554 h 333527"/>
                <a:gd name="connsiteX33" fmla="*/ 768336 w 1416459"/>
                <a:gd name="connsiteY33" fmla="*/ 201519 h 333527"/>
                <a:gd name="connsiteX34" fmla="*/ 802508 w 1416459"/>
                <a:gd name="connsiteY34" fmla="*/ 236264 h 333527"/>
                <a:gd name="connsiteX35" fmla="*/ 836882 w 1416459"/>
                <a:gd name="connsiteY35" fmla="*/ 205571 h 333527"/>
                <a:gd name="connsiteX36" fmla="*/ 820857 w 1416459"/>
                <a:gd name="connsiteY36" fmla="*/ 205571 h 333527"/>
                <a:gd name="connsiteX37" fmla="*/ 802519 w 1416459"/>
                <a:gd name="connsiteY37" fmla="*/ 223335 h 333527"/>
                <a:gd name="connsiteX38" fmla="*/ 784957 w 1416459"/>
                <a:gd name="connsiteY38" fmla="*/ 202484 h 333527"/>
                <a:gd name="connsiteX39" fmla="*/ 784957 w 1416459"/>
                <a:gd name="connsiteY39" fmla="*/ 192822 h 333527"/>
                <a:gd name="connsiteX40" fmla="*/ 837275 w 1416459"/>
                <a:gd name="connsiteY40" fmla="*/ 192822 h 333527"/>
                <a:gd name="connsiteX41" fmla="*/ 837275 w 1416459"/>
                <a:gd name="connsiteY41" fmla="*/ 172162 h 333527"/>
                <a:gd name="connsiteX42" fmla="*/ 802912 w 1416459"/>
                <a:gd name="connsiteY42" fmla="*/ 137799 h 333527"/>
                <a:gd name="connsiteX43" fmla="*/ 768347 w 1416459"/>
                <a:gd name="connsiteY43" fmla="*/ 172543 h 333527"/>
                <a:gd name="connsiteX44" fmla="*/ 902140 w 1416459"/>
                <a:gd name="connsiteY44" fmla="*/ 155564 h 333527"/>
                <a:gd name="connsiteX45" fmla="*/ 902140 w 1416459"/>
                <a:gd name="connsiteY45" fmla="*/ 138955 h 333527"/>
                <a:gd name="connsiteX46" fmla="*/ 900401 w 1416459"/>
                <a:gd name="connsiteY46" fmla="*/ 138955 h 333527"/>
                <a:gd name="connsiteX47" fmla="*/ 875891 w 1416459"/>
                <a:gd name="connsiteY47" fmla="*/ 154015 h 333527"/>
                <a:gd name="connsiteX48" fmla="*/ 875891 w 1416459"/>
                <a:gd name="connsiteY48" fmla="*/ 139729 h 333527"/>
                <a:gd name="connsiteX49" fmla="*/ 860247 w 1416459"/>
                <a:gd name="connsiteY49" fmla="*/ 139729 h 333527"/>
                <a:gd name="connsiteX50" fmla="*/ 860247 w 1416459"/>
                <a:gd name="connsiteY50" fmla="*/ 234333 h 333527"/>
                <a:gd name="connsiteX51" fmla="*/ 876856 w 1416459"/>
                <a:gd name="connsiteY51" fmla="*/ 234333 h 333527"/>
                <a:gd name="connsiteX52" fmla="*/ 876856 w 1416459"/>
                <a:gd name="connsiteY52" fmla="*/ 176987 h 333527"/>
                <a:gd name="connsiteX53" fmla="*/ 898280 w 1416459"/>
                <a:gd name="connsiteY53" fmla="*/ 155171 h 333527"/>
                <a:gd name="connsiteX54" fmla="*/ 902140 w 1416459"/>
                <a:gd name="connsiteY54" fmla="*/ 155564 h 333527"/>
                <a:gd name="connsiteX55" fmla="*/ 947691 w 1416459"/>
                <a:gd name="connsiteY55" fmla="*/ 223145 h 333527"/>
                <a:gd name="connsiteX56" fmla="*/ 929927 w 1416459"/>
                <a:gd name="connsiteY56" fmla="*/ 202484 h 333527"/>
                <a:gd name="connsiteX57" fmla="*/ 929927 w 1416459"/>
                <a:gd name="connsiteY57" fmla="*/ 171589 h 333527"/>
                <a:gd name="connsiteX58" fmla="*/ 947691 w 1416459"/>
                <a:gd name="connsiteY58" fmla="*/ 150940 h 333527"/>
                <a:gd name="connsiteX59" fmla="*/ 965456 w 1416459"/>
                <a:gd name="connsiteY59" fmla="*/ 171589 h 333527"/>
                <a:gd name="connsiteX60" fmla="*/ 965456 w 1416459"/>
                <a:gd name="connsiteY60" fmla="*/ 202484 h 333527"/>
                <a:gd name="connsiteX61" fmla="*/ 947691 w 1416459"/>
                <a:gd name="connsiteY61" fmla="*/ 223145 h 333527"/>
                <a:gd name="connsiteX62" fmla="*/ 947691 w 1416459"/>
                <a:gd name="connsiteY62" fmla="*/ 236264 h 333527"/>
                <a:gd name="connsiteX63" fmla="*/ 982065 w 1416459"/>
                <a:gd name="connsiteY63" fmla="*/ 201519 h 333527"/>
                <a:gd name="connsiteX64" fmla="*/ 982065 w 1416459"/>
                <a:gd name="connsiteY64" fmla="*/ 172554 h 333527"/>
                <a:gd name="connsiteX65" fmla="*/ 947691 w 1416459"/>
                <a:gd name="connsiteY65" fmla="*/ 137810 h 333527"/>
                <a:gd name="connsiteX66" fmla="*/ 913329 w 1416459"/>
                <a:gd name="connsiteY66" fmla="*/ 172554 h 333527"/>
                <a:gd name="connsiteX67" fmla="*/ 913329 w 1416459"/>
                <a:gd name="connsiteY67" fmla="*/ 201519 h 333527"/>
                <a:gd name="connsiteX68" fmla="*/ 947691 w 1416459"/>
                <a:gd name="connsiteY68" fmla="*/ 236264 h 333527"/>
                <a:gd name="connsiteX69" fmla="*/ 1018168 w 1416459"/>
                <a:gd name="connsiteY69" fmla="*/ 161938 h 333527"/>
                <a:gd name="connsiteX70" fmla="*/ 1032454 w 1416459"/>
                <a:gd name="connsiteY70" fmla="*/ 150547 h 333527"/>
                <a:gd name="connsiteX71" fmla="*/ 1047694 w 1416459"/>
                <a:gd name="connsiteY71" fmla="*/ 167145 h 333527"/>
                <a:gd name="connsiteX72" fmla="*/ 1063540 w 1416459"/>
                <a:gd name="connsiteY72" fmla="*/ 167145 h 333527"/>
                <a:gd name="connsiteX73" fmla="*/ 1032454 w 1416459"/>
                <a:gd name="connsiteY73" fmla="*/ 137799 h 333527"/>
                <a:gd name="connsiteX74" fmla="*/ 1002131 w 1416459"/>
                <a:gd name="connsiteY74" fmla="*/ 164250 h 333527"/>
                <a:gd name="connsiteX75" fmla="*/ 1024912 w 1416459"/>
                <a:gd name="connsiteY75" fmla="*/ 191666 h 333527"/>
                <a:gd name="connsiteX76" fmla="*/ 1034754 w 1416459"/>
                <a:gd name="connsiteY76" fmla="*/ 196492 h 333527"/>
                <a:gd name="connsiteX77" fmla="*/ 1048277 w 1416459"/>
                <a:gd name="connsiteY77" fmla="*/ 211361 h 333527"/>
                <a:gd name="connsiteX78" fmla="*/ 1032442 w 1416459"/>
                <a:gd name="connsiteY78" fmla="*/ 223515 h 333527"/>
                <a:gd name="connsiteX79" fmla="*/ 1015833 w 1416459"/>
                <a:gd name="connsiteY79" fmla="*/ 206143 h 333527"/>
                <a:gd name="connsiteX80" fmla="*/ 999999 w 1416459"/>
                <a:gd name="connsiteY80" fmla="*/ 206143 h 333527"/>
                <a:gd name="connsiteX81" fmla="*/ 1032442 w 1416459"/>
                <a:gd name="connsiteY81" fmla="*/ 236264 h 333527"/>
                <a:gd name="connsiteX82" fmla="*/ 1064291 w 1416459"/>
                <a:gd name="connsiteY82" fmla="*/ 209038 h 333527"/>
                <a:gd name="connsiteX83" fmla="*/ 1041510 w 1416459"/>
                <a:gd name="connsiteY83" fmla="*/ 181622 h 333527"/>
                <a:gd name="connsiteX84" fmla="*/ 1031668 w 1416459"/>
                <a:gd name="connsiteY84" fmla="*/ 176796 h 333527"/>
                <a:gd name="connsiteX85" fmla="*/ 1018156 w 1416459"/>
                <a:gd name="connsiteY85" fmla="*/ 161927 h 333527"/>
                <a:gd name="connsiteX86" fmla="*/ 1137674 w 1416459"/>
                <a:gd name="connsiteY86" fmla="*/ 202484 h 333527"/>
                <a:gd name="connsiteX87" fmla="*/ 1120874 w 1416459"/>
                <a:gd name="connsiteY87" fmla="*/ 222180 h 333527"/>
                <a:gd name="connsiteX88" fmla="*/ 1102144 w 1416459"/>
                <a:gd name="connsiteY88" fmla="*/ 199589 h 333527"/>
                <a:gd name="connsiteX89" fmla="*/ 1102144 w 1416459"/>
                <a:gd name="connsiteY89" fmla="*/ 173520 h 333527"/>
                <a:gd name="connsiteX90" fmla="*/ 1120874 w 1416459"/>
                <a:gd name="connsiteY90" fmla="*/ 150929 h 333527"/>
                <a:gd name="connsiteX91" fmla="*/ 1137674 w 1416459"/>
                <a:gd name="connsiteY91" fmla="*/ 170624 h 333527"/>
                <a:gd name="connsiteX92" fmla="*/ 1137674 w 1416459"/>
                <a:gd name="connsiteY92" fmla="*/ 202484 h 333527"/>
                <a:gd name="connsiteX93" fmla="*/ 1154272 w 1416459"/>
                <a:gd name="connsiteY93" fmla="*/ 202092 h 333527"/>
                <a:gd name="connsiteX94" fmla="*/ 1154272 w 1416459"/>
                <a:gd name="connsiteY94" fmla="*/ 171006 h 333527"/>
                <a:gd name="connsiteX95" fmla="*/ 1124544 w 1416459"/>
                <a:gd name="connsiteY95" fmla="*/ 137799 h 333527"/>
                <a:gd name="connsiteX96" fmla="*/ 1101190 w 1416459"/>
                <a:gd name="connsiteY96" fmla="*/ 151311 h 333527"/>
                <a:gd name="connsiteX97" fmla="*/ 1101190 w 1416459"/>
                <a:gd name="connsiteY97" fmla="*/ 139729 h 333527"/>
                <a:gd name="connsiteX98" fmla="*/ 1085546 w 1416459"/>
                <a:gd name="connsiteY98" fmla="*/ 139729 h 333527"/>
                <a:gd name="connsiteX99" fmla="*/ 1085546 w 1416459"/>
                <a:gd name="connsiteY99" fmla="*/ 269078 h 333527"/>
                <a:gd name="connsiteX100" fmla="*/ 1102155 w 1416459"/>
                <a:gd name="connsiteY100" fmla="*/ 269078 h 333527"/>
                <a:gd name="connsiteX101" fmla="*/ 1102155 w 1416459"/>
                <a:gd name="connsiteY101" fmla="*/ 223515 h 333527"/>
                <a:gd name="connsiteX102" fmla="*/ 1124544 w 1416459"/>
                <a:gd name="connsiteY102" fmla="*/ 235298 h 333527"/>
                <a:gd name="connsiteX103" fmla="*/ 1154272 w 1416459"/>
                <a:gd name="connsiteY103" fmla="*/ 202092 h 333527"/>
                <a:gd name="connsiteX104" fmla="*/ 1204469 w 1416459"/>
                <a:gd name="connsiteY104" fmla="*/ 222370 h 333527"/>
                <a:gd name="connsiteX105" fmla="*/ 1189409 w 1416459"/>
                <a:gd name="connsiteY105" fmla="*/ 206726 h 333527"/>
                <a:gd name="connsiteX106" fmla="*/ 1189409 w 1416459"/>
                <a:gd name="connsiteY106" fmla="*/ 203831 h 333527"/>
                <a:gd name="connsiteX107" fmla="*/ 1214502 w 1416459"/>
                <a:gd name="connsiteY107" fmla="*/ 188580 h 333527"/>
                <a:gd name="connsiteX108" fmla="*/ 1223199 w 1416459"/>
                <a:gd name="connsiteY108" fmla="*/ 188580 h 333527"/>
                <a:gd name="connsiteX109" fmla="*/ 1223199 w 1416459"/>
                <a:gd name="connsiteY109" fmla="*/ 202484 h 333527"/>
                <a:gd name="connsiteX110" fmla="*/ 1204469 w 1416459"/>
                <a:gd name="connsiteY110" fmla="*/ 222382 h 333527"/>
                <a:gd name="connsiteX111" fmla="*/ 1200800 w 1416459"/>
                <a:gd name="connsiteY111" fmla="*/ 235310 h 333527"/>
                <a:gd name="connsiteX112" fmla="*/ 1224344 w 1416459"/>
                <a:gd name="connsiteY112" fmla="*/ 222370 h 333527"/>
                <a:gd name="connsiteX113" fmla="*/ 1224344 w 1416459"/>
                <a:gd name="connsiteY113" fmla="*/ 234333 h 333527"/>
                <a:gd name="connsiteX114" fmla="*/ 1239786 w 1416459"/>
                <a:gd name="connsiteY114" fmla="*/ 234333 h 333527"/>
                <a:gd name="connsiteX115" fmla="*/ 1239786 w 1416459"/>
                <a:gd name="connsiteY115" fmla="*/ 168110 h 333527"/>
                <a:gd name="connsiteX116" fmla="*/ 1206972 w 1416459"/>
                <a:gd name="connsiteY116" fmla="*/ 137799 h 333527"/>
                <a:gd name="connsiteX117" fmla="*/ 1175123 w 1416459"/>
                <a:gd name="connsiteY117" fmla="*/ 166180 h 333527"/>
                <a:gd name="connsiteX118" fmla="*/ 1191149 w 1416459"/>
                <a:gd name="connsiteY118" fmla="*/ 166180 h 333527"/>
                <a:gd name="connsiteX119" fmla="*/ 1206983 w 1416459"/>
                <a:gd name="connsiteY119" fmla="*/ 150536 h 333527"/>
                <a:gd name="connsiteX120" fmla="*/ 1223199 w 1416459"/>
                <a:gd name="connsiteY120" fmla="*/ 168110 h 333527"/>
                <a:gd name="connsiteX121" fmla="*/ 1223199 w 1416459"/>
                <a:gd name="connsiteY121" fmla="*/ 175450 h 333527"/>
                <a:gd name="connsiteX122" fmla="*/ 1213537 w 1416459"/>
                <a:gd name="connsiteY122" fmla="*/ 175450 h 333527"/>
                <a:gd name="connsiteX123" fmla="*/ 1172800 w 1416459"/>
                <a:gd name="connsiteY123" fmla="*/ 204796 h 333527"/>
                <a:gd name="connsiteX124" fmla="*/ 1172800 w 1416459"/>
                <a:gd name="connsiteY124" fmla="*/ 207692 h 333527"/>
                <a:gd name="connsiteX125" fmla="*/ 1200800 w 1416459"/>
                <a:gd name="connsiteY125" fmla="*/ 235298 h 333527"/>
                <a:gd name="connsiteX126" fmla="*/ 1296751 w 1416459"/>
                <a:gd name="connsiteY126" fmla="*/ 236275 h 333527"/>
                <a:gd name="connsiteX127" fmla="*/ 1329565 w 1416459"/>
                <a:gd name="connsiteY127" fmla="*/ 201912 h 333527"/>
                <a:gd name="connsiteX128" fmla="*/ 1313539 w 1416459"/>
                <a:gd name="connsiteY128" fmla="*/ 201912 h 333527"/>
                <a:gd name="connsiteX129" fmla="*/ 1296739 w 1416459"/>
                <a:gd name="connsiteY129" fmla="*/ 223145 h 333527"/>
                <a:gd name="connsiteX130" fmla="*/ 1279165 w 1416459"/>
                <a:gd name="connsiteY130" fmla="*/ 202484 h 333527"/>
                <a:gd name="connsiteX131" fmla="*/ 1279165 w 1416459"/>
                <a:gd name="connsiteY131" fmla="*/ 171589 h 333527"/>
                <a:gd name="connsiteX132" fmla="*/ 1296739 w 1416459"/>
                <a:gd name="connsiteY132" fmla="*/ 150940 h 333527"/>
                <a:gd name="connsiteX133" fmla="*/ 1313539 w 1416459"/>
                <a:gd name="connsiteY133" fmla="*/ 171017 h 333527"/>
                <a:gd name="connsiteX134" fmla="*/ 1329565 w 1416459"/>
                <a:gd name="connsiteY134" fmla="*/ 171017 h 333527"/>
                <a:gd name="connsiteX135" fmla="*/ 1296751 w 1416459"/>
                <a:gd name="connsiteY135" fmla="*/ 137810 h 333527"/>
                <a:gd name="connsiteX136" fmla="*/ 1262579 w 1416459"/>
                <a:gd name="connsiteY136" fmla="*/ 172554 h 333527"/>
                <a:gd name="connsiteX137" fmla="*/ 1262579 w 1416459"/>
                <a:gd name="connsiteY137" fmla="*/ 201519 h 333527"/>
                <a:gd name="connsiteX138" fmla="*/ 1296751 w 1416459"/>
                <a:gd name="connsiteY138" fmla="*/ 236264 h 333527"/>
                <a:gd name="connsiteX139" fmla="*/ 1382085 w 1416459"/>
                <a:gd name="connsiteY139" fmla="*/ 150749 h 333527"/>
                <a:gd name="connsiteX140" fmla="*/ 1400041 w 1416459"/>
                <a:gd name="connsiteY140" fmla="*/ 171410 h 333527"/>
                <a:gd name="connsiteX141" fmla="*/ 1400041 w 1416459"/>
                <a:gd name="connsiteY141" fmla="*/ 179322 h 333527"/>
                <a:gd name="connsiteX142" fmla="*/ 1364141 w 1416459"/>
                <a:gd name="connsiteY142" fmla="*/ 179322 h 333527"/>
                <a:gd name="connsiteX143" fmla="*/ 1364141 w 1416459"/>
                <a:gd name="connsiteY143" fmla="*/ 171410 h 333527"/>
                <a:gd name="connsiteX144" fmla="*/ 1382096 w 1416459"/>
                <a:gd name="connsiteY144" fmla="*/ 150749 h 333527"/>
                <a:gd name="connsiteX145" fmla="*/ 1347520 w 1416459"/>
                <a:gd name="connsiteY145" fmla="*/ 172566 h 333527"/>
                <a:gd name="connsiteX146" fmla="*/ 1347520 w 1416459"/>
                <a:gd name="connsiteY146" fmla="*/ 201530 h 333527"/>
                <a:gd name="connsiteX147" fmla="*/ 1381692 w 1416459"/>
                <a:gd name="connsiteY147" fmla="*/ 236275 h 333527"/>
                <a:gd name="connsiteX148" fmla="*/ 1416066 w 1416459"/>
                <a:gd name="connsiteY148" fmla="*/ 205582 h 333527"/>
                <a:gd name="connsiteX149" fmla="*/ 1400041 w 1416459"/>
                <a:gd name="connsiteY149" fmla="*/ 205582 h 333527"/>
                <a:gd name="connsiteX150" fmla="*/ 1381703 w 1416459"/>
                <a:gd name="connsiteY150" fmla="*/ 223347 h 333527"/>
                <a:gd name="connsiteX151" fmla="*/ 1364141 w 1416459"/>
                <a:gd name="connsiteY151" fmla="*/ 202496 h 333527"/>
                <a:gd name="connsiteX152" fmla="*/ 1364141 w 1416459"/>
                <a:gd name="connsiteY152" fmla="*/ 192833 h 333527"/>
                <a:gd name="connsiteX153" fmla="*/ 1416459 w 1416459"/>
                <a:gd name="connsiteY153" fmla="*/ 192833 h 333527"/>
                <a:gd name="connsiteX154" fmla="*/ 1416459 w 1416459"/>
                <a:gd name="connsiteY154" fmla="*/ 172173 h 333527"/>
                <a:gd name="connsiteX155" fmla="*/ 1382096 w 1416459"/>
                <a:gd name="connsiteY155" fmla="*/ 137810 h 333527"/>
                <a:gd name="connsiteX156" fmla="*/ 1347532 w 1416459"/>
                <a:gd name="connsiteY156" fmla="*/ 172554 h 333527"/>
                <a:gd name="connsiteX157" fmla="*/ 475265 w 1416459"/>
                <a:gd name="connsiteY157" fmla="*/ 236275 h 333527"/>
                <a:gd name="connsiteX158" fmla="*/ 512725 w 1416459"/>
                <a:gd name="connsiteY158" fmla="*/ 227398 h 333527"/>
                <a:gd name="connsiteX159" fmla="*/ 512725 w 1416459"/>
                <a:gd name="connsiteY159" fmla="*/ 158482 h 333527"/>
                <a:gd name="connsiteX160" fmla="*/ 471214 w 1416459"/>
                <a:gd name="connsiteY160" fmla="*/ 158482 h 333527"/>
                <a:gd name="connsiteX161" fmla="*/ 471214 w 1416459"/>
                <a:gd name="connsiteY161" fmla="*/ 172958 h 333527"/>
                <a:gd name="connsiteX162" fmla="*/ 495926 w 1416459"/>
                <a:gd name="connsiteY162" fmla="*/ 172958 h 333527"/>
                <a:gd name="connsiteX163" fmla="*/ 495926 w 1416459"/>
                <a:gd name="connsiteY163" fmla="*/ 217747 h 333527"/>
                <a:gd name="connsiteX164" fmla="*/ 475467 w 1416459"/>
                <a:gd name="connsiteY164" fmla="*/ 221798 h 333527"/>
                <a:gd name="connsiteX165" fmla="*/ 446693 w 1416459"/>
                <a:gd name="connsiteY165" fmla="*/ 185707 h 333527"/>
                <a:gd name="connsiteX166" fmla="*/ 446693 w 1416459"/>
                <a:gd name="connsiteY166" fmla="*/ 139168 h 333527"/>
                <a:gd name="connsiteX167" fmla="*/ 472572 w 1416459"/>
                <a:gd name="connsiteY167" fmla="*/ 111752 h 333527"/>
                <a:gd name="connsiteX168" fmla="*/ 496509 w 1416459"/>
                <a:gd name="connsiteY168" fmla="*/ 135498 h 333527"/>
                <a:gd name="connsiteX169" fmla="*/ 514083 w 1416459"/>
                <a:gd name="connsiteY169" fmla="*/ 135498 h 333527"/>
                <a:gd name="connsiteX170" fmla="*/ 472572 w 1416459"/>
                <a:gd name="connsiteY170" fmla="*/ 97275 h 333527"/>
                <a:gd name="connsiteX171" fmla="*/ 429703 w 1416459"/>
                <a:gd name="connsiteY171" fmla="*/ 139752 h 333527"/>
                <a:gd name="connsiteX172" fmla="*/ 429703 w 1416459"/>
                <a:gd name="connsiteY172" fmla="*/ 184921 h 333527"/>
                <a:gd name="connsiteX173" fmla="*/ 475265 w 1416459"/>
                <a:gd name="connsiteY173" fmla="*/ 236275 h 333527"/>
                <a:gd name="connsiteX174" fmla="*/ 204190 w 1416459"/>
                <a:gd name="connsiteY174" fmla="*/ 123345 h 333527"/>
                <a:gd name="connsiteX175" fmla="*/ 224020 w 1416459"/>
                <a:gd name="connsiteY175" fmla="*/ 89487 h 333527"/>
                <a:gd name="connsiteX176" fmla="*/ 204190 w 1416459"/>
                <a:gd name="connsiteY176" fmla="*/ 123345 h 333527"/>
                <a:gd name="connsiteX177" fmla="*/ 116869 w 1416459"/>
                <a:gd name="connsiteY177" fmla="*/ 130269 h 333527"/>
                <a:gd name="connsiteX178" fmla="*/ 141121 w 1416459"/>
                <a:gd name="connsiteY178" fmla="*/ 89094 h 333527"/>
                <a:gd name="connsiteX179" fmla="*/ 116869 w 1416459"/>
                <a:gd name="connsiteY179" fmla="*/ 130269 h 333527"/>
                <a:gd name="connsiteX180" fmla="*/ 101629 w 1416459"/>
                <a:gd name="connsiteY180" fmla="*/ 239294 h 333527"/>
                <a:gd name="connsiteX181" fmla="*/ 90093 w 1416459"/>
                <a:gd name="connsiteY181" fmla="*/ 227791 h 333527"/>
                <a:gd name="connsiteX182" fmla="*/ 138416 w 1416459"/>
                <a:gd name="connsiteY182" fmla="*/ 178794 h 333527"/>
                <a:gd name="connsiteX183" fmla="*/ 101629 w 1416459"/>
                <a:gd name="connsiteY183" fmla="*/ 239294 h 333527"/>
                <a:gd name="connsiteX184" fmla="*/ 228666 w 1416459"/>
                <a:gd name="connsiteY184" fmla="*/ 174619 h 333527"/>
                <a:gd name="connsiteX185" fmla="*/ 200947 w 1416459"/>
                <a:gd name="connsiteY185" fmla="*/ 200027 h 333527"/>
                <a:gd name="connsiteX186" fmla="*/ 217118 w 1416459"/>
                <a:gd name="connsiteY186" fmla="*/ 220810 h 333527"/>
                <a:gd name="connsiteX187" fmla="*/ 223571 w 1416459"/>
                <a:gd name="connsiteY187" fmla="*/ 214807 h 333527"/>
                <a:gd name="connsiteX188" fmla="*/ 216232 w 1416459"/>
                <a:gd name="connsiteY188" fmla="*/ 198355 h 333527"/>
                <a:gd name="connsiteX189" fmla="*/ 227735 w 1416459"/>
                <a:gd name="connsiteY189" fmla="*/ 188468 h 333527"/>
                <a:gd name="connsiteX190" fmla="*/ 244007 w 1416459"/>
                <a:gd name="connsiteY190" fmla="*/ 210295 h 333527"/>
                <a:gd name="connsiteX191" fmla="*/ 216187 w 1416459"/>
                <a:gd name="connsiteY191" fmla="*/ 239282 h 333527"/>
                <a:gd name="connsiteX192" fmla="*/ 184327 w 1416459"/>
                <a:gd name="connsiteY192" fmla="*/ 200924 h 333527"/>
                <a:gd name="connsiteX193" fmla="*/ 213875 w 1416459"/>
                <a:gd name="connsiteY193" fmla="*/ 157045 h 333527"/>
                <a:gd name="connsiteX194" fmla="*/ 239619 w 1416459"/>
                <a:gd name="connsiteY194" fmla="*/ 150099 h 333527"/>
                <a:gd name="connsiteX195" fmla="*/ 226096 w 1416459"/>
                <a:gd name="connsiteY195" fmla="*/ 142782 h 333527"/>
                <a:gd name="connsiteX196" fmla="*/ 213796 w 1416459"/>
                <a:gd name="connsiteY196" fmla="*/ 144746 h 333527"/>
                <a:gd name="connsiteX197" fmla="*/ 206962 w 1416459"/>
                <a:gd name="connsiteY197" fmla="*/ 136261 h 333527"/>
                <a:gd name="connsiteX198" fmla="*/ 239294 w 1416459"/>
                <a:gd name="connsiteY198" fmla="*/ 92371 h 333527"/>
                <a:gd name="connsiteX199" fmla="*/ 223122 w 1416459"/>
                <a:gd name="connsiteY199" fmla="*/ 76660 h 333527"/>
                <a:gd name="connsiteX200" fmla="*/ 189859 w 1416459"/>
                <a:gd name="connsiteY200" fmla="*/ 122391 h 333527"/>
                <a:gd name="connsiteX201" fmla="*/ 190791 w 1416459"/>
                <a:gd name="connsiteY201" fmla="*/ 133018 h 333527"/>
                <a:gd name="connsiteX202" fmla="*/ 153678 w 1416459"/>
                <a:gd name="connsiteY202" fmla="*/ 156944 h 333527"/>
                <a:gd name="connsiteX203" fmla="*/ 155463 w 1416459"/>
                <a:gd name="connsiteY203" fmla="*/ 142939 h 333527"/>
                <a:gd name="connsiteX204" fmla="*/ 168615 w 1416459"/>
                <a:gd name="connsiteY204" fmla="*/ 121010 h 333527"/>
                <a:gd name="connsiteX205" fmla="*/ 163072 w 1416459"/>
                <a:gd name="connsiteY205" fmla="*/ 115006 h 333527"/>
                <a:gd name="connsiteX206" fmla="*/ 145060 w 1416459"/>
                <a:gd name="connsiteY206" fmla="*/ 138562 h 333527"/>
                <a:gd name="connsiteX207" fmla="*/ 125656 w 1416459"/>
                <a:gd name="connsiteY207" fmla="*/ 150121 h 333527"/>
                <a:gd name="connsiteX208" fmla="*/ 117801 w 1416459"/>
                <a:gd name="connsiteY208" fmla="*/ 143186 h 333527"/>
                <a:gd name="connsiteX209" fmla="*/ 157068 w 1416459"/>
                <a:gd name="connsiteY209" fmla="*/ 91439 h 333527"/>
                <a:gd name="connsiteX210" fmla="*/ 141368 w 1416459"/>
                <a:gd name="connsiteY210" fmla="*/ 76648 h 333527"/>
                <a:gd name="connsiteX211" fmla="*/ 103021 w 1416459"/>
                <a:gd name="connsiteY211" fmla="*/ 131627 h 333527"/>
                <a:gd name="connsiteX212" fmla="*/ 92865 w 1416459"/>
                <a:gd name="connsiteY212" fmla="*/ 117767 h 333527"/>
                <a:gd name="connsiteX213" fmla="*/ 95177 w 1416459"/>
                <a:gd name="connsiteY213" fmla="*/ 103907 h 333527"/>
                <a:gd name="connsiteX214" fmla="*/ 91473 w 1416459"/>
                <a:gd name="connsiteY214" fmla="*/ 99744 h 333527"/>
                <a:gd name="connsiteX215" fmla="*/ 80385 w 1416459"/>
                <a:gd name="connsiteY215" fmla="*/ 119608 h 333527"/>
                <a:gd name="connsiteX216" fmla="*/ 103492 w 1416459"/>
                <a:gd name="connsiteY216" fmla="*/ 144555 h 333527"/>
                <a:gd name="connsiteX217" fmla="*/ 122896 w 1416459"/>
                <a:gd name="connsiteY217" fmla="*/ 161646 h 333527"/>
                <a:gd name="connsiteX218" fmla="*/ 141379 w 1416459"/>
                <a:gd name="connsiteY218" fmla="*/ 155182 h 333527"/>
                <a:gd name="connsiteX219" fmla="*/ 139987 w 1416459"/>
                <a:gd name="connsiteY219" fmla="*/ 163958 h 333527"/>
                <a:gd name="connsiteX220" fmla="*/ 91484 w 1416459"/>
                <a:gd name="connsiteY220" fmla="*/ 193978 h 333527"/>
                <a:gd name="connsiteX221" fmla="*/ 74853 w 1416459"/>
                <a:gd name="connsiteY221" fmla="*/ 226792 h 333527"/>
                <a:gd name="connsiteX222" fmla="*/ 101641 w 1416459"/>
                <a:gd name="connsiteY222" fmla="*/ 253568 h 333527"/>
                <a:gd name="connsiteX223" fmla="*/ 146911 w 1416459"/>
                <a:gd name="connsiteY223" fmla="*/ 212921 h 333527"/>
                <a:gd name="connsiteX224" fmla="*/ 153016 w 1416459"/>
                <a:gd name="connsiteY224" fmla="*/ 170916 h 333527"/>
                <a:gd name="connsiteX225" fmla="*/ 195414 w 1416459"/>
                <a:gd name="connsiteY225" fmla="*/ 144095 h 333527"/>
                <a:gd name="connsiteX226" fmla="*/ 200038 w 1416459"/>
                <a:gd name="connsiteY226" fmla="*/ 149638 h 333527"/>
                <a:gd name="connsiteX227" fmla="*/ 167246 w 1416459"/>
                <a:gd name="connsiteY227" fmla="*/ 202754 h 333527"/>
                <a:gd name="connsiteX228" fmla="*/ 215289 w 1416459"/>
                <a:gd name="connsiteY228" fmla="*/ 253568 h 333527"/>
                <a:gd name="connsiteX229" fmla="*/ 259640 w 1416459"/>
                <a:gd name="connsiteY229" fmla="*/ 211081 h 333527"/>
                <a:gd name="connsiteX230" fmla="*/ 228677 w 1416459"/>
                <a:gd name="connsiteY230" fmla="*/ 174586 h 333527"/>
                <a:gd name="connsiteX231" fmla="*/ 308086 w 1416459"/>
                <a:gd name="connsiteY231" fmla="*/ 214290 h 333527"/>
                <a:gd name="connsiteX232" fmla="*/ 307234 w 1416459"/>
                <a:gd name="connsiteY232" fmla="*/ 214470 h 333527"/>
                <a:gd name="connsiteX233" fmla="*/ 306729 w 1416459"/>
                <a:gd name="connsiteY233" fmla="*/ 213875 h 333527"/>
                <a:gd name="connsiteX234" fmla="*/ 312284 w 1416459"/>
                <a:gd name="connsiteY234" fmla="*/ 178312 h 333527"/>
                <a:gd name="connsiteX235" fmla="*/ 293351 w 1416459"/>
                <a:gd name="connsiteY235" fmla="*/ 145509 h 333527"/>
                <a:gd name="connsiteX236" fmla="*/ 282264 w 1416459"/>
                <a:gd name="connsiteY236" fmla="*/ 157056 h 333527"/>
                <a:gd name="connsiteX237" fmla="*/ 297504 w 1416459"/>
                <a:gd name="connsiteY237" fmla="*/ 197715 h 333527"/>
                <a:gd name="connsiteX238" fmla="*/ 291500 w 1416459"/>
                <a:gd name="connsiteY238" fmla="*/ 230978 h 333527"/>
                <a:gd name="connsiteX239" fmla="*/ 166775 w 1416459"/>
                <a:gd name="connsiteY239" fmla="*/ 315504 h 333527"/>
                <a:gd name="connsiteX240" fmla="*/ 119697 w 1416459"/>
                <a:gd name="connsiteY240" fmla="*/ 308154 h 333527"/>
                <a:gd name="connsiteX241" fmla="*/ 119473 w 1416459"/>
                <a:gd name="connsiteY241" fmla="*/ 307234 h 333527"/>
                <a:gd name="connsiteX242" fmla="*/ 120146 w 1416459"/>
                <a:gd name="connsiteY242" fmla="*/ 306762 h 333527"/>
                <a:gd name="connsiteX243" fmla="*/ 155665 w 1416459"/>
                <a:gd name="connsiteY243" fmla="*/ 312284 h 333527"/>
                <a:gd name="connsiteX244" fmla="*/ 188008 w 1416459"/>
                <a:gd name="connsiteY244" fmla="*/ 293789 h 333527"/>
                <a:gd name="connsiteX245" fmla="*/ 176449 w 1416459"/>
                <a:gd name="connsiteY245" fmla="*/ 282253 h 333527"/>
                <a:gd name="connsiteX246" fmla="*/ 136261 w 1416459"/>
                <a:gd name="connsiteY246" fmla="*/ 297953 h 333527"/>
                <a:gd name="connsiteX247" fmla="*/ 102538 w 1416459"/>
                <a:gd name="connsiteY247" fmla="*/ 291949 h 333527"/>
                <a:gd name="connsiteX248" fmla="*/ 18001 w 1416459"/>
                <a:gd name="connsiteY248" fmla="*/ 166753 h 333527"/>
                <a:gd name="connsiteX249" fmla="*/ 25452 w 1416459"/>
                <a:gd name="connsiteY249" fmla="*/ 119675 h 333527"/>
                <a:gd name="connsiteX250" fmla="*/ 26271 w 1416459"/>
                <a:gd name="connsiteY250" fmla="*/ 119540 h 333527"/>
                <a:gd name="connsiteX251" fmla="*/ 26754 w 1416459"/>
                <a:gd name="connsiteY251" fmla="*/ 120135 h 333527"/>
                <a:gd name="connsiteX252" fmla="*/ 21233 w 1416459"/>
                <a:gd name="connsiteY252" fmla="*/ 155665 h 333527"/>
                <a:gd name="connsiteX253" fmla="*/ 40165 w 1416459"/>
                <a:gd name="connsiteY253" fmla="*/ 188008 h 333527"/>
                <a:gd name="connsiteX254" fmla="*/ 51252 w 1416459"/>
                <a:gd name="connsiteY254" fmla="*/ 176931 h 333527"/>
                <a:gd name="connsiteX255" fmla="*/ 36012 w 1416459"/>
                <a:gd name="connsiteY255" fmla="*/ 136273 h 333527"/>
                <a:gd name="connsiteX256" fmla="*/ 42016 w 1416459"/>
                <a:gd name="connsiteY256" fmla="*/ 102550 h 333527"/>
                <a:gd name="connsiteX257" fmla="*/ 166775 w 1416459"/>
                <a:gd name="connsiteY257" fmla="*/ 18012 h 333527"/>
                <a:gd name="connsiteX258" fmla="*/ 213886 w 1416459"/>
                <a:gd name="connsiteY258" fmla="*/ 25856 h 333527"/>
                <a:gd name="connsiteX259" fmla="*/ 214032 w 1416459"/>
                <a:gd name="connsiteY259" fmla="*/ 26687 h 333527"/>
                <a:gd name="connsiteX260" fmla="*/ 213426 w 1416459"/>
                <a:gd name="connsiteY260" fmla="*/ 27147 h 333527"/>
                <a:gd name="connsiteX261" fmla="*/ 177851 w 1416459"/>
                <a:gd name="connsiteY261" fmla="*/ 21244 h 333527"/>
                <a:gd name="connsiteX262" fmla="*/ 145531 w 1416459"/>
                <a:gd name="connsiteY262" fmla="*/ 40187 h 333527"/>
                <a:gd name="connsiteX263" fmla="*/ 157068 w 1416459"/>
                <a:gd name="connsiteY263" fmla="*/ 51264 h 333527"/>
                <a:gd name="connsiteX264" fmla="*/ 197255 w 1416459"/>
                <a:gd name="connsiteY264" fmla="*/ 36024 h 333527"/>
                <a:gd name="connsiteX265" fmla="*/ 230978 w 1416459"/>
                <a:gd name="connsiteY265" fmla="*/ 42028 h 333527"/>
                <a:gd name="connsiteX266" fmla="*/ 315516 w 1416459"/>
                <a:gd name="connsiteY266" fmla="*/ 166753 h 333527"/>
                <a:gd name="connsiteX267" fmla="*/ 308098 w 1416459"/>
                <a:gd name="connsiteY267" fmla="*/ 214290 h 333527"/>
                <a:gd name="connsiteX268" fmla="*/ 166775 w 1416459"/>
                <a:gd name="connsiteY268" fmla="*/ 7844 h 333527"/>
                <a:gd name="connsiteX269" fmla="*/ 7844 w 1416459"/>
                <a:gd name="connsiteY269" fmla="*/ 166764 h 333527"/>
                <a:gd name="connsiteX270" fmla="*/ 166775 w 1416459"/>
                <a:gd name="connsiteY270" fmla="*/ 325672 h 333527"/>
                <a:gd name="connsiteX271" fmla="*/ 325672 w 1416459"/>
                <a:gd name="connsiteY271" fmla="*/ 166764 h 333527"/>
                <a:gd name="connsiteX272" fmla="*/ 166775 w 1416459"/>
                <a:gd name="connsiteY272" fmla="*/ 7844 h 333527"/>
                <a:gd name="connsiteX273" fmla="*/ 166775 w 1416459"/>
                <a:gd name="connsiteY273" fmla="*/ 333527 h 333527"/>
                <a:gd name="connsiteX274" fmla="*/ 0 w 1416459"/>
                <a:gd name="connsiteY274" fmla="*/ 166764 h 333527"/>
                <a:gd name="connsiteX275" fmla="*/ 166775 w 1416459"/>
                <a:gd name="connsiteY275" fmla="*/ 0 h 333527"/>
                <a:gd name="connsiteX276" fmla="*/ 333539 w 1416459"/>
                <a:gd name="connsiteY276" fmla="*/ 166764 h 333527"/>
                <a:gd name="connsiteX277" fmla="*/ 166775 w 1416459"/>
                <a:gd name="connsiteY277" fmla="*/ 333527 h 33352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Lst>
              <a:rect l="l" t="t" r="r" b="b"/>
              <a:pathLst>
                <a:path w="1416459" h="333527">
                  <a:moveTo>
                    <a:pt x="541107" y="234333"/>
                  </a:moveTo>
                  <a:lnTo>
                    <a:pt x="541107" y="99194"/>
                  </a:lnTo>
                  <a:lnTo>
                    <a:pt x="609058" y="99194"/>
                  </a:lnTo>
                  <a:lnTo>
                    <a:pt x="609058" y="114064"/>
                  </a:lnTo>
                  <a:lnTo>
                    <a:pt x="558086" y="114064"/>
                  </a:lnTo>
                  <a:lnTo>
                    <a:pt x="558086" y="158470"/>
                  </a:lnTo>
                  <a:lnTo>
                    <a:pt x="605781" y="158470"/>
                  </a:lnTo>
                  <a:lnTo>
                    <a:pt x="605781" y="172947"/>
                  </a:lnTo>
                  <a:lnTo>
                    <a:pt x="558086" y="172947"/>
                  </a:lnTo>
                  <a:lnTo>
                    <a:pt x="558086" y="219475"/>
                  </a:lnTo>
                  <a:lnTo>
                    <a:pt x="609058" y="219475"/>
                  </a:lnTo>
                  <a:lnTo>
                    <a:pt x="609058" y="234345"/>
                  </a:lnTo>
                  <a:lnTo>
                    <a:pt x="541107" y="234345"/>
                  </a:lnTo>
                  <a:close/>
                  <a:moveTo>
                    <a:pt x="685325" y="178536"/>
                  </a:moveTo>
                  <a:lnTo>
                    <a:pt x="703090" y="114636"/>
                  </a:lnTo>
                  <a:lnTo>
                    <a:pt x="720855" y="178536"/>
                  </a:lnTo>
                  <a:lnTo>
                    <a:pt x="685325" y="178536"/>
                  </a:lnTo>
                  <a:close/>
                  <a:moveTo>
                    <a:pt x="669883" y="234333"/>
                  </a:moveTo>
                  <a:lnTo>
                    <a:pt x="681464" y="192822"/>
                  </a:lnTo>
                  <a:lnTo>
                    <a:pt x="724906" y="192822"/>
                  </a:lnTo>
                  <a:lnTo>
                    <a:pt x="736487" y="234333"/>
                  </a:lnTo>
                  <a:lnTo>
                    <a:pt x="754252" y="234333"/>
                  </a:lnTo>
                  <a:lnTo>
                    <a:pt x="714099" y="99194"/>
                  </a:lnTo>
                  <a:lnTo>
                    <a:pt x="692866" y="99194"/>
                  </a:lnTo>
                  <a:lnTo>
                    <a:pt x="652713" y="234333"/>
                  </a:lnTo>
                  <a:lnTo>
                    <a:pt x="669894" y="234333"/>
                  </a:lnTo>
                  <a:close/>
                  <a:moveTo>
                    <a:pt x="802901" y="150738"/>
                  </a:moveTo>
                  <a:cubicBezTo>
                    <a:pt x="815066" y="150738"/>
                    <a:pt x="820857" y="157303"/>
                    <a:pt x="820857" y="171399"/>
                  </a:cubicBezTo>
                  <a:lnTo>
                    <a:pt x="820857" y="179310"/>
                  </a:lnTo>
                  <a:lnTo>
                    <a:pt x="784957" y="179310"/>
                  </a:lnTo>
                  <a:lnTo>
                    <a:pt x="784957" y="171399"/>
                  </a:lnTo>
                  <a:cubicBezTo>
                    <a:pt x="784957" y="157303"/>
                    <a:pt x="790747" y="150738"/>
                    <a:pt x="802912" y="150738"/>
                  </a:cubicBezTo>
                  <a:close/>
                  <a:moveTo>
                    <a:pt x="768336" y="172554"/>
                  </a:moveTo>
                  <a:lnTo>
                    <a:pt x="768336" y="201519"/>
                  </a:lnTo>
                  <a:cubicBezTo>
                    <a:pt x="768336" y="224099"/>
                    <a:pt x="780501" y="236264"/>
                    <a:pt x="802508" y="236264"/>
                  </a:cubicBezTo>
                  <a:cubicBezTo>
                    <a:pt x="824515" y="236264"/>
                    <a:pt x="836108" y="226422"/>
                    <a:pt x="836882" y="205571"/>
                  </a:cubicBezTo>
                  <a:lnTo>
                    <a:pt x="820857" y="205571"/>
                  </a:lnTo>
                  <a:cubicBezTo>
                    <a:pt x="820284" y="218117"/>
                    <a:pt x="814684" y="223335"/>
                    <a:pt x="802519" y="223335"/>
                  </a:cubicBezTo>
                  <a:cubicBezTo>
                    <a:pt x="790355" y="223335"/>
                    <a:pt x="784957" y="216580"/>
                    <a:pt x="784957" y="202484"/>
                  </a:cubicBezTo>
                  <a:lnTo>
                    <a:pt x="784957" y="192822"/>
                  </a:lnTo>
                  <a:lnTo>
                    <a:pt x="837275" y="192822"/>
                  </a:lnTo>
                  <a:lnTo>
                    <a:pt x="837275" y="172162"/>
                  </a:lnTo>
                  <a:cubicBezTo>
                    <a:pt x="837275" y="149773"/>
                    <a:pt x="825312" y="137799"/>
                    <a:pt x="802912" y="137799"/>
                  </a:cubicBezTo>
                  <a:cubicBezTo>
                    <a:pt x="780513" y="137799"/>
                    <a:pt x="768347" y="149964"/>
                    <a:pt x="768347" y="172543"/>
                  </a:cubicBezTo>
                  <a:close/>
                  <a:moveTo>
                    <a:pt x="902140" y="155564"/>
                  </a:moveTo>
                  <a:lnTo>
                    <a:pt x="902140" y="138955"/>
                  </a:lnTo>
                  <a:lnTo>
                    <a:pt x="900401" y="138955"/>
                  </a:lnTo>
                  <a:cubicBezTo>
                    <a:pt x="888617" y="138955"/>
                    <a:pt x="880515" y="144173"/>
                    <a:pt x="875891" y="154015"/>
                  </a:cubicBezTo>
                  <a:lnTo>
                    <a:pt x="875891" y="139729"/>
                  </a:lnTo>
                  <a:lnTo>
                    <a:pt x="860247" y="139729"/>
                  </a:lnTo>
                  <a:lnTo>
                    <a:pt x="860247" y="234333"/>
                  </a:lnTo>
                  <a:lnTo>
                    <a:pt x="876856" y="234333"/>
                  </a:lnTo>
                  <a:lnTo>
                    <a:pt x="876856" y="176987"/>
                  </a:lnTo>
                  <a:cubicBezTo>
                    <a:pt x="876856" y="164441"/>
                    <a:pt x="882838" y="155171"/>
                    <a:pt x="898280" y="155171"/>
                  </a:cubicBezTo>
                  <a:cubicBezTo>
                    <a:pt x="899828" y="155171"/>
                    <a:pt x="901366" y="155362"/>
                    <a:pt x="902140" y="155564"/>
                  </a:cubicBezTo>
                  <a:close/>
                  <a:moveTo>
                    <a:pt x="947691" y="223145"/>
                  </a:moveTo>
                  <a:cubicBezTo>
                    <a:pt x="935538" y="223145"/>
                    <a:pt x="929927" y="216568"/>
                    <a:pt x="929927" y="202484"/>
                  </a:cubicBezTo>
                  <a:lnTo>
                    <a:pt x="929927" y="171589"/>
                  </a:lnTo>
                  <a:cubicBezTo>
                    <a:pt x="929927" y="157505"/>
                    <a:pt x="935526" y="150940"/>
                    <a:pt x="947691" y="150940"/>
                  </a:cubicBezTo>
                  <a:cubicBezTo>
                    <a:pt x="959856" y="150940"/>
                    <a:pt x="965456" y="157505"/>
                    <a:pt x="965456" y="171589"/>
                  </a:cubicBezTo>
                  <a:lnTo>
                    <a:pt x="965456" y="202484"/>
                  </a:lnTo>
                  <a:cubicBezTo>
                    <a:pt x="965456" y="216568"/>
                    <a:pt x="959856" y="223145"/>
                    <a:pt x="947691" y="223145"/>
                  </a:cubicBezTo>
                  <a:close/>
                  <a:moveTo>
                    <a:pt x="947691" y="236264"/>
                  </a:moveTo>
                  <a:cubicBezTo>
                    <a:pt x="970091" y="236264"/>
                    <a:pt x="982065" y="224110"/>
                    <a:pt x="982065" y="201519"/>
                  </a:cubicBezTo>
                  <a:lnTo>
                    <a:pt x="982065" y="172554"/>
                  </a:lnTo>
                  <a:cubicBezTo>
                    <a:pt x="982065" y="149975"/>
                    <a:pt x="970102" y="137810"/>
                    <a:pt x="947691" y="137810"/>
                  </a:cubicBezTo>
                  <a:cubicBezTo>
                    <a:pt x="925280" y="137810"/>
                    <a:pt x="913329" y="149975"/>
                    <a:pt x="913329" y="172554"/>
                  </a:cubicBezTo>
                  <a:lnTo>
                    <a:pt x="913329" y="201519"/>
                  </a:lnTo>
                  <a:cubicBezTo>
                    <a:pt x="913329" y="224110"/>
                    <a:pt x="925292" y="236264"/>
                    <a:pt x="947691" y="236264"/>
                  </a:cubicBezTo>
                  <a:close/>
                  <a:moveTo>
                    <a:pt x="1018168" y="161938"/>
                  </a:moveTo>
                  <a:cubicBezTo>
                    <a:pt x="1018168" y="154408"/>
                    <a:pt x="1023375" y="150547"/>
                    <a:pt x="1032454" y="150547"/>
                  </a:cubicBezTo>
                  <a:cubicBezTo>
                    <a:pt x="1043261" y="150547"/>
                    <a:pt x="1047694" y="155755"/>
                    <a:pt x="1047694" y="167145"/>
                  </a:cubicBezTo>
                  <a:lnTo>
                    <a:pt x="1063540" y="167145"/>
                  </a:lnTo>
                  <a:cubicBezTo>
                    <a:pt x="1063540" y="147069"/>
                    <a:pt x="1054259" y="137799"/>
                    <a:pt x="1032454" y="137799"/>
                  </a:cubicBezTo>
                  <a:cubicBezTo>
                    <a:pt x="1012949" y="137799"/>
                    <a:pt x="1002131" y="147461"/>
                    <a:pt x="1002131" y="164250"/>
                  </a:cubicBezTo>
                  <a:cubicBezTo>
                    <a:pt x="1002131" y="179883"/>
                    <a:pt x="1012164" y="185483"/>
                    <a:pt x="1024912" y="191666"/>
                  </a:cubicBezTo>
                  <a:lnTo>
                    <a:pt x="1034754" y="196492"/>
                  </a:lnTo>
                  <a:cubicBezTo>
                    <a:pt x="1044787" y="201306"/>
                    <a:pt x="1048277" y="203629"/>
                    <a:pt x="1048277" y="211361"/>
                  </a:cubicBezTo>
                  <a:cubicBezTo>
                    <a:pt x="1048277" y="219666"/>
                    <a:pt x="1042486" y="223515"/>
                    <a:pt x="1032442" y="223515"/>
                  </a:cubicBezTo>
                  <a:cubicBezTo>
                    <a:pt x="1020850" y="223515"/>
                    <a:pt x="1015833" y="218117"/>
                    <a:pt x="1015833" y="206143"/>
                  </a:cubicBezTo>
                  <a:lnTo>
                    <a:pt x="999999" y="206143"/>
                  </a:lnTo>
                  <a:cubicBezTo>
                    <a:pt x="999999" y="226803"/>
                    <a:pt x="1010031" y="236264"/>
                    <a:pt x="1032442" y="236264"/>
                  </a:cubicBezTo>
                  <a:cubicBezTo>
                    <a:pt x="1052710" y="236264"/>
                    <a:pt x="1064291" y="226231"/>
                    <a:pt x="1064291" y="209038"/>
                  </a:cubicBezTo>
                  <a:cubicBezTo>
                    <a:pt x="1064291" y="193406"/>
                    <a:pt x="1054247" y="187806"/>
                    <a:pt x="1041510" y="181622"/>
                  </a:cubicBezTo>
                  <a:lnTo>
                    <a:pt x="1031668" y="176796"/>
                  </a:lnTo>
                  <a:cubicBezTo>
                    <a:pt x="1021635" y="171971"/>
                    <a:pt x="1018156" y="169659"/>
                    <a:pt x="1018156" y="161927"/>
                  </a:cubicBezTo>
                  <a:close/>
                  <a:moveTo>
                    <a:pt x="1137674" y="202484"/>
                  </a:moveTo>
                  <a:cubicBezTo>
                    <a:pt x="1137674" y="215996"/>
                    <a:pt x="1132456" y="222180"/>
                    <a:pt x="1120874" y="222180"/>
                  </a:cubicBezTo>
                  <a:cubicBezTo>
                    <a:pt x="1108126" y="222180"/>
                    <a:pt x="1102144" y="213673"/>
                    <a:pt x="1102144" y="199589"/>
                  </a:cubicBezTo>
                  <a:lnTo>
                    <a:pt x="1102144" y="173520"/>
                  </a:lnTo>
                  <a:cubicBezTo>
                    <a:pt x="1102144" y="159436"/>
                    <a:pt x="1108126" y="150929"/>
                    <a:pt x="1120874" y="150929"/>
                  </a:cubicBezTo>
                  <a:cubicBezTo>
                    <a:pt x="1132456" y="150929"/>
                    <a:pt x="1137674" y="157113"/>
                    <a:pt x="1137674" y="170624"/>
                  </a:cubicBezTo>
                  <a:lnTo>
                    <a:pt x="1137674" y="202484"/>
                  </a:lnTo>
                  <a:close/>
                  <a:moveTo>
                    <a:pt x="1154272" y="202092"/>
                  </a:moveTo>
                  <a:lnTo>
                    <a:pt x="1154272" y="171006"/>
                  </a:lnTo>
                  <a:cubicBezTo>
                    <a:pt x="1154272" y="149380"/>
                    <a:pt x="1143274" y="137799"/>
                    <a:pt x="1124544" y="137799"/>
                  </a:cubicBezTo>
                  <a:cubicBezTo>
                    <a:pt x="1113726" y="137799"/>
                    <a:pt x="1105814" y="142434"/>
                    <a:pt x="1101190" y="151311"/>
                  </a:cubicBezTo>
                  <a:lnTo>
                    <a:pt x="1101190" y="139729"/>
                  </a:lnTo>
                  <a:lnTo>
                    <a:pt x="1085546" y="139729"/>
                  </a:lnTo>
                  <a:lnTo>
                    <a:pt x="1085546" y="269078"/>
                  </a:lnTo>
                  <a:lnTo>
                    <a:pt x="1102155" y="269078"/>
                  </a:lnTo>
                  <a:lnTo>
                    <a:pt x="1102155" y="223515"/>
                  </a:lnTo>
                  <a:cubicBezTo>
                    <a:pt x="1106790" y="231236"/>
                    <a:pt x="1114511" y="235298"/>
                    <a:pt x="1124544" y="235298"/>
                  </a:cubicBezTo>
                  <a:cubicBezTo>
                    <a:pt x="1143274" y="235298"/>
                    <a:pt x="1154272" y="223717"/>
                    <a:pt x="1154272" y="202092"/>
                  </a:cubicBezTo>
                  <a:close/>
                  <a:moveTo>
                    <a:pt x="1204469" y="222370"/>
                  </a:moveTo>
                  <a:cubicBezTo>
                    <a:pt x="1194437" y="222370"/>
                    <a:pt x="1189409" y="217152"/>
                    <a:pt x="1189409" y="206726"/>
                  </a:cubicBezTo>
                  <a:lnTo>
                    <a:pt x="1189409" y="203831"/>
                  </a:lnTo>
                  <a:cubicBezTo>
                    <a:pt x="1189409" y="192833"/>
                    <a:pt x="1196165" y="188580"/>
                    <a:pt x="1214502" y="188580"/>
                  </a:cubicBezTo>
                  <a:lnTo>
                    <a:pt x="1223199" y="188580"/>
                  </a:lnTo>
                  <a:lnTo>
                    <a:pt x="1223199" y="202484"/>
                  </a:lnTo>
                  <a:cubicBezTo>
                    <a:pt x="1223199" y="215424"/>
                    <a:pt x="1216634" y="222382"/>
                    <a:pt x="1204469" y="222382"/>
                  </a:cubicBezTo>
                  <a:close/>
                  <a:moveTo>
                    <a:pt x="1200800" y="235310"/>
                  </a:moveTo>
                  <a:cubicBezTo>
                    <a:pt x="1211798" y="235310"/>
                    <a:pt x="1219911" y="230866"/>
                    <a:pt x="1224344" y="222370"/>
                  </a:cubicBezTo>
                  <a:lnTo>
                    <a:pt x="1224344" y="234333"/>
                  </a:lnTo>
                  <a:lnTo>
                    <a:pt x="1239786" y="234333"/>
                  </a:lnTo>
                  <a:lnTo>
                    <a:pt x="1239786" y="168110"/>
                  </a:lnTo>
                  <a:cubicBezTo>
                    <a:pt x="1239786" y="147450"/>
                    <a:pt x="1229170" y="137799"/>
                    <a:pt x="1206972" y="137799"/>
                  </a:cubicBezTo>
                  <a:cubicBezTo>
                    <a:pt x="1185919" y="137799"/>
                    <a:pt x="1175493" y="147069"/>
                    <a:pt x="1175123" y="166180"/>
                  </a:cubicBezTo>
                  <a:lnTo>
                    <a:pt x="1191149" y="166180"/>
                  </a:lnTo>
                  <a:cubicBezTo>
                    <a:pt x="1191350" y="155945"/>
                    <a:pt x="1196748" y="150536"/>
                    <a:pt x="1206983" y="150536"/>
                  </a:cubicBezTo>
                  <a:cubicBezTo>
                    <a:pt x="1217981" y="150536"/>
                    <a:pt x="1223199" y="156136"/>
                    <a:pt x="1223199" y="168110"/>
                  </a:cubicBezTo>
                  <a:lnTo>
                    <a:pt x="1223199" y="175450"/>
                  </a:lnTo>
                  <a:lnTo>
                    <a:pt x="1213537" y="175450"/>
                  </a:lnTo>
                  <a:cubicBezTo>
                    <a:pt x="1185739" y="175450"/>
                    <a:pt x="1172800" y="184708"/>
                    <a:pt x="1172800" y="204796"/>
                  </a:cubicBezTo>
                  <a:lnTo>
                    <a:pt x="1172800" y="207692"/>
                  </a:lnTo>
                  <a:cubicBezTo>
                    <a:pt x="1172800" y="224491"/>
                    <a:pt x="1183798" y="235298"/>
                    <a:pt x="1200800" y="235298"/>
                  </a:cubicBezTo>
                  <a:close/>
                  <a:moveTo>
                    <a:pt x="1296751" y="236275"/>
                  </a:moveTo>
                  <a:cubicBezTo>
                    <a:pt x="1319341" y="236275"/>
                    <a:pt x="1329565" y="225658"/>
                    <a:pt x="1329565" y="201912"/>
                  </a:cubicBezTo>
                  <a:lnTo>
                    <a:pt x="1313539" y="201912"/>
                  </a:lnTo>
                  <a:cubicBezTo>
                    <a:pt x="1313539" y="217163"/>
                    <a:pt x="1308523" y="223145"/>
                    <a:pt x="1296739" y="223145"/>
                  </a:cubicBezTo>
                  <a:cubicBezTo>
                    <a:pt x="1284956" y="223145"/>
                    <a:pt x="1279165" y="216568"/>
                    <a:pt x="1279165" y="202484"/>
                  </a:cubicBezTo>
                  <a:lnTo>
                    <a:pt x="1279165" y="171589"/>
                  </a:lnTo>
                  <a:cubicBezTo>
                    <a:pt x="1279165" y="157505"/>
                    <a:pt x="1284765" y="150940"/>
                    <a:pt x="1296739" y="150940"/>
                  </a:cubicBezTo>
                  <a:cubicBezTo>
                    <a:pt x="1308714" y="150940"/>
                    <a:pt x="1313348" y="156147"/>
                    <a:pt x="1313539" y="171017"/>
                  </a:cubicBezTo>
                  <a:lnTo>
                    <a:pt x="1329565" y="171017"/>
                  </a:lnTo>
                  <a:cubicBezTo>
                    <a:pt x="1329374" y="147854"/>
                    <a:pt x="1319532" y="137810"/>
                    <a:pt x="1296751" y="137810"/>
                  </a:cubicBezTo>
                  <a:cubicBezTo>
                    <a:pt x="1273969" y="137810"/>
                    <a:pt x="1262579" y="149975"/>
                    <a:pt x="1262579" y="172554"/>
                  </a:cubicBezTo>
                  <a:lnTo>
                    <a:pt x="1262579" y="201519"/>
                  </a:lnTo>
                  <a:cubicBezTo>
                    <a:pt x="1262579" y="224110"/>
                    <a:pt x="1274542" y="236264"/>
                    <a:pt x="1296751" y="236264"/>
                  </a:cubicBezTo>
                  <a:close/>
                  <a:moveTo>
                    <a:pt x="1382085" y="150749"/>
                  </a:moveTo>
                  <a:cubicBezTo>
                    <a:pt x="1394239" y="150749"/>
                    <a:pt x="1400041" y="157315"/>
                    <a:pt x="1400041" y="171410"/>
                  </a:cubicBezTo>
                  <a:lnTo>
                    <a:pt x="1400041" y="179322"/>
                  </a:lnTo>
                  <a:lnTo>
                    <a:pt x="1364141" y="179322"/>
                  </a:lnTo>
                  <a:lnTo>
                    <a:pt x="1364141" y="171410"/>
                  </a:lnTo>
                  <a:cubicBezTo>
                    <a:pt x="1364141" y="157315"/>
                    <a:pt x="1369931" y="150749"/>
                    <a:pt x="1382096" y="150749"/>
                  </a:cubicBezTo>
                  <a:close/>
                  <a:moveTo>
                    <a:pt x="1347520" y="172566"/>
                  </a:moveTo>
                  <a:lnTo>
                    <a:pt x="1347520" y="201530"/>
                  </a:lnTo>
                  <a:cubicBezTo>
                    <a:pt x="1347520" y="224110"/>
                    <a:pt x="1359685" y="236275"/>
                    <a:pt x="1381692" y="236275"/>
                  </a:cubicBezTo>
                  <a:cubicBezTo>
                    <a:pt x="1403699" y="236275"/>
                    <a:pt x="1415292" y="226433"/>
                    <a:pt x="1416066" y="205582"/>
                  </a:cubicBezTo>
                  <a:lnTo>
                    <a:pt x="1400041" y="205582"/>
                  </a:lnTo>
                  <a:cubicBezTo>
                    <a:pt x="1399469" y="218128"/>
                    <a:pt x="1393869" y="223347"/>
                    <a:pt x="1381703" y="223347"/>
                  </a:cubicBezTo>
                  <a:cubicBezTo>
                    <a:pt x="1369539" y="223347"/>
                    <a:pt x="1364141" y="216591"/>
                    <a:pt x="1364141" y="202496"/>
                  </a:cubicBezTo>
                  <a:lnTo>
                    <a:pt x="1364141" y="192833"/>
                  </a:lnTo>
                  <a:lnTo>
                    <a:pt x="1416459" y="192833"/>
                  </a:lnTo>
                  <a:lnTo>
                    <a:pt x="1416459" y="172173"/>
                  </a:lnTo>
                  <a:cubicBezTo>
                    <a:pt x="1416459" y="149784"/>
                    <a:pt x="1404496" y="137810"/>
                    <a:pt x="1382096" y="137810"/>
                  </a:cubicBezTo>
                  <a:cubicBezTo>
                    <a:pt x="1359697" y="137810"/>
                    <a:pt x="1347532" y="149975"/>
                    <a:pt x="1347532" y="172554"/>
                  </a:cubicBezTo>
                  <a:close/>
                  <a:moveTo>
                    <a:pt x="475265" y="236275"/>
                  </a:moveTo>
                  <a:cubicBezTo>
                    <a:pt x="488979" y="236275"/>
                    <a:pt x="501335" y="233379"/>
                    <a:pt x="512725" y="227398"/>
                  </a:cubicBezTo>
                  <a:lnTo>
                    <a:pt x="512725" y="158482"/>
                  </a:lnTo>
                  <a:lnTo>
                    <a:pt x="471214" y="158482"/>
                  </a:lnTo>
                  <a:lnTo>
                    <a:pt x="471214" y="172958"/>
                  </a:lnTo>
                  <a:lnTo>
                    <a:pt x="495926" y="172958"/>
                  </a:lnTo>
                  <a:lnTo>
                    <a:pt x="495926" y="217747"/>
                  </a:lnTo>
                  <a:cubicBezTo>
                    <a:pt x="490135" y="220261"/>
                    <a:pt x="482605" y="221798"/>
                    <a:pt x="475467" y="221798"/>
                  </a:cubicBezTo>
                  <a:cubicBezTo>
                    <a:pt x="454605" y="221798"/>
                    <a:pt x="446693" y="211765"/>
                    <a:pt x="446693" y="185707"/>
                  </a:cubicBezTo>
                  <a:lnTo>
                    <a:pt x="446693" y="139168"/>
                  </a:lnTo>
                  <a:cubicBezTo>
                    <a:pt x="446693" y="121987"/>
                    <a:pt x="456356" y="111752"/>
                    <a:pt x="472572" y="111752"/>
                  </a:cubicBezTo>
                  <a:cubicBezTo>
                    <a:pt x="488788" y="111752"/>
                    <a:pt x="496116" y="119282"/>
                    <a:pt x="496509" y="135498"/>
                  </a:cubicBezTo>
                  <a:lnTo>
                    <a:pt x="514083" y="135498"/>
                  </a:lnTo>
                  <a:cubicBezTo>
                    <a:pt x="513500" y="109429"/>
                    <a:pt x="500370" y="97275"/>
                    <a:pt x="472572" y="97275"/>
                  </a:cubicBezTo>
                  <a:cubicBezTo>
                    <a:pt x="444774" y="97275"/>
                    <a:pt x="429703" y="112335"/>
                    <a:pt x="429703" y="139752"/>
                  </a:cubicBezTo>
                  <a:lnTo>
                    <a:pt x="429703" y="184921"/>
                  </a:lnTo>
                  <a:cubicBezTo>
                    <a:pt x="429703" y="220642"/>
                    <a:pt x="443607" y="236275"/>
                    <a:pt x="475265" y="236275"/>
                  </a:cubicBezTo>
                  <a:close/>
                  <a:moveTo>
                    <a:pt x="204190" y="123345"/>
                  </a:moveTo>
                  <a:cubicBezTo>
                    <a:pt x="204190" y="104401"/>
                    <a:pt x="217006" y="85985"/>
                    <a:pt x="224020" y="89487"/>
                  </a:cubicBezTo>
                  <a:cubicBezTo>
                    <a:pt x="231988" y="93482"/>
                    <a:pt x="218050" y="111337"/>
                    <a:pt x="204190" y="123345"/>
                  </a:cubicBezTo>
                  <a:moveTo>
                    <a:pt x="116869" y="130269"/>
                  </a:moveTo>
                  <a:cubicBezTo>
                    <a:pt x="116869" y="115029"/>
                    <a:pt x="131918" y="86042"/>
                    <a:pt x="141121" y="89094"/>
                  </a:cubicBezTo>
                  <a:cubicBezTo>
                    <a:pt x="151973" y="92708"/>
                    <a:pt x="132120" y="121942"/>
                    <a:pt x="116869" y="130269"/>
                  </a:cubicBezTo>
                  <a:close/>
                  <a:moveTo>
                    <a:pt x="101629" y="239294"/>
                  </a:moveTo>
                  <a:cubicBezTo>
                    <a:pt x="94705" y="239608"/>
                    <a:pt x="90093" y="235175"/>
                    <a:pt x="90093" y="227791"/>
                  </a:cubicBezTo>
                  <a:cubicBezTo>
                    <a:pt x="90093" y="207927"/>
                    <a:pt x="117621" y="188973"/>
                    <a:pt x="138416" y="178794"/>
                  </a:cubicBezTo>
                  <a:cubicBezTo>
                    <a:pt x="134724" y="206513"/>
                    <a:pt x="125365" y="238205"/>
                    <a:pt x="101629" y="239294"/>
                  </a:cubicBezTo>
                  <a:close/>
                  <a:moveTo>
                    <a:pt x="228666" y="174619"/>
                  </a:moveTo>
                  <a:cubicBezTo>
                    <a:pt x="212977" y="174619"/>
                    <a:pt x="200947" y="186178"/>
                    <a:pt x="200947" y="200027"/>
                  </a:cubicBezTo>
                  <a:cubicBezTo>
                    <a:pt x="200947" y="211586"/>
                    <a:pt x="207871" y="220810"/>
                    <a:pt x="217118" y="220810"/>
                  </a:cubicBezTo>
                  <a:cubicBezTo>
                    <a:pt x="220362" y="220810"/>
                    <a:pt x="223571" y="218970"/>
                    <a:pt x="223571" y="214807"/>
                  </a:cubicBezTo>
                  <a:cubicBezTo>
                    <a:pt x="223571" y="208803"/>
                    <a:pt x="215614" y="207344"/>
                    <a:pt x="216232" y="198355"/>
                  </a:cubicBezTo>
                  <a:cubicBezTo>
                    <a:pt x="216624" y="192429"/>
                    <a:pt x="222202" y="188468"/>
                    <a:pt x="227735" y="188468"/>
                  </a:cubicBezTo>
                  <a:cubicBezTo>
                    <a:pt x="238822" y="188468"/>
                    <a:pt x="244007" y="199207"/>
                    <a:pt x="244007" y="210295"/>
                  </a:cubicBezTo>
                  <a:cubicBezTo>
                    <a:pt x="243536" y="227387"/>
                    <a:pt x="230967" y="239282"/>
                    <a:pt x="216187" y="239282"/>
                  </a:cubicBezTo>
                  <a:cubicBezTo>
                    <a:pt x="196783" y="239282"/>
                    <a:pt x="184327" y="220799"/>
                    <a:pt x="184327" y="200924"/>
                  </a:cubicBezTo>
                  <a:cubicBezTo>
                    <a:pt x="184327" y="171365"/>
                    <a:pt x="203719" y="159817"/>
                    <a:pt x="213875" y="157045"/>
                  </a:cubicBezTo>
                  <a:cubicBezTo>
                    <a:pt x="213976" y="157045"/>
                    <a:pt x="240449" y="161770"/>
                    <a:pt x="239619" y="150099"/>
                  </a:cubicBezTo>
                  <a:cubicBezTo>
                    <a:pt x="239260" y="144981"/>
                    <a:pt x="231629" y="143017"/>
                    <a:pt x="226096" y="142782"/>
                  </a:cubicBezTo>
                  <a:cubicBezTo>
                    <a:pt x="219958" y="142535"/>
                    <a:pt x="213796" y="144746"/>
                    <a:pt x="213796" y="144746"/>
                  </a:cubicBezTo>
                  <a:cubicBezTo>
                    <a:pt x="210564" y="143118"/>
                    <a:pt x="208331" y="139942"/>
                    <a:pt x="206962" y="136261"/>
                  </a:cubicBezTo>
                  <a:cubicBezTo>
                    <a:pt x="225894" y="121931"/>
                    <a:pt x="239294" y="108082"/>
                    <a:pt x="239294" y="92371"/>
                  </a:cubicBezTo>
                  <a:cubicBezTo>
                    <a:pt x="239294" y="84055"/>
                    <a:pt x="233750" y="76660"/>
                    <a:pt x="223122" y="76660"/>
                  </a:cubicBezTo>
                  <a:cubicBezTo>
                    <a:pt x="204190" y="76660"/>
                    <a:pt x="189859" y="100675"/>
                    <a:pt x="189859" y="122391"/>
                  </a:cubicBezTo>
                  <a:cubicBezTo>
                    <a:pt x="189859" y="126083"/>
                    <a:pt x="189859" y="129786"/>
                    <a:pt x="190791" y="133018"/>
                  </a:cubicBezTo>
                  <a:cubicBezTo>
                    <a:pt x="178783" y="141794"/>
                    <a:pt x="169850" y="147237"/>
                    <a:pt x="153678" y="156944"/>
                  </a:cubicBezTo>
                  <a:cubicBezTo>
                    <a:pt x="153678" y="154913"/>
                    <a:pt x="154105" y="149717"/>
                    <a:pt x="155463" y="142939"/>
                  </a:cubicBezTo>
                  <a:cubicBezTo>
                    <a:pt x="161007" y="136935"/>
                    <a:pt x="168615" y="127946"/>
                    <a:pt x="168615" y="121010"/>
                  </a:cubicBezTo>
                  <a:cubicBezTo>
                    <a:pt x="168615" y="117778"/>
                    <a:pt x="166775" y="115006"/>
                    <a:pt x="163072" y="115006"/>
                  </a:cubicBezTo>
                  <a:cubicBezTo>
                    <a:pt x="153836" y="115006"/>
                    <a:pt x="146911" y="128855"/>
                    <a:pt x="145060" y="138562"/>
                  </a:cubicBezTo>
                  <a:cubicBezTo>
                    <a:pt x="140896" y="143646"/>
                    <a:pt x="132592" y="150121"/>
                    <a:pt x="125656" y="150121"/>
                  </a:cubicBezTo>
                  <a:cubicBezTo>
                    <a:pt x="120113" y="150121"/>
                    <a:pt x="118272" y="145026"/>
                    <a:pt x="117801" y="143186"/>
                  </a:cubicBezTo>
                  <a:cubicBezTo>
                    <a:pt x="135364" y="137170"/>
                    <a:pt x="157068" y="113155"/>
                    <a:pt x="157068" y="91439"/>
                  </a:cubicBezTo>
                  <a:cubicBezTo>
                    <a:pt x="157068" y="86816"/>
                    <a:pt x="155216" y="76648"/>
                    <a:pt x="141368" y="76648"/>
                  </a:cubicBezTo>
                  <a:cubicBezTo>
                    <a:pt x="120573" y="76648"/>
                    <a:pt x="103021" y="107600"/>
                    <a:pt x="103021" y="131627"/>
                  </a:cubicBezTo>
                  <a:cubicBezTo>
                    <a:pt x="95625" y="131627"/>
                    <a:pt x="92865" y="123771"/>
                    <a:pt x="92865" y="117767"/>
                  </a:cubicBezTo>
                  <a:cubicBezTo>
                    <a:pt x="92865" y="111763"/>
                    <a:pt x="95177" y="105748"/>
                    <a:pt x="95177" y="103907"/>
                  </a:cubicBezTo>
                  <a:cubicBezTo>
                    <a:pt x="95177" y="102067"/>
                    <a:pt x="94245" y="99744"/>
                    <a:pt x="91473" y="99744"/>
                  </a:cubicBezTo>
                  <a:cubicBezTo>
                    <a:pt x="84538" y="99744"/>
                    <a:pt x="80385" y="108980"/>
                    <a:pt x="80385" y="119608"/>
                  </a:cubicBezTo>
                  <a:cubicBezTo>
                    <a:pt x="80857" y="134387"/>
                    <a:pt x="90553" y="143635"/>
                    <a:pt x="103492" y="144555"/>
                  </a:cubicBezTo>
                  <a:cubicBezTo>
                    <a:pt x="105344" y="153331"/>
                    <a:pt x="113200" y="161646"/>
                    <a:pt x="122896" y="161646"/>
                  </a:cubicBezTo>
                  <a:cubicBezTo>
                    <a:pt x="128911" y="161646"/>
                    <a:pt x="136295" y="159806"/>
                    <a:pt x="141379" y="155182"/>
                  </a:cubicBezTo>
                  <a:cubicBezTo>
                    <a:pt x="140907" y="158426"/>
                    <a:pt x="140459" y="161186"/>
                    <a:pt x="139987" y="163958"/>
                  </a:cubicBezTo>
                  <a:cubicBezTo>
                    <a:pt x="119664" y="174586"/>
                    <a:pt x="104884" y="181981"/>
                    <a:pt x="91484" y="193978"/>
                  </a:cubicBezTo>
                  <a:cubicBezTo>
                    <a:pt x="80868" y="203685"/>
                    <a:pt x="74853" y="216613"/>
                    <a:pt x="74853" y="226792"/>
                  </a:cubicBezTo>
                  <a:cubicBezTo>
                    <a:pt x="74853" y="240652"/>
                    <a:pt x="83629" y="253568"/>
                    <a:pt x="101641" y="253568"/>
                  </a:cubicBezTo>
                  <a:cubicBezTo>
                    <a:pt x="122896" y="253568"/>
                    <a:pt x="139056" y="236488"/>
                    <a:pt x="146911" y="212921"/>
                  </a:cubicBezTo>
                  <a:cubicBezTo>
                    <a:pt x="150615" y="201833"/>
                    <a:pt x="152096" y="185707"/>
                    <a:pt x="153016" y="170916"/>
                  </a:cubicBezTo>
                  <a:cubicBezTo>
                    <a:pt x="174271" y="158908"/>
                    <a:pt x="184349" y="151950"/>
                    <a:pt x="195414" y="144095"/>
                  </a:cubicBezTo>
                  <a:cubicBezTo>
                    <a:pt x="196806" y="146406"/>
                    <a:pt x="198209" y="148258"/>
                    <a:pt x="200038" y="149638"/>
                  </a:cubicBezTo>
                  <a:cubicBezTo>
                    <a:pt x="190342" y="154722"/>
                    <a:pt x="167246" y="169042"/>
                    <a:pt x="167246" y="202754"/>
                  </a:cubicBezTo>
                  <a:cubicBezTo>
                    <a:pt x="167246" y="226781"/>
                    <a:pt x="183418" y="253568"/>
                    <a:pt x="215289" y="253568"/>
                  </a:cubicBezTo>
                  <a:cubicBezTo>
                    <a:pt x="241617" y="253568"/>
                    <a:pt x="259640" y="231876"/>
                    <a:pt x="259640" y="211081"/>
                  </a:cubicBezTo>
                  <a:cubicBezTo>
                    <a:pt x="259640" y="192137"/>
                    <a:pt x="249012" y="174586"/>
                    <a:pt x="228677" y="174586"/>
                  </a:cubicBezTo>
                  <a:close/>
                  <a:moveTo>
                    <a:pt x="308086" y="214290"/>
                  </a:moveTo>
                  <a:cubicBezTo>
                    <a:pt x="308008" y="214436"/>
                    <a:pt x="307739" y="214649"/>
                    <a:pt x="307234" y="214470"/>
                  </a:cubicBezTo>
                  <a:cubicBezTo>
                    <a:pt x="306841" y="214324"/>
                    <a:pt x="306717" y="214122"/>
                    <a:pt x="306729" y="213875"/>
                  </a:cubicBezTo>
                  <a:cubicBezTo>
                    <a:pt x="306751" y="213606"/>
                    <a:pt x="312317" y="197176"/>
                    <a:pt x="312284" y="178312"/>
                  </a:cubicBezTo>
                  <a:cubicBezTo>
                    <a:pt x="312216" y="157977"/>
                    <a:pt x="303957" y="145509"/>
                    <a:pt x="293351" y="145509"/>
                  </a:cubicBezTo>
                  <a:cubicBezTo>
                    <a:pt x="286876" y="145509"/>
                    <a:pt x="282264" y="150132"/>
                    <a:pt x="282264" y="157056"/>
                  </a:cubicBezTo>
                  <a:cubicBezTo>
                    <a:pt x="282264" y="169536"/>
                    <a:pt x="297504" y="170456"/>
                    <a:pt x="297504" y="197715"/>
                  </a:cubicBezTo>
                  <a:cubicBezTo>
                    <a:pt x="297504" y="208803"/>
                    <a:pt x="295192" y="219408"/>
                    <a:pt x="291500" y="230978"/>
                  </a:cubicBezTo>
                  <a:cubicBezTo>
                    <a:pt x="274408" y="288717"/>
                    <a:pt x="219890" y="315504"/>
                    <a:pt x="166775" y="315504"/>
                  </a:cubicBezTo>
                  <a:cubicBezTo>
                    <a:pt x="142288" y="315504"/>
                    <a:pt x="124882" y="310477"/>
                    <a:pt x="119697" y="308154"/>
                  </a:cubicBezTo>
                  <a:cubicBezTo>
                    <a:pt x="119484" y="308053"/>
                    <a:pt x="119316" y="307638"/>
                    <a:pt x="119473" y="307234"/>
                  </a:cubicBezTo>
                  <a:cubicBezTo>
                    <a:pt x="119596" y="306908"/>
                    <a:pt x="119955" y="306672"/>
                    <a:pt x="120146" y="306762"/>
                  </a:cubicBezTo>
                  <a:cubicBezTo>
                    <a:pt x="122256" y="307593"/>
                    <a:pt x="137193" y="312284"/>
                    <a:pt x="155665" y="312284"/>
                  </a:cubicBezTo>
                  <a:cubicBezTo>
                    <a:pt x="175988" y="312284"/>
                    <a:pt x="188008" y="303979"/>
                    <a:pt x="188008" y="293789"/>
                  </a:cubicBezTo>
                  <a:cubicBezTo>
                    <a:pt x="188008" y="287336"/>
                    <a:pt x="182924" y="282253"/>
                    <a:pt x="176449" y="282253"/>
                  </a:cubicBezTo>
                  <a:cubicBezTo>
                    <a:pt x="163981" y="282253"/>
                    <a:pt x="163049" y="297953"/>
                    <a:pt x="136261" y="297953"/>
                  </a:cubicBezTo>
                  <a:cubicBezTo>
                    <a:pt x="124714" y="297953"/>
                    <a:pt x="114557" y="295652"/>
                    <a:pt x="102538" y="291949"/>
                  </a:cubicBezTo>
                  <a:cubicBezTo>
                    <a:pt x="45260" y="274397"/>
                    <a:pt x="17956" y="220339"/>
                    <a:pt x="18001" y="166753"/>
                  </a:cubicBezTo>
                  <a:cubicBezTo>
                    <a:pt x="18023" y="140661"/>
                    <a:pt x="25329" y="119877"/>
                    <a:pt x="25452" y="119675"/>
                  </a:cubicBezTo>
                  <a:cubicBezTo>
                    <a:pt x="25542" y="119540"/>
                    <a:pt x="25867" y="119394"/>
                    <a:pt x="26271" y="119540"/>
                  </a:cubicBezTo>
                  <a:cubicBezTo>
                    <a:pt x="26687" y="119675"/>
                    <a:pt x="26799" y="120034"/>
                    <a:pt x="26754" y="120135"/>
                  </a:cubicBezTo>
                  <a:cubicBezTo>
                    <a:pt x="26081" y="122301"/>
                    <a:pt x="21233" y="137193"/>
                    <a:pt x="21233" y="155665"/>
                  </a:cubicBezTo>
                  <a:cubicBezTo>
                    <a:pt x="21233" y="176000"/>
                    <a:pt x="29548" y="188008"/>
                    <a:pt x="40165" y="188008"/>
                  </a:cubicBezTo>
                  <a:cubicBezTo>
                    <a:pt x="46169" y="188008"/>
                    <a:pt x="51252" y="183384"/>
                    <a:pt x="51252" y="176931"/>
                  </a:cubicBezTo>
                  <a:cubicBezTo>
                    <a:pt x="51252" y="164452"/>
                    <a:pt x="36012" y="163072"/>
                    <a:pt x="36012" y="136273"/>
                  </a:cubicBezTo>
                  <a:cubicBezTo>
                    <a:pt x="36012" y="124714"/>
                    <a:pt x="38324" y="114557"/>
                    <a:pt x="42016" y="102550"/>
                  </a:cubicBezTo>
                  <a:cubicBezTo>
                    <a:pt x="59591" y="45271"/>
                    <a:pt x="113637" y="18427"/>
                    <a:pt x="166775" y="18012"/>
                  </a:cubicBezTo>
                  <a:cubicBezTo>
                    <a:pt x="191464" y="17821"/>
                    <a:pt x="213078" y="25205"/>
                    <a:pt x="213886" y="25856"/>
                  </a:cubicBezTo>
                  <a:cubicBezTo>
                    <a:pt x="214032" y="25980"/>
                    <a:pt x="214189" y="26305"/>
                    <a:pt x="214032" y="26687"/>
                  </a:cubicBezTo>
                  <a:cubicBezTo>
                    <a:pt x="213864" y="27113"/>
                    <a:pt x="213572" y="27169"/>
                    <a:pt x="213426" y="27147"/>
                  </a:cubicBezTo>
                  <a:cubicBezTo>
                    <a:pt x="213168" y="27113"/>
                    <a:pt x="199118" y="21244"/>
                    <a:pt x="177851" y="21244"/>
                  </a:cubicBezTo>
                  <a:cubicBezTo>
                    <a:pt x="157999" y="21244"/>
                    <a:pt x="145531" y="29548"/>
                    <a:pt x="145531" y="40187"/>
                  </a:cubicBezTo>
                  <a:cubicBezTo>
                    <a:pt x="145531" y="46191"/>
                    <a:pt x="150143" y="51264"/>
                    <a:pt x="157068" y="51264"/>
                  </a:cubicBezTo>
                  <a:cubicBezTo>
                    <a:pt x="169547" y="51264"/>
                    <a:pt x="170478" y="36024"/>
                    <a:pt x="197255" y="36024"/>
                  </a:cubicBezTo>
                  <a:cubicBezTo>
                    <a:pt x="208814" y="36024"/>
                    <a:pt x="218959" y="38335"/>
                    <a:pt x="230978" y="42028"/>
                  </a:cubicBezTo>
                  <a:cubicBezTo>
                    <a:pt x="288739" y="59579"/>
                    <a:pt x="315022" y="114097"/>
                    <a:pt x="315516" y="166753"/>
                  </a:cubicBezTo>
                  <a:cubicBezTo>
                    <a:pt x="315774" y="193731"/>
                    <a:pt x="308165" y="214156"/>
                    <a:pt x="308098" y="214290"/>
                  </a:cubicBezTo>
                  <a:close/>
                  <a:moveTo>
                    <a:pt x="166775" y="7844"/>
                  </a:moveTo>
                  <a:cubicBezTo>
                    <a:pt x="79005" y="7844"/>
                    <a:pt x="7844" y="78994"/>
                    <a:pt x="7844" y="166764"/>
                  </a:cubicBezTo>
                  <a:cubicBezTo>
                    <a:pt x="7844" y="254534"/>
                    <a:pt x="78994" y="325672"/>
                    <a:pt x="166775" y="325672"/>
                  </a:cubicBezTo>
                  <a:cubicBezTo>
                    <a:pt x="254556" y="325672"/>
                    <a:pt x="325672" y="254545"/>
                    <a:pt x="325672" y="166764"/>
                  </a:cubicBezTo>
                  <a:cubicBezTo>
                    <a:pt x="325672" y="78983"/>
                    <a:pt x="254533" y="7844"/>
                    <a:pt x="166775" y="7844"/>
                  </a:cubicBezTo>
                  <a:close/>
                  <a:moveTo>
                    <a:pt x="166775" y="333527"/>
                  </a:moveTo>
                  <a:cubicBezTo>
                    <a:pt x="74830" y="333527"/>
                    <a:pt x="0" y="259157"/>
                    <a:pt x="0" y="166764"/>
                  </a:cubicBezTo>
                  <a:cubicBezTo>
                    <a:pt x="0" y="74370"/>
                    <a:pt x="74830" y="0"/>
                    <a:pt x="166775" y="0"/>
                  </a:cubicBezTo>
                  <a:cubicBezTo>
                    <a:pt x="258719" y="0"/>
                    <a:pt x="333539" y="74830"/>
                    <a:pt x="333539" y="166764"/>
                  </a:cubicBezTo>
                  <a:cubicBezTo>
                    <a:pt x="333539" y="258697"/>
                    <a:pt x="258686" y="333527"/>
                    <a:pt x="166775" y="333527"/>
                  </a:cubicBezTo>
                  <a:close/>
                </a:path>
              </a:pathLst>
            </a:custGeom>
            <a:solidFill>
              <a:schemeClr val="tx1"/>
            </a:solidFill>
            <a:ln w="1117"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nvGrpSpPr>
            <p:cNvPr id="71" name="Graphic 61">
              <a:extLst>
                <a:ext uri="{FF2B5EF4-FFF2-40B4-BE49-F238E27FC236}">
                  <a16:creationId xmlns:a16="http://schemas.microsoft.com/office/drawing/2014/main" id="{7DFB6EA7-20F7-A7E1-2332-72B6A7569EA7}"/>
                </a:ext>
              </a:extLst>
            </p:cNvPr>
            <p:cNvGrpSpPr/>
            <p:nvPr/>
          </p:nvGrpSpPr>
          <p:grpSpPr>
            <a:xfrm>
              <a:off x="5216507" y="1684073"/>
              <a:ext cx="1018037" cy="279748"/>
              <a:chOff x="4778272" y="1598799"/>
              <a:chExt cx="1018037" cy="307723"/>
            </a:xfrm>
            <a:solidFill>
              <a:srgbClr val="005386"/>
            </a:solidFill>
          </p:grpSpPr>
          <p:sp>
            <p:nvSpPr>
              <p:cNvPr id="72" name="Freeform: Shape 71">
                <a:extLst>
                  <a:ext uri="{FF2B5EF4-FFF2-40B4-BE49-F238E27FC236}">
                    <a16:creationId xmlns:a16="http://schemas.microsoft.com/office/drawing/2014/main" id="{2B3A289F-86F5-189F-9705-3E866FB52FB2}"/>
                  </a:ext>
                </a:extLst>
              </p:cNvPr>
              <p:cNvSpPr/>
              <p:nvPr/>
            </p:nvSpPr>
            <p:spPr>
              <a:xfrm>
                <a:off x="4872356" y="1598799"/>
                <a:ext cx="113632" cy="126782"/>
              </a:xfrm>
              <a:custGeom>
                <a:avLst/>
                <a:gdLst>
                  <a:gd name="connsiteX0" fmla="*/ 48605 w 113632"/>
                  <a:gd name="connsiteY0" fmla="*/ 100 h 126782"/>
                  <a:gd name="connsiteX1" fmla="*/ 112423 w 113632"/>
                  <a:gd name="connsiteY1" fmla="*/ 22960 h 126782"/>
                  <a:gd name="connsiteX2" fmla="*/ 31460 w 113632"/>
                  <a:gd name="connsiteY2" fmla="*/ 120115 h 126782"/>
                  <a:gd name="connsiteX3" fmla="*/ 12410 w 113632"/>
                  <a:gd name="connsiteY3" fmla="*/ 126783 h 126782"/>
                  <a:gd name="connsiteX4" fmla="*/ 10505 w 113632"/>
                  <a:gd name="connsiteY4" fmla="*/ 122020 h 126782"/>
                  <a:gd name="connsiteX5" fmla="*/ 27650 w 113632"/>
                  <a:gd name="connsiteY5" fmla="*/ 104875 h 126782"/>
                  <a:gd name="connsiteX6" fmla="*/ 81943 w 113632"/>
                  <a:gd name="connsiteY6" fmla="*/ 29628 h 126782"/>
                  <a:gd name="connsiteX7" fmla="*/ 26698 w 113632"/>
                  <a:gd name="connsiteY7" fmla="*/ 17245 h 126782"/>
                  <a:gd name="connsiteX8" fmla="*/ 28 w 113632"/>
                  <a:gd name="connsiteY8" fmla="*/ 12483 h 126782"/>
                  <a:gd name="connsiteX9" fmla="*/ 48605 w 113632"/>
                  <a:gd name="connsiteY9" fmla="*/ 100 h 1267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13632" h="126782">
                    <a:moveTo>
                      <a:pt x="48605" y="100"/>
                    </a:moveTo>
                    <a:cubicBezTo>
                      <a:pt x="75275" y="-852"/>
                      <a:pt x="106708" y="4863"/>
                      <a:pt x="112423" y="22960"/>
                    </a:cubicBezTo>
                    <a:cubicBezTo>
                      <a:pt x="121948" y="53440"/>
                      <a:pt x="73370" y="98208"/>
                      <a:pt x="31460" y="120115"/>
                    </a:cubicBezTo>
                    <a:cubicBezTo>
                      <a:pt x="20983" y="125830"/>
                      <a:pt x="15268" y="126783"/>
                      <a:pt x="12410" y="126783"/>
                    </a:cubicBezTo>
                    <a:cubicBezTo>
                      <a:pt x="9553" y="126783"/>
                      <a:pt x="9553" y="123925"/>
                      <a:pt x="10505" y="122020"/>
                    </a:cubicBezTo>
                    <a:cubicBezTo>
                      <a:pt x="12410" y="119163"/>
                      <a:pt x="19078" y="112495"/>
                      <a:pt x="27650" y="104875"/>
                    </a:cubicBezTo>
                    <a:cubicBezTo>
                      <a:pt x="75275" y="67728"/>
                      <a:pt x="90515" y="40105"/>
                      <a:pt x="81943" y="29628"/>
                    </a:cubicBezTo>
                    <a:cubicBezTo>
                      <a:pt x="76228" y="22960"/>
                      <a:pt x="52415" y="17245"/>
                      <a:pt x="26698" y="17245"/>
                    </a:cubicBezTo>
                    <a:cubicBezTo>
                      <a:pt x="20030" y="17245"/>
                      <a:pt x="1933" y="19150"/>
                      <a:pt x="28" y="12483"/>
                    </a:cubicBezTo>
                    <a:cubicBezTo>
                      <a:pt x="-925" y="7720"/>
                      <a:pt x="22888" y="1053"/>
                      <a:pt x="48605" y="100"/>
                    </a:cubicBezTo>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73" name="Freeform: Shape 72">
                <a:extLst>
                  <a:ext uri="{FF2B5EF4-FFF2-40B4-BE49-F238E27FC236}">
                    <a16:creationId xmlns:a16="http://schemas.microsoft.com/office/drawing/2014/main" id="{6AAA72FB-F812-F26D-3F12-1526F2AA8384}"/>
                  </a:ext>
                </a:extLst>
              </p:cNvPr>
              <p:cNvSpPr/>
              <p:nvPr/>
            </p:nvSpPr>
            <p:spPr>
              <a:xfrm>
                <a:off x="4778272" y="1739729"/>
                <a:ext cx="163904" cy="166793"/>
              </a:xfrm>
              <a:custGeom>
                <a:avLst/>
                <a:gdLst>
                  <a:gd name="connsiteX0" fmla="*/ 87444 w 163904"/>
                  <a:gd name="connsiteY0" fmla="*/ 140 h 166793"/>
                  <a:gd name="connsiteX1" fmla="*/ 153167 w 163904"/>
                  <a:gd name="connsiteY1" fmla="*/ 14428 h 166793"/>
                  <a:gd name="connsiteX2" fmla="*/ 162692 w 163904"/>
                  <a:gd name="connsiteY2" fmla="*/ 43955 h 166793"/>
                  <a:gd name="connsiteX3" fmla="*/ 46487 w 163904"/>
                  <a:gd name="connsiteY3" fmla="*/ 154445 h 166793"/>
                  <a:gd name="connsiteX4" fmla="*/ 767 w 163904"/>
                  <a:gd name="connsiteY4" fmla="*/ 165875 h 166793"/>
                  <a:gd name="connsiteX5" fmla="*/ 12197 w 163904"/>
                  <a:gd name="connsiteY5" fmla="*/ 131585 h 166793"/>
                  <a:gd name="connsiteX6" fmla="*/ 53154 w 163904"/>
                  <a:gd name="connsiteY6" fmla="*/ 60148 h 166793"/>
                  <a:gd name="connsiteX7" fmla="*/ 74109 w 163904"/>
                  <a:gd name="connsiteY7" fmla="*/ 39193 h 166793"/>
                  <a:gd name="connsiteX8" fmla="*/ 67442 w 163904"/>
                  <a:gd name="connsiteY8" fmla="*/ 64910 h 166793"/>
                  <a:gd name="connsiteX9" fmla="*/ 42677 w 163904"/>
                  <a:gd name="connsiteY9" fmla="*/ 128728 h 166793"/>
                  <a:gd name="connsiteX10" fmla="*/ 129354 w 163904"/>
                  <a:gd name="connsiteY10" fmla="*/ 38240 h 166793"/>
                  <a:gd name="connsiteX11" fmla="*/ 66489 w 163904"/>
                  <a:gd name="connsiteY11" fmla="*/ 21095 h 166793"/>
                  <a:gd name="connsiteX12" fmla="*/ 33152 w 163904"/>
                  <a:gd name="connsiteY12" fmla="*/ 15380 h 166793"/>
                  <a:gd name="connsiteX13" fmla="*/ 87444 w 163904"/>
                  <a:gd name="connsiteY13" fmla="*/ 140 h 16679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63904" h="166793">
                    <a:moveTo>
                      <a:pt x="87444" y="140"/>
                    </a:moveTo>
                    <a:cubicBezTo>
                      <a:pt x="110304" y="-812"/>
                      <a:pt x="137927" y="2998"/>
                      <a:pt x="153167" y="14428"/>
                    </a:cubicBezTo>
                    <a:cubicBezTo>
                      <a:pt x="160787" y="20143"/>
                      <a:pt x="166502" y="31573"/>
                      <a:pt x="162692" y="43955"/>
                    </a:cubicBezTo>
                    <a:cubicBezTo>
                      <a:pt x="154119" y="79198"/>
                      <a:pt x="120782" y="122060"/>
                      <a:pt x="46487" y="154445"/>
                    </a:cubicBezTo>
                    <a:cubicBezTo>
                      <a:pt x="22674" y="164923"/>
                      <a:pt x="4577" y="168733"/>
                      <a:pt x="767" y="165875"/>
                    </a:cubicBezTo>
                    <a:cubicBezTo>
                      <a:pt x="-3043" y="163018"/>
                      <a:pt x="8387" y="139205"/>
                      <a:pt x="12197" y="131585"/>
                    </a:cubicBezTo>
                    <a:cubicBezTo>
                      <a:pt x="23627" y="106820"/>
                      <a:pt x="38867" y="82055"/>
                      <a:pt x="53154" y="60148"/>
                    </a:cubicBezTo>
                    <a:cubicBezTo>
                      <a:pt x="58869" y="51575"/>
                      <a:pt x="66489" y="37288"/>
                      <a:pt x="74109" y="39193"/>
                    </a:cubicBezTo>
                    <a:cubicBezTo>
                      <a:pt x="80777" y="40145"/>
                      <a:pt x="73157" y="55385"/>
                      <a:pt x="67442" y="64910"/>
                    </a:cubicBezTo>
                    <a:cubicBezTo>
                      <a:pt x="58869" y="81103"/>
                      <a:pt x="35057" y="125870"/>
                      <a:pt x="42677" y="128728"/>
                    </a:cubicBezTo>
                    <a:cubicBezTo>
                      <a:pt x="59822" y="134443"/>
                      <a:pt x="140784" y="72530"/>
                      <a:pt x="129354" y="38240"/>
                    </a:cubicBezTo>
                    <a:cubicBezTo>
                      <a:pt x="123639" y="22048"/>
                      <a:pt x="88397" y="21095"/>
                      <a:pt x="66489" y="21095"/>
                    </a:cubicBezTo>
                    <a:cubicBezTo>
                      <a:pt x="56012" y="21095"/>
                      <a:pt x="34104" y="23953"/>
                      <a:pt x="33152" y="15380"/>
                    </a:cubicBezTo>
                    <a:cubicBezTo>
                      <a:pt x="32199" y="8713"/>
                      <a:pt x="66489" y="1093"/>
                      <a:pt x="87444" y="140"/>
                    </a:cubicBezTo>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74" name="Freeform: Shape 73">
                <a:extLst>
                  <a:ext uri="{FF2B5EF4-FFF2-40B4-BE49-F238E27FC236}">
                    <a16:creationId xmlns:a16="http://schemas.microsoft.com/office/drawing/2014/main" id="{54EAEC9C-6C64-CA2B-FCEB-9636EEED98DA}"/>
                  </a:ext>
                </a:extLst>
              </p:cNvPr>
              <p:cNvSpPr/>
              <p:nvPr/>
            </p:nvSpPr>
            <p:spPr>
              <a:xfrm>
                <a:off x="4916656" y="1699052"/>
                <a:ext cx="152296" cy="174168"/>
              </a:xfrm>
              <a:custGeom>
                <a:avLst/>
                <a:gdLst>
                  <a:gd name="connsiteX0" fmla="*/ 124321 w 152296"/>
                  <a:gd name="connsiteY0" fmla="*/ 2717 h 174167"/>
                  <a:gd name="connsiteX1" fmla="*/ 151943 w 152296"/>
                  <a:gd name="connsiteY1" fmla="*/ 13195 h 174167"/>
                  <a:gd name="connsiteX2" fmla="*/ 132893 w 152296"/>
                  <a:gd name="connsiteY2" fmla="*/ 19862 h 174167"/>
                  <a:gd name="connsiteX3" fmla="*/ 73838 w 152296"/>
                  <a:gd name="connsiteY3" fmla="*/ 33197 h 174167"/>
                  <a:gd name="connsiteX4" fmla="*/ 105271 w 152296"/>
                  <a:gd name="connsiteY4" fmla="*/ 86537 h 174167"/>
                  <a:gd name="connsiteX5" fmla="*/ 132893 w 152296"/>
                  <a:gd name="connsiteY5" fmla="*/ 145592 h 174167"/>
                  <a:gd name="connsiteX6" fmla="*/ 70981 w 152296"/>
                  <a:gd name="connsiteY6" fmla="*/ 174167 h 174167"/>
                  <a:gd name="connsiteX7" fmla="*/ 10021 w 152296"/>
                  <a:gd name="connsiteY7" fmla="*/ 168452 h 174167"/>
                  <a:gd name="connsiteX8" fmla="*/ 2401 w 152296"/>
                  <a:gd name="connsiteY8" fmla="*/ 157975 h 174167"/>
                  <a:gd name="connsiteX9" fmla="*/ 43358 w 152296"/>
                  <a:gd name="connsiteY9" fmla="*/ 155117 h 174167"/>
                  <a:gd name="connsiteX10" fmla="*/ 97651 w 152296"/>
                  <a:gd name="connsiteY10" fmla="*/ 143687 h 174167"/>
                  <a:gd name="connsiteX11" fmla="*/ 71933 w 152296"/>
                  <a:gd name="connsiteY11" fmla="*/ 92252 h 174167"/>
                  <a:gd name="connsiteX12" fmla="*/ 42406 w 152296"/>
                  <a:gd name="connsiteY12" fmla="*/ 20815 h 174167"/>
                  <a:gd name="connsiteX13" fmla="*/ 124321 w 152296"/>
                  <a:gd name="connsiteY13" fmla="*/ 2717 h 17416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52296" h="174167">
                    <a:moveTo>
                      <a:pt x="124321" y="2717"/>
                    </a:moveTo>
                    <a:cubicBezTo>
                      <a:pt x="137656" y="5575"/>
                      <a:pt x="149086" y="7480"/>
                      <a:pt x="151943" y="13195"/>
                    </a:cubicBezTo>
                    <a:cubicBezTo>
                      <a:pt x="154801" y="19862"/>
                      <a:pt x="139561" y="19862"/>
                      <a:pt x="132893" y="19862"/>
                    </a:cubicBezTo>
                    <a:cubicBezTo>
                      <a:pt x="96698" y="20815"/>
                      <a:pt x="75743" y="20815"/>
                      <a:pt x="73838" y="33197"/>
                    </a:cubicBezTo>
                    <a:cubicBezTo>
                      <a:pt x="72886" y="48437"/>
                      <a:pt x="89078" y="64630"/>
                      <a:pt x="105271" y="86537"/>
                    </a:cubicBezTo>
                    <a:cubicBezTo>
                      <a:pt x="120511" y="106540"/>
                      <a:pt x="137656" y="126542"/>
                      <a:pt x="132893" y="145592"/>
                    </a:cubicBezTo>
                    <a:cubicBezTo>
                      <a:pt x="127178" y="168452"/>
                      <a:pt x="98603" y="174167"/>
                      <a:pt x="70981" y="174167"/>
                    </a:cubicBezTo>
                    <a:cubicBezTo>
                      <a:pt x="45263" y="174167"/>
                      <a:pt x="20498" y="170357"/>
                      <a:pt x="10021" y="168452"/>
                    </a:cubicBezTo>
                    <a:cubicBezTo>
                      <a:pt x="-3314" y="165595"/>
                      <a:pt x="-457" y="159880"/>
                      <a:pt x="2401" y="157975"/>
                    </a:cubicBezTo>
                    <a:cubicBezTo>
                      <a:pt x="6211" y="156070"/>
                      <a:pt x="28118" y="156070"/>
                      <a:pt x="43358" y="155117"/>
                    </a:cubicBezTo>
                    <a:cubicBezTo>
                      <a:pt x="55741" y="153212"/>
                      <a:pt x="91936" y="153212"/>
                      <a:pt x="97651" y="143687"/>
                    </a:cubicBezTo>
                    <a:cubicBezTo>
                      <a:pt x="104318" y="132257"/>
                      <a:pt x="87173" y="113207"/>
                      <a:pt x="71933" y="92252"/>
                    </a:cubicBezTo>
                    <a:cubicBezTo>
                      <a:pt x="52883" y="66535"/>
                      <a:pt x="30976" y="40817"/>
                      <a:pt x="42406" y="20815"/>
                    </a:cubicBezTo>
                    <a:cubicBezTo>
                      <a:pt x="57646" y="-2998"/>
                      <a:pt x="100508" y="-2045"/>
                      <a:pt x="124321" y="2717"/>
                    </a:cubicBezTo>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75" name="Freeform: Shape 74">
                <a:extLst>
                  <a:ext uri="{FF2B5EF4-FFF2-40B4-BE49-F238E27FC236}">
                    <a16:creationId xmlns:a16="http://schemas.microsoft.com/office/drawing/2014/main" id="{B7C13E98-570E-674E-7312-B1424F7364A4}"/>
                  </a:ext>
                </a:extLst>
              </p:cNvPr>
              <p:cNvSpPr/>
              <p:nvPr/>
            </p:nvSpPr>
            <p:spPr>
              <a:xfrm>
                <a:off x="5100032" y="1698912"/>
                <a:ext cx="696277" cy="168592"/>
              </a:xfrm>
              <a:custGeom>
                <a:avLst/>
                <a:gdLst>
                  <a:gd name="connsiteX0" fmla="*/ 501015 w 696277"/>
                  <a:gd name="connsiteY0" fmla="*/ 72390 h 168592"/>
                  <a:gd name="connsiteX1" fmla="*/ 545783 w 696277"/>
                  <a:gd name="connsiteY1" fmla="*/ 40005 h 168592"/>
                  <a:gd name="connsiteX2" fmla="*/ 552450 w 696277"/>
                  <a:gd name="connsiteY2" fmla="*/ 4763 h 168592"/>
                  <a:gd name="connsiteX3" fmla="*/ 549593 w 696277"/>
                  <a:gd name="connsiteY3" fmla="*/ 1905 h 168592"/>
                  <a:gd name="connsiteX4" fmla="*/ 535305 w 696277"/>
                  <a:gd name="connsiteY4" fmla="*/ 1905 h 168592"/>
                  <a:gd name="connsiteX5" fmla="*/ 531495 w 696277"/>
                  <a:gd name="connsiteY5" fmla="*/ 21908 h 168592"/>
                  <a:gd name="connsiteX6" fmla="*/ 529590 w 696277"/>
                  <a:gd name="connsiteY6" fmla="*/ 32385 h 168592"/>
                  <a:gd name="connsiteX7" fmla="*/ 527685 w 696277"/>
                  <a:gd name="connsiteY7" fmla="*/ 41910 h 168592"/>
                  <a:gd name="connsiteX8" fmla="*/ 502920 w 696277"/>
                  <a:gd name="connsiteY8" fmla="*/ 60960 h 168592"/>
                  <a:gd name="connsiteX9" fmla="*/ 485775 w 696277"/>
                  <a:gd name="connsiteY9" fmla="*/ 41910 h 168592"/>
                  <a:gd name="connsiteX10" fmla="*/ 486728 w 696277"/>
                  <a:gd name="connsiteY10" fmla="*/ 38100 h 168592"/>
                  <a:gd name="connsiteX11" fmla="*/ 489585 w 696277"/>
                  <a:gd name="connsiteY11" fmla="*/ 21908 h 168592"/>
                  <a:gd name="connsiteX12" fmla="*/ 493395 w 696277"/>
                  <a:gd name="connsiteY12" fmla="*/ 1905 h 168592"/>
                  <a:gd name="connsiteX13" fmla="*/ 479108 w 696277"/>
                  <a:gd name="connsiteY13" fmla="*/ 1905 h 168592"/>
                  <a:gd name="connsiteX14" fmla="*/ 475298 w 696277"/>
                  <a:gd name="connsiteY14" fmla="*/ 4763 h 168592"/>
                  <a:gd name="connsiteX15" fmla="*/ 468630 w 696277"/>
                  <a:gd name="connsiteY15" fmla="*/ 40005 h 168592"/>
                  <a:gd name="connsiteX16" fmla="*/ 501015 w 696277"/>
                  <a:gd name="connsiteY16" fmla="*/ 72390 h 168592"/>
                  <a:gd name="connsiteX17" fmla="*/ 501015 w 696277"/>
                  <a:gd name="connsiteY17" fmla="*/ 72390 h 168592"/>
                  <a:gd name="connsiteX18" fmla="*/ 10477 w 696277"/>
                  <a:gd name="connsiteY18" fmla="*/ 111443 h 168592"/>
                  <a:gd name="connsiteX19" fmla="*/ 31432 w 696277"/>
                  <a:gd name="connsiteY19" fmla="*/ 135255 h 168592"/>
                  <a:gd name="connsiteX20" fmla="*/ 50482 w 696277"/>
                  <a:gd name="connsiteY20" fmla="*/ 152400 h 168592"/>
                  <a:gd name="connsiteX21" fmla="*/ 37148 w 696277"/>
                  <a:gd name="connsiteY21" fmla="*/ 157163 h 168592"/>
                  <a:gd name="connsiteX22" fmla="*/ 6668 w 696277"/>
                  <a:gd name="connsiteY22" fmla="*/ 157163 h 168592"/>
                  <a:gd name="connsiteX23" fmla="*/ 952 w 696277"/>
                  <a:gd name="connsiteY23" fmla="*/ 161925 h 168592"/>
                  <a:gd name="connsiteX24" fmla="*/ 0 w 696277"/>
                  <a:gd name="connsiteY24" fmla="*/ 167640 h 168592"/>
                  <a:gd name="connsiteX25" fmla="*/ 38100 w 696277"/>
                  <a:gd name="connsiteY25" fmla="*/ 167640 h 168592"/>
                  <a:gd name="connsiteX26" fmla="*/ 70485 w 696277"/>
                  <a:gd name="connsiteY26" fmla="*/ 156210 h 168592"/>
                  <a:gd name="connsiteX27" fmla="*/ 67627 w 696277"/>
                  <a:gd name="connsiteY27" fmla="*/ 140018 h 168592"/>
                  <a:gd name="connsiteX28" fmla="*/ 57150 w 696277"/>
                  <a:gd name="connsiteY28" fmla="*/ 132398 h 168592"/>
                  <a:gd name="connsiteX29" fmla="*/ 30480 w 696277"/>
                  <a:gd name="connsiteY29" fmla="*/ 112395 h 168592"/>
                  <a:gd name="connsiteX30" fmla="*/ 41910 w 696277"/>
                  <a:gd name="connsiteY30" fmla="*/ 108585 h 168592"/>
                  <a:gd name="connsiteX31" fmla="*/ 67627 w 696277"/>
                  <a:gd name="connsiteY31" fmla="*/ 108585 h 168592"/>
                  <a:gd name="connsiteX32" fmla="*/ 73343 w 696277"/>
                  <a:gd name="connsiteY32" fmla="*/ 103823 h 168592"/>
                  <a:gd name="connsiteX33" fmla="*/ 74295 w 696277"/>
                  <a:gd name="connsiteY33" fmla="*/ 97155 h 168592"/>
                  <a:gd name="connsiteX34" fmla="*/ 41910 w 696277"/>
                  <a:gd name="connsiteY34" fmla="*/ 97155 h 168592"/>
                  <a:gd name="connsiteX35" fmla="*/ 10477 w 696277"/>
                  <a:gd name="connsiteY35" fmla="*/ 111443 h 168592"/>
                  <a:gd name="connsiteX36" fmla="*/ 10477 w 696277"/>
                  <a:gd name="connsiteY36" fmla="*/ 111443 h 168592"/>
                  <a:gd name="connsiteX37" fmla="*/ 180023 w 696277"/>
                  <a:gd name="connsiteY37" fmla="*/ 111443 h 168592"/>
                  <a:gd name="connsiteX38" fmla="*/ 200977 w 696277"/>
                  <a:gd name="connsiteY38" fmla="*/ 135255 h 168592"/>
                  <a:gd name="connsiteX39" fmla="*/ 220027 w 696277"/>
                  <a:gd name="connsiteY39" fmla="*/ 152400 h 168592"/>
                  <a:gd name="connsiteX40" fmla="*/ 206693 w 696277"/>
                  <a:gd name="connsiteY40" fmla="*/ 157163 h 168592"/>
                  <a:gd name="connsiteX41" fmla="*/ 176213 w 696277"/>
                  <a:gd name="connsiteY41" fmla="*/ 157163 h 168592"/>
                  <a:gd name="connsiteX42" fmla="*/ 170498 w 696277"/>
                  <a:gd name="connsiteY42" fmla="*/ 161925 h 168592"/>
                  <a:gd name="connsiteX43" fmla="*/ 169545 w 696277"/>
                  <a:gd name="connsiteY43" fmla="*/ 168593 h 168592"/>
                  <a:gd name="connsiteX44" fmla="*/ 207645 w 696277"/>
                  <a:gd name="connsiteY44" fmla="*/ 168593 h 168592"/>
                  <a:gd name="connsiteX45" fmla="*/ 240030 w 696277"/>
                  <a:gd name="connsiteY45" fmla="*/ 157163 h 168592"/>
                  <a:gd name="connsiteX46" fmla="*/ 237173 w 696277"/>
                  <a:gd name="connsiteY46" fmla="*/ 140970 h 168592"/>
                  <a:gd name="connsiteX47" fmla="*/ 226695 w 696277"/>
                  <a:gd name="connsiteY47" fmla="*/ 133350 h 168592"/>
                  <a:gd name="connsiteX48" fmla="*/ 200025 w 696277"/>
                  <a:gd name="connsiteY48" fmla="*/ 113348 h 168592"/>
                  <a:gd name="connsiteX49" fmla="*/ 211455 w 696277"/>
                  <a:gd name="connsiteY49" fmla="*/ 109538 h 168592"/>
                  <a:gd name="connsiteX50" fmla="*/ 237173 w 696277"/>
                  <a:gd name="connsiteY50" fmla="*/ 109538 h 168592"/>
                  <a:gd name="connsiteX51" fmla="*/ 242888 w 696277"/>
                  <a:gd name="connsiteY51" fmla="*/ 104775 h 168592"/>
                  <a:gd name="connsiteX52" fmla="*/ 243840 w 696277"/>
                  <a:gd name="connsiteY52" fmla="*/ 98108 h 168592"/>
                  <a:gd name="connsiteX53" fmla="*/ 211455 w 696277"/>
                  <a:gd name="connsiteY53" fmla="*/ 98108 h 168592"/>
                  <a:gd name="connsiteX54" fmla="*/ 180023 w 696277"/>
                  <a:gd name="connsiteY54" fmla="*/ 111443 h 168592"/>
                  <a:gd name="connsiteX55" fmla="*/ 180023 w 696277"/>
                  <a:gd name="connsiteY55" fmla="*/ 111443 h 168592"/>
                  <a:gd name="connsiteX56" fmla="*/ 607695 w 696277"/>
                  <a:gd name="connsiteY56" fmla="*/ 111443 h 168592"/>
                  <a:gd name="connsiteX57" fmla="*/ 628650 w 696277"/>
                  <a:gd name="connsiteY57" fmla="*/ 135255 h 168592"/>
                  <a:gd name="connsiteX58" fmla="*/ 647700 w 696277"/>
                  <a:gd name="connsiteY58" fmla="*/ 152400 h 168592"/>
                  <a:gd name="connsiteX59" fmla="*/ 634365 w 696277"/>
                  <a:gd name="connsiteY59" fmla="*/ 157163 h 168592"/>
                  <a:gd name="connsiteX60" fmla="*/ 603885 w 696277"/>
                  <a:gd name="connsiteY60" fmla="*/ 157163 h 168592"/>
                  <a:gd name="connsiteX61" fmla="*/ 598170 w 696277"/>
                  <a:gd name="connsiteY61" fmla="*/ 161925 h 168592"/>
                  <a:gd name="connsiteX62" fmla="*/ 597218 w 696277"/>
                  <a:gd name="connsiteY62" fmla="*/ 168593 h 168592"/>
                  <a:gd name="connsiteX63" fmla="*/ 635318 w 696277"/>
                  <a:gd name="connsiteY63" fmla="*/ 168593 h 168592"/>
                  <a:gd name="connsiteX64" fmla="*/ 667703 w 696277"/>
                  <a:gd name="connsiteY64" fmla="*/ 157163 h 168592"/>
                  <a:gd name="connsiteX65" fmla="*/ 664845 w 696277"/>
                  <a:gd name="connsiteY65" fmla="*/ 140970 h 168592"/>
                  <a:gd name="connsiteX66" fmla="*/ 654368 w 696277"/>
                  <a:gd name="connsiteY66" fmla="*/ 133350 h 168592"/>
                  <a:gd name="connsiteX67" fmla="*/ 627698 w 696277"/>
                  <a:gd name="connsiteY67" fmla="*/ 113348 h 168592"/>
                  <a:gd name="connsiteX68" fmla="*/ 639128 w 696277"/>
                  <a:gd name="connsiteY68" fmla="*/ 109538 h 168592"/>
                  <a:gd name="connsiteX69" fmla="*/ 664845 w 696277"/>
                  <a:gd name="connsiteY69" fmla="*/ 109538 h 168592"/>
                  <a:gd name="connsiteX70" fmla="*/ 670560 w 696277"/>
                  <a:gd name="connsiteY70" fmla="*/ 104775 h 168592"/>
                  <a:gd name="connsiteX71" fmla="*/ 671513 w 696277"/>
                  <a:gd name="connsiteY71" fmla="*/ 98108 h 168592"/>
                  <a:gd name="connsiteX72" fmla="*/ 639128 w 696277"/>
                  <a:gd name="connsiteY72" fmla="*/ 98108 h 168592"/>
                  <a:gd name="connsiteX73" fmla="*/ 607695 w 696277"/>
                  <a:gd name="connsiteY73" fmla="*/ 111443 h 168592"/>
                  <a:gd name="connsiteX74" fmla="*/ 607695 w 696277"/>
                  <a:gd name="connsiteY74" fmla="*/ 111443 h 168592"/>
                  <a:gd name="connsiteX75" fmla="*/ 355283 w 696277"/>
                  <a:gd name="connsiteY75" fmla="*/ 59055 h 168592"/>
                  <a:gd name="connsiteX76" fmla="*/ 352425 w 696277"/>
                  <a:gd name="connsiteY76" fmla="*/ 42863 h 168592"/>
                  <a:gd name="connsiteX77" fmla="*/ 341948 w 696277"/>
                  <a:gd name="connsiteY77" fmla="*/ 35243 h 168592"/>
                  <a:gd name="connsiteX78" fmla="*/ 315278 w 696277"/>
                  <a:gd name="connsiteY78" fmla="*/ 15240 h 168592"/>
                  <a:gd name="connsiteX79" fmla="*/ 326708 w 696277"/>
                  <a:gd name="connsiteY79" fmla="*/ 11430 h 168592"/>
                  <a:gd name="connsiteX80" fmla="*/ 352425 w 696277"/>
                  <a:gd name="connsiteY80" fmla="*/ 11430 h 168592"/>
                  <a:gd name="connsiteX81" fmla="*/ 358140 w 696277"/>
                  <a:gd name="connsiteY81" fmla="*/ 6668 h 168592"/>
                  <a:gd name="connsiteX82" fmla="*/ 359092 w 696277"/>
                  <a:gd name="connsiteY82" fmla="*/ 0 h 168592"/>
                  <a:gd name="connsiteX83" fmla="*/ 326708 w 696277"/>
                  <a:gd name="connsiteY83" fmla="*/ 0 h 168592"/>
                  <a:gd name="connsiteX84" fmla="*/ 294323 w 696277"/>
                  <a:gd name="connsiteY84" fmla="*/ 13335 h 168592"/>
                  <a:gd name="connsiteX85" fmla="*/ 315278 w 696277"/>
                  <a:gd name="connsiteY85" fmla="*/ 37148 h 168592"/>
                  <a:gd name="connsiteX86" fmla="*/ 334328 w 696277"/>
                  <a:gd name="connsiteY86" fmla="*/ 54293 h 168592"/>
                  <a:gd name="connsiteX87" fmla="*/ 320992 w 696277"/>
                  <a:gd name="connsiteY87" fmla="*/ 59055 h 168592"/>
                  <a:gd name="connsiteX88" fmla="*/ 290513 w 696277"/>
                  <a:gd name="connsiteY88" fmla="*/ 59055 h 168592"/>
                  <a:gd name="connsiteX89" fmla="*/ 284798 w 696277"/>
                  <a:gd name="connsiteY89" fmla="*/ 63818 h 168592"/>
                  <a:gd name="connsiteX90" fmla="*/ 283845 w 696277"/>
                  <a:gd name="connsiteY90" fmla="*/ 70485 h 168592"/>
                  <a:gd name="connsiteX91" fmla="*/ 321945 w 696277"/>
                  <a:gd name="connsiteY91" fmla="*/ 70485 h 168592"/>
                  <a:gd name="connsiteX92" fmla="*/ 355283 w 696277"/>
                  <a:gd name="connsiteY92" fmla="*/ 59055 h 168592"/>
                  <a:gd name="connsiteX93" fmla="*/ 355283 w 696277"/>
                  <a:gd name="connsiteY93" fmla="*/ 59055 h 168592"/>
                  <a:gd name="connsiteX94" fmla="*/ 273368 w 696277"/>
                  <a:gd name="connsiteY94" fmla="*/ 59055 h 168592"/>
                  <a:gd name="connsiteX95" fmla="*/ 270510 w 696277"/>
                  <a:gd name="connsiteY95" fmla="*/ 42863 h 168592"/>
                  <a:gd name="connsiteX96" fmla="*/ 260033 w 696277"/>
                  <a:gd name="connsiteY96" fmla="*/ 35243 h 168592"/>
                  <a:gd name="connsiteX97" fmla="*/ 233363 w 696277"/>
                  <a:gd name="connsiteY97" fmla="*/ 15240 h 168592"/>
                  <a:gd name="connsiteX98" fmla="*/ 244793 w 696277"/>
                  <a:gd name="connsiteY98" fmla="*/ 11430 h 168592"/>
                  <a:gd name="connsiteX99" fmla="*/ 270510 w 696277"/>
                  <a:gd name="connsiteY99" fmla="*/ 11430 h 168592"/>
                  <a:gd name="connsiteX100" fmla="*/ 276225 w 696277"/>
                  <a:gd name="connsiteY100" fmla="*/ 6668 h 168592"/>
                  <a:gd name="connsiteX101" fmla="*/ 277178 w 696277"/>
                  <a:gd name="connsiteY101" fmla="*/ 0 h 168592"/>
                  <a:gd name="connsiteX102" fmla="*/ 244793 w 696277"/>
                  <a:gd name="connsiteY102" fmla="*/ 0 h 168592"/>
                  <a:gd name="connsiteX103" fmla="*/ 212408 w 696277"/>
                  <a:gd name="connsiteY103" fmla="*/ 13335 h 168592"/>
                  <a:gd name="connsiteX104" fmla="*/ 233363 w 696277"/>
                  <a:gd name="connsiteY104" fmla="*/ 37148 h 168592"/>
                  <a:gd name="connsiteX105" fmla="*/ 252413 w 696277"/>
                  <a:gd name="connsiteY105" fmla="*/ 54293 h 168592"/>
                  <a:gd name="connsiteX106" fmla="*/ 239077 w 696277"/>
                  <a:gd name="connsiteY106" fmla="*/ 59055 h 168592"/>
                  <a:gd name="connsiteX107" fmla="*/ 209550 w 696277"/>
                  <a:gd name="connsiteY107" fmla="*/ 59055 h 168592"/>
                  <a:gd name="connsiteX108" fmla="*/ 203835 w 696277"/>
                  <a:gd name="connsiteY108" fmla="*/ 63818 h 168592"/>
                  <a:gd name="connsiteX109" fmla="*/ 202883 w 696277"/>
                  <a:gd name="connsiteY109" fmla="*/ 70485 h 168592"/>
                  <a:gd name="connsiteX110" fmla="*/ 240983 w 696277"/>
                  <a:gd name="connsiteY110" fmla="*/ 70485 h 168592"/>
                  <a:gd name="connsiteX111" fmla="*/ 273368 w 696277"/>
                  <a:gd name="connsiteY111" fmla="*/ 59055 h 168592"/>
                  <a:gd name="connsiteX112" fmla="*/ 273368 w 696277"/>
                  <a:gd name="connsiteY112" fmla="*/ 59055 h 168592"/>
                  <a:gd name="connsiteX113" fmla="*/ 629603 w 696277"/>
                  <a:gd name="connsiteY113" fmla="*/ 953 h 168592"/>
                  <a:gd name="connsiteX114" fmla="*/ 623888 w 696277"/>
                  <a:gd name="connsiteY114" fmla="*/ 4763 h 168592"/>
                  <a:gd name="connsiteX115" fmla="*/ 622935 w 696277"/>
                  <a:gd name="connsiteY115" fmla="*/ 11430 h 168592"/>
                  <a:gd name="connsiteX116" fmla="*/ 650558 w 696277"/>
                  <a:gd name="connsiteY116" fmla="*/ 11430 h 168592"/>
                  <a:gd name="connsiteX117" fmla="*/ 639128 w 696277"/>
                  <a:gd name="connsiteY117" fmla="*/ 70485 h 168592"/>
                  <a:gd name="connsiteX118" fmla="*/ 651510 w 696277"/>
                  <a:gd name="connsiteY118" fmla="*/ 70485 h 168592"/>
                  <a:gd name="connsiteX119" fmla="*/ 657225 w 696277"/>
                  <a:gd name="connsiteY119" fmla="*/ 65723 h 168592"/>
                  <a:gd name="connsiteX120" fmla="*/ 667703 w 696277"/>
                  <a:gd name="connsiteY120" fmla="*/ 11430 h 168592"/>
                  <a:gd name="connsiteX121" fmla="*/ 690563 w 696277"/>
                  <a:gd name="connsiteY121" fmla="*/ 11430 h 168592"/>
                  <a:gd name="connsiteX122" fmla="*/ 695325 w 696277"/>
                  <a:gd name="connsiteY122" fmla="*/ 7620 h 168592"/>
                  <a:gd name="connsiteX123" fmla="*/ 696278 w 696277"/>
                  <a:gd name="connsiteY123" fmla="*/ 953 h 168592"/>
                  <a:gd name="connsiteX124" fmla="*/ 629603 w 696277"/>
                  <a:gd name="connsiteY124" fmla="*/ 953 h 168592"/>
                  <a:gd name="connsiteX125" fmla="*/ 629603 w 696277"/>
                  <a:gd name="connsiteY125" fmla="*/ 953 h 168592"/>
                  <a:gd name="connsiteX126" fmla="*/ 31432 w 696277"/>
                  <a:gd name="connsiteY126" fmla="*/ 20955 h 168592"/>
                  <a:gd name="connsiteX127" fmla="*/ 28575 w 696277"/>
                  <a:gd name="connsiteY127" fmla="*/ 22860 h 168592"/>
                  <a:gd name="connsiteX128" fmla="*/ 19050 w 696277"/>
                  <a:gd name="connsiteY128" fmla="*/ 70485 h 168592"/>
                  <a:gd name="connsiteX129" fmla="*/ 60007 w 696277"/>
                  <a:gd name="connsiteY129" fmla="*/ 70485 h 168592"/>
                  <a:gd name="connsiteX130" fmla="*/ 103823 w 696277"/>
                  <a:gd name="connsiteY130" fmla="*/ 35243 h 168592"/>
                  <a:gd name="connsiteX131" fmla="*/ 75248 w 696277"/>
                  <a:gd name="connsiteY131" fmla="*/ 953 h 168592"/>
                  <a:gd name="connsiteX132" fmla="*/ 25718 w 696277"/>
                  <a:gd name="connsiteY132" fmla="*/ 953 h 168592"/>
                  <a:gd name="connsiteX133" fmla="*/ 25718 w 696277"/>
                  <a:gd name="connsiteY133" fmla="*/ 1905 h 168592"/>
                  <a:gd name="connsiteX134" fmla="*/ 33338 w 696277"/>
                  <a:gd name="connsiteY134" fmla="*/ 11430 h 168592"/>
                  <a:gd name="connsiteX135" fmla="*/ 69532 w 696277"/>
                  <a:gd name="connsiteY135" fmla="*/ 11430 h 168592"/>
                  <a:gd name="connsiteX136" fmla="*/ 85725 w 696277"/>
                  <a:gd name="connsiteY136" fmla="*/ 35243 h 168592"/>
                  <a:gd name="connsiteX137" fmla="*/ 62865 w 696277"/>
                  <a:gd name="connsiteY137" fmla="*/ 59055 h 168592"/>
                  <a:gd name="connsiteX138" fmla="*/ 38100 w 696277"/>
                  <a:gd name="connsiteY138" fmla="*/ 59055 h 168592"/>
                  <a:gd name="connsiteX139" fmla="*/ 45720 w 696277"/>
                  <a:gd name="connsiteY139" fmla="*/ 19050 h 168592"/>
                  <a:gd name="connsiteX140" fmla="*/ 31432 w 696277"/>
                  <a:gd name="connsiteY140" fmla="*/ 19050 h 168592"/>
                  <a:gd name="connsiteX141" fmla="*/ 31432 w 696277"/>
                  <a:gd name="connsiteY141" fmla="*/ 20955 h 168592"/>
                  <a:gd name="connsiteX142" fmla="*/ 620078 w 696277"/>
                  <a:gd name="connsiteY142" fmla="*/ 64770 h 168592"/>
                  <a:gd name="connsiteX143" fmla="*/ 617220 w 696277"/>
                  <a:gd name="connsiteY143" fmla="*/ 60960 h 168592"/>
                  <a:gd name="connsiteX144" fmla="*/ 580073 w 696277"/>
                  <a:gd name="connsiteY144" fmla="*/ 60960 h 168592"/>
                  <a:gd name="connsiteX145" fmla="*/ 591503 w 696277"/>
                  <a:gd name="connsiteY145" fmla="*/ 4763 h 168592"/>
                  <a:gd name="connsiteX146" fmla="*/ 589598 w 696277"/>
                  <a:gd name="connsiteY146" fmla="*/ 2858 h 168592"/>
                  <a:gd name="connsiteX147" fmla="*/ 574358 w 696277"/>
                  <a:gd name="connsiteY147" fmla="*/ 2858 h 168592"/>
                  <a:gd name="connsiteX148" fmla="*/ 561023 w 696277"/>
                  <a:gd name="connsiteY148" fmla="*/ 72390 h 168592"/>
                  <a:gd name="connsiteX149" fmla="*/ 620078 w 696277"/>
                  <a:gd name="connsiteY149" fmla="*/ 72390 h 168592"/>
                  <a:gd name="connsiteX150" fmla="*/ 620078 w 696277"/>
                  <a:gd name="connsiteY150" fmla="*/ 64770 h 168592"/>
                  <a:gd name="connsiteX151" fmla="*/ 620078 w 696277"/>
                  <a:gd name="connsiteY151" fmla="*/ 64770 h 168592"/>
                  <a:gd name="connsiteX152" fmla="*/ 508635 w 696277"/>
                  <a:gd name="connsiteY152" fmla="*/ 98108 h 168592"/>
                  <a:gd name="connsiteX153" fmla="*/ 492442 w 696277"/>
                  <a:gd name="connsiteY153" fmla="*/ 98108 h 168592"/>
                  <a:gd name="connsiteX154" fmla="*/ 461963 w 696277"/>
                  <a:gd name="connsiteY154" fmla="*/ 124778 h 168592"/>
                  <a:gd name="connsiteX155" fmla="*/ 441960 w 696277"/>
                  <a:gd name="connsiteY155" fmla="*/ 97155 h 168592"/>
                  <a:gd name="connsiteX156" fmla="*/ 425767 w 696277"/>
                  <a:gd name="connsiteY156" fmla="*/ 97155 h 168592"/>
                  <a:gd name="connsiteX157" fmla="*/ 421005 w 696277"/>
                  <a:gd name="connsiteY157" fmla="*/ 101918 h 168592"/>
                  <a:gd name="connsiteX158" fmla="*/ 408623 w 696277"/>
                  <a:gd name="connsiteY158" fmla="*/ 166688 h 168592"/>
                  <a:gd name="connsiteX159" fmla="*/ 421958 w 696277"/>
                  <a:gd name="connsiteY159" fmla="*/ 166688 h 168592"/>
                  <a:gd name="connsiteX160" fmla="*/ 426720 w 696277"/>
                  <a:gd name="connsiteY160" fmla="*/ 162878 h 168592"/>
                  <a:gd name="connsiteX161" fmla="*/ 436245 w 696277"/>
                  <a:gd name="connsiteY161" fmla="*/ 114300 h 168592"/>
                  <a:gd name="connsiteX162" fmla="*/ 451485 w 696277"/>
                  <a:gd name="connsiteY162" fmla="*/ 136208 h 168592"/>
                  <a:gd name="connsiteX163" fmla="*/ 455295 w 696277"/>
                  <a:gd name="connsiteY163" fmla="*/ 138113 h 168592"/>
                  <a:gd name="connsiteX164" fmla="*/ 461963 w 696277"/>
                  <a:gd name="connsiteY164" fmla="*/ 138113 h 168592"/>
                  <a:gd name="connsiteX165" fmla="*/ 466725 w 696277"/>
                  <a:gd name="connsiteY165" fmla="*/ 136208 h 168592"/>
                  <a:gd name="connsiteX166" fmla="*/ 490538 w 696277"/>
                  <a:gd name="connsiteY166" fmla="*/ 114300 h 168592"/>
                  <a:gd name="connsiteX167" fmla="*/ 481013 w 696277"/>
                  <a:gd name="connsiteY167" fmla="*/ 162878 h 168592"/>
                  <a:gd name="connsiteX168" fmla="*/ 484823 w 696277"/>
                  <a:gd name="connsiteY168" fmla="*/ 166688 h 168592"/>
                  <a:gd name="connsiteX169" fmla="*/ 498158 w 696277"/>
                  <a:gd name="connsiteY169" fmla="*/ 166688 h 168592"/>
                  <a:gd name="connsiteX170" fmla="*/ 510540 w 696277"/>
                  <a:gd name="connsiteY170" fmla="*/ 101918 h 168592"/>
                  <a:gd name="connsiteX171" fmla="*/ 508635 w 696277"/>
                  <a:gd name="connsiteY171" fmla="*/ 98108 h 168592"/>
                  <a:gd name="connsiteX172" fmla="*/ 508635 w 696277"/>
                  <a:gd name="connsiteY172" fmla="*/ 98108 h 168592"/>
                  <a:gd name="connsiteX173" fmla="*/ 340995 w 696277"/>
                  <a:gd name="connsiteY173" fmla="*/ 102870 h 168592"/>
                  <a:gd name="connsiteX174" fmla="*/ 328613 w 696277"/>
                  <a:gd name="connsiteY174" fmla="*/ 167640 h 168592"/>
                  <a:gd name="connsiteX175" fmla="*/ 393383 w 696277"/>
                  <a:gd name="connsiteY175" fmla="*/ 167640 h 168592"/>
                  <a:gd name="connsiteX176" fmla="*/ 394335 w 696277"/>
                  <a:gd name="connsiteY176" fmla="*/ 160973 h 168592"/>
                  <a:gd name="connsiteX177" fmla="*/ 390525 w 696277"/>
                  <a:gd name="connsiteY177" fmla="*/ 157163 h 168592"/>
                  <a:gd name="connsiteX178" fmla="*/ 347663 w 696277"/>
                  <a:gd name="connsiteY178" fmla="*/ 157163 h 168592"/>
                  <a:gd name="connsiteX179" fmla="*/ 351473 w 696277"/>
                  <a:gd name="connsiteY179" fmla="*/ 138113 h 168592"/>
                  <a:gd name="connsiteX180" fmla="*/ 389573 w 696277"/>
                  <a:gd name="connsiteY180" fmla="*/ 138113 h 168592"/>
                  <a:gd name="connsiteX181" fmla="*/ 391478 w 696277"/>
                  <a:gd name="connsiteY181" fmla="*/ 136208 h 168592"/>
                  <a:gd name="connsiteX182" fmla="*/ 393383 w 696277"/>
                  <a:gd name="connsiteY182" fmla="*/ 128588 h 168592"/>
                  <a:gd name="connsiteX183" fmla="*/ 392430 w 696277"/>
                  <a:gd name="connsiteY183" fmla="*/ 126683 h 168592"/>
                  <a:gd name="connsiteX184" fmla="*/ 354330 w 696277"/>
                  <a:gd name="connsiteY184" fmla="*/ 126683 h 168592"/>
                  <a:gd name="connsiteX185" fmla="*/ 358140 w 696277"/>
                  <a:gd name="connsiteY185" fmla="*/ 107633 h 168592"/>
                  <a:gd name="connsiteX186" fmla="*/ 399098 w 696277"/>
                  <a:gd name="connsiteY186" fmla="*/ 107633 h 168592"/>
                  <a:gd name="connsiteX187" fmla="*/ 403860 w 696277"/>
                  <a:gd name="connsiteY187" fmla="*/ 104775 h 168592"/>
                  <a:gd name="connsiteX188" fmla="*/ 405765 w 696277"/>
                  <a:gd name="connsiteY188" fmla="*/ 96203 h 168592"/>
                  <a:gd name="connsiteX189" fmla="*/ 347663 w 696277"/>
                  <a:gd name="connsiteY189" fmla="*/ 96203 h 168592"/>
                  <a:gd name="connsiteX190" fmla="*/ 340995 w 696277"/>
                  <a:gd name="connsiteY190" fmla="*/ 102870 h 168592"/>
                  <a:gd name="connsiteX191" fmla="*/ 340995 w 696277"/>
                  <a:gd name="connsiteY191" fmla="*/ 102870 h 168592"/>
                  <a:gd name="connsiteX192" fmla="*/ 532448 w 696277"/>
                  <a:gd name="connsiteY192" fmla="*/ 102870 h 168592"/>
                  <a:gd name="connsiteX193" fmla="*/ 520065 w 696277"/>
                  <a:gd name="connsiteY193" fmla="*/ 167640 h 168592"/>
                  <a:gd name="connsiteX194" fmla="*/ 584835 w 696277"/>
                  <a:gd name="connsiteY194" fmla="*/ 167640 h 168592"/>
                  <a:gd name="connsiteX195" fmla="*/ 585788 w 696277"/>
                  <a:gd name="connsiteY195" fmla="*/ 160973 h 168592"/>
                  <a:gd name="connsiteX196" fmla="*/ 581978 w 696277"/>
                  <a:gd name="connsiteY196" fmla="*/ 157163 h 168592"/>
                  <a:gd name="connsiteX197" fmla="*/ 539115 w 696277"/>
                  <a:gd name="connsiteY197" fmla="*/ 157163 h 168592"/>
                  <a:gd name="connsiteX198" fmla="*/ 542925 w 696277"/>
                  <a:gd name="connsiteY198" fmla="*/ 138113 h 168592"/>
                  <a:gd name="connsiteX199" fmla="*/ 581025 w 696277"/>
                  <a:gd name="connsiteY199" fmla="*/ 138113 h 168592"/>
                  <a:gd name="connsiteX200" fmla="*/ 582930 w 696277"/>
                  <a:gd name="connsiteY200" fmla="*/ 136208 h 168592"/>
                  <a:gd name="connsiteX201" fmla="*/ 584835 w 696277"/>
                  <a:gd name="connsiteY201" fmla="*/ 128588 h 168592"/>
                  <a:gd name="connsiteX202" fmla="*/ 583883 w 696277"/>
                  <a:gd name="connsiteY202" fmla="*/ 126683 h 168592"/>
                  <a:gd name="connsiteX203" fmla="*/ 545783 w 696277"/>
                  <a:gd name="connsiteY203" fmla="*/ 126683 h 168592"/>
                  <a:gd name="connsiteX204" fmla="*/ 549593 w 696277"/>
                  <a:gd name="connsiteY204" fmla="*/ 107633 h 168592"/>
                  <a:gd name="connsiteX205" fmla="*/ 590550 w 696277"/>
                  <a:gd name="connsiteY205" fmla="*/ 107633 h 168592"/>
                  <a:gd name="connsiteX206" fmla="*/ 595313 w 696277"/>
                  <a:gd name="connsiteY206" fmla="*/ 104775 h 168592"/>
                  <a:gd name="connsiteX207" fmla="*/ 597218 w 696277"/>
                  <a:gd name="connsiteY207" fmla="*/ 96203 h 168592"/>
                  <a:gd name="connsiteX208" fmla="*/ 539115 w 696277"/>
                  <a:gd name="connsiteY208" fmla="*/ 96203 h 168592"/>
                  <a:gd name="connsiteX209" fmla="*/ 532448 w 696277"/>
                  <a:gd name="connsiteY209" fmla="*/ 102870 h 168592"/>
                  <a:gd name="connsiteX210" fmla="*/ 532448 w 696277"/>
                  <a:gd name="connsiteY210" fmla="*/ 102870 h 168592"/>
                  <a:gd name="connsiteX211" fmla="*/ 145733 w 696277"/>
                  <a:gd name="connsiteY211" fmla="*/ 100013 h 168592"/>
                  <a:gd name="connsiteX212" fmla="*/ 140018 w 696277"/>
                  <a:gd name="connsiteY212" fmla="*/ 131445 h 168592"/>
                  <a:gd name="connsiteX213" fmla="*/ 105727 w 696277"/>
                  <a:gd name="connsiteY213" fmla="*/ 118110 h 168592"/>
                  <a:gd name="connsiteX214" fmla="*/ 109538 w 696277"/>
                  <a:gd name="connsiteY214" fmla="*/ 97155 h 168592"/>
                  <a:gd name="connsiteX215" fmla="*/ 95250 w 696277"/>
                  <a:gd name="connsiteY215" fmla="*/ 97155 h 168592"/>
                  <a:gd name="connsiteX216" fmla="*/ 92393 w 696277"/>
                  <a:gd name="connsiteY216" fmla="*/ 99060 h 168592"/>
                  <a:gd name="connsiteX217" fmla="*/ 88582 w 696277"/>
                  <a:gd name="connsiteY217" fmla="*/ 118110 h 168592"/>
                  <a:gd name="connsiteX218" fmla="*/ 138113 w 696277"/>
                  <a:gd name="connsiteY218" fmla="*/ 142875 h 168592"/>
                  <a:gd name="connsiteX219" fmla="*/ 133350 w 696277"/>
                  <a:gd name="connsiteY219" fmla="*/ 167640 h 168592"/>
                  <a:gd name="connsiteX220" fmla="*/ 145733 w 696277"/>
                  <a:gd name="connsiteY220" fmla="*/ 167640 h 168592"/>
                  <a:gd name="connsiteX221" fmla="*/ 151448 w 696277"/>
                  <a:gd name="connsiteY221" fmla="*/ 162878 h 168592"/>
                  <a:gd name="connsiteX222" fmla="*/ 163830 w 696277"/>
                  <a:gd name="connsiteY222" fmla="*/ 98108 h 168592"/>
                  <a:gd name="connsiteX223" fmla="*/ 148590 w 696277"/>
                  <a:gd name="connsiteY223" fmla="*/ 98108 h 168592"/>
                  <a:gd name="connsiteX224" fmla="*/ 145733 w 696277"/>
                  <a:gd name="connsiteY224" fmla="*/ 100013 h 168592"/>
                  <a:gd name="connsiteX225" fmla="*/ 145733 w 696277"/>
                  <a:gd name="connsiteY225" fmla="*/ 100013 h 168592"/>
                  <a:gd name="connsiteX226" fmla="*/ 330517 w 696277"/>
                  <a:gd name="connsiteY226" fmla="*/ 104775 h 168592"/>
                  <a:gd name="connsiteX227" fmla="*/ 331470 w 696277"/>
                  <a:gd name="connsiteY227" fmla="*/ 98108 h 168592"/>
                  <a:gd name="connsiteX228" fmla="*/ 264795 w 696277"/>
                  <a:gd name="connsiteY228" fmla="*/ 98108 h 168592"/>
                  <a:gd name="connsiteX229" fmla="*/ 259080 w 696277"/>
                  <a:gd name="connsiteY229" fmla="*/ 101918 h 168592"/>
                  <a:gd name="connsiteX230" fmla="*/ 257175 w 696277"/>
                  <a:gd name="connsiteY230" fmla="*/ 108585 h 168592"/>
                  <a:gd name="connsiteX231" fmla="*/ 284798 w 696277"/>
                  <a:gd name="connsiteY231" fmla="*/ 108585 h 168592"/>
                  <a:gd name="connsiteX232" fmla="*/ 273368 w 696277"/>
                  <a:gd name="connsiteY232" fmla="*/ 167640 h 168592"/>
                  <a:gd name="connsiteX233" fmla="*/ 285750 w 696277"/>
                  <a:gd name="connsiteY233" fmla="*/ 167640 h 168592"/>
                  <a:gd name="connsiteX234" fmla="*/ 291465 w 696277"/>
                  <a:gd name="connsiteY234" fmla="*/ 162878 h 168592"/>
                  <a:gd name="connsiteX235" fmla="*/ 301942 w 696277"/>
                  <a:gd name="connsiteY235" fmla="*/ 108585 h 168592"/>
                  <a:gd name="connsiteX236" fmla="*/ 324803 w 696277"/>
                  <a:gd name="connsiteY236" fmla="*/ 108585 h 168592"/>
                  <a:gd name="connsiteX237" fmla="*/ 330517 w 696277"/>
                  <a:gd name="connsiteY237" fmla="*/ 104775 h 168592"/>
                  <a:gd name="connsiteX238" fmla="*/ 330517 w 696277"/>
                  <a:gd name="connsiteY238" fmla="*/ 104775 h 168592"/>
                  <a:gd name="connsiteX239" fmla="*/ 138113 w 696277"/>
                  <a:gd name="connsiteY239" fmla="*/ 30480 h 168592"/>
                  <a:gd name="connsiteX240" fmla="*/ 162877 w 696277"/>
                  <a:gd name="connsiteY240" fmla="*/ 12383 h 168592"/>
                  <a:gd name="connsiteX241" fmla="*/ 179070 w 696277"/>
                  <a:gd name="connsiteY241" fmla="*/ 30480 h 168592"/>
                  <a:gd name="connsiteX242" fmla="*/ 178118 w 696277"/>
                  <a:gd name="connsiteY242" fmla="*/ 34290 h 168592"/>
                  <a:gd name="connsiteX243" fmla="*/ 173355 w 696277"/>
                  <a:gd name="connsiteY243" fmla="*/ 39053 h 168592"/>
                  <a:gd name="connsiteX244" fmla="*/ 136208 w 696277"/>
                  <a:gd name="connsiteY244" fmla="*/ 39053 h 168592"/>
                  <a:gd name="connsiteX245" fmla="*/ 138113 w 696277"/>
                  <a:gd name="connsiteY245" fmla="*/ 30480 h 168592"/>
                  <a:gd name="connsiteX246" fmla="*/ 138113 w 696277"/>
                  <a:gd name="connsiteY246" fmla="*/ 30480 h 168592"/>
                  <a:gd name="connsiteX247" fmla="*/ 117157 w 696277"/>
                  <a:gd name="connsiteY247" fmla="*/ 71438 h 168592"/>
                  <a:gd name="connsiteX248" fmla="*/ 130493 w 696277"/>
                  <a:gd name="connsiteY248" fmla="*/ 71438 h 168592"/>
                  <a:gd name="connsiteX249" fmla="*/ 134302 w 696277"/>
                  <a:gd name="connsiteY249" fmla="*/ 51435 h 168592"/>
                  <a:gd name="connsiteX250" fmla="*/ 175260 w 696277"/>
                  <a:gd name="connsiteY250" fmla="*/ 51435 h 168592"/>
                  <a:gd name="connsiteX251" fmla="*/ 171450 w 696277"/>
                  <a:gd name="connsiteY251" fmla="*/ 71438 h 168592"/>
                  <a:gd name="connsiteX252" fmla="*/ 184785 w 696277"/>
                  <a:gd name="connsiteY252" fmla="*/ 71438 h 168592"/>
                  <a:gd name="connsiteX253" fmla="*/ 188595 w 696277"/>
                  <a:gd name="connsiteY253" fmla="*/ 68580 h 168592"/>
                  <a:gd name="connsiteX254" fmla="*/ 195263 w 696277"/>
                  <a:gd name="connsiteY254" fmla="*/ 33338 h 168592"/>
                  <a:gd name="connsiteX255" fmla="*/ 164783 w 696277"/>
                  <a:gd name="connsiteY255" fmla="*/ 953 h 168592"/>
                  <a:gd name="connsiteX256" fmla="*/ 120968 w 696277"/>
                  <a:gd name="connsiteY256" fmla="*/ 33338 h 168592"/>
                  <a:gd name="connsiteX257" fmla="*/ 114300 w 696277"/>
                  <a:gd name="connsiteY257" fmla="*/ 67628 h 168592"/>
                  <a:gd name="connsiteX258" fmla="*/ 117157 w 696277"/>
                  <a:gd name="connsiteY258" fmla="*/ 71438 h 168592"/>
                  <a:gd name="connsiteX259" fmla="*/ 117157 w 696277"/>
                  <a:gd name="connsiteY259" fmla="*/ 71438 h 168592"/>
                  <a:gd name="connsiteX260" fmla="*/ 394335 w 696277"/>
                  <a:gd name="connsiteY260" fmla="*/ 30480 h 168592"/>
                  <a:gd name="connsiteX261" fmla="*/ 419100 w 696277"/>
                  <a:gd name="connsiteY261" fmla="*/ 12383 h 168592"/>
                  <a:gd name="connsiteX262" fmla="*/ 435292 w 696277"/>
                  <a:gd name="connsiteY262" fmla="*/ 30480 h 168592"/>
                  <a:gd name="connsiteX263" fmla="*/ 434340 w 696277"/>
                  <a:gd name="connsiteY263" fmla="*/ 34290 h 168592"/>
                  <a:gd name="connsiteX264" fmla="*/ 429578 w 696277"/>
                  <a:gd name="connsiteY264" fmla="*/ 39053 h 168592"/>
                  <a:gd name="connsiteX265" fmla="*/ 392430 w 696277"/>
                  <a:gd name="connsiteY265" fmla="*/ 39053 h 168592"/>
                  <a:gd name="connsiteX266" fmla="*/ 394335 w 696277"/>
                  <a:gd name="connsiteY266" fmla="*/ 30480 h 168592"/>
                  <a:gd name="connsiteX267" fmla="*/ 394335 w 696277"/>
                  <a:gd name="connsiteY267" fmla="*/ 30480 h 168592"/>
                  <a:gd name="connsiteX268" fmla="*/ 373380 w 696277"/>
                  <a:gd name="connsiteY268" fmla="*/ 71438 h 168592"/>
                  <a:gd name="connsiteX269" fmla="*/ 386715 w 696277"/>
                  <a:gd name="connsiteY269" fmla="*/ 71438 h 168592"/>
                  <a:gd name="connsiteX270" fmla="*/ 390525 w 696277"/>
                  <a:gd name="connsiteY270" fmla="*/ 51435 h 168592"/>
                  <a:gd name="connsiteX271" fmla="*/ 431483 w 696277"/>
                  <a:gd name="connsiteY271" fmla="*/ 51435 h 168592"/>
                  <a:gd name="connsiteX272" fmla="*/ 427673 w 696277"/>
                  <a:gd name="connsiteY272" fmla="*/ 71438 h 168592"/>
                  <a:gd name="connsiteX273" fmla="*/ 441008 w 696277"/>
                  <a:gd name="connsiteY273" fmla="*/ 71438 h 168592"/>
                  <a:gd name="connsiteX274" fmla="*/ 444817 w 696277"/>
                  <a:gd name="connsiteY274" fmla="*/ 68580 h 168592"/>
                  <a:gd name="connsiteX275" fmla="*/ 451485 w 696277"/>
                  <a:gd name="connsiteY275" fmla="*/ 33338 h 168592"/>
                  <a:gd name="connsiteX276" fmla="*/ 421005 w 696277"/>
                  <a:gd name="connsiteY276" fmla="*/ 953 h 168592"/>
                  <a:gd name="connsiteX277" fmla="*/ 377190 w 696277"/>
                  <a:gd name="connsiteY277" fmla="*/ 33338 h 168592"/>
                  <a:gd name="connsiteX278" fmla="*/ 370523 w 696277"/>
                  <a:gd name="connsiteY278" fmla="*/ 67628 h 168592"/>
                  <a:gd name="connsiteX279" fmla="*/ 373380 w 696277"/>
                  <a:gd name="connsiteY279" fmla="*/ 71438 h 168592"/>
                  <a:gd name="connsiteX280" fmla="*/ 373380 w 696277"/>
                  <a:gd name="connsiteY280" fmla="*/ 71438 h 1685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 ang="0">
                    <a:pos x="connsiteX278" y="connsiteY278"/>
                  </a:cxn>
                  <a:cxn ang="0">
                    <a:pos x="connsiteX279" y="connsiteY279"/>
                  </a:cxn>
                  <a:cxn ang="0">
                    <a:pos x="connsiteX280" y="connsiteY280"/>
                  </a:cxn>
                </a:cxnLst>
                <a:rect l="l" t="t" r="r" b="b"/>
                <a:pathLst>
                  <a:path w="696277" h="168592">
                    <a:moveTo>
                      <a:pt x="501015" y="72390"/>
                    </a:moveTo>
                    <a:cubicBezTo>
                      <a:pt x="529590" y="72390"/>
                      <a:pt x="541020" y="62865"/>
                      <a:pt x="545783" y="40005"/>
                    </a:cubicBezTo>
                    <a:lnTo>
                      <a:pt x="552450" y="4763"/>
                    </a:lnTo>
                    <a:cubicBezTo>
                      <a:pt x="552450" y="2858"/>
                      <a:pt x="551498" y="1905"/>
                      <a:pt x="549593" y="1905"/>
                    </a:cubicBezTo>
                    <a:lnTo>
                      <a:pt x="535305" y="1905"/>
                    </a:lnTo>
                    <a:lnTo>
                      <a:pt x="531495" y="21908"/>
                    </a:lnTo>
                    <a:lnTo>
                      <a:pt x="529590" y="32385"/>
                    </a:lnTo>
                    <a:lnTo>
                      <a:pt x="527685" y="41910"/>
                    </a:lnTo>
                    <a:cubicBezTo>
                      <a:pt x="524828" y="55245"/>
                      <a:pt x="517208" y="60960"/>
                      <a:pt x="502920" y="60960"/>
                    </a:cubicBezTo>
                    <a:cubicBezTo>
                      <a:pt x="487680" y="60960"/>
                      <a:pt x="482917" y="55245"/>
                      <a:pt x="485775" y="41910"/>
                    </a:cubicBezTo>
                    <a:cubicBezTo>
                      <a:pt x="485775" y="41910"/>
                      <a:pt x="486728" y="39053"/>
                      <a:pt x="486728" y="38100"/>
                    </a:cubicBezTo>
                    <a:lnTo>
                      <a:pt x="489585" y="21908"/>
                    </a:lnTo>
                    <a:lnTo>
                      <a:pt x="493395" y="1905"/>
                    </a:lnTo>
                    <a:lnTo>
                      <a:pt x="479108" y="1905"/>
                    </a:lnTo>
                    <a:cubicBezTo>
                      <a:pt x="477203" y="1905"/>
                      <a:pt x="475298" y="2858"/>
                      <a:pt x="475298" y="4763"/>
                    </a:cubicBezTo>
                    <a:lnTo>
                      <a:pt x="468630" y="40005"/>
                    </a:lnTo>
                    <a:cubicBezTo>
                      <a:pt x="463867" y="64770"/>
                      <a:pt x="476250" y="72390"/>
                      <a:pt x="501015" y="72390"/>
                    </a:cubicBezTo>
                    <a:lnTo>
                      <a:pt x="501015" y="72390"/>
                    </a:lnTo>
                    <a:close/>
                    <a:moveTo>
                      <a:pt x="10477" y="111443"/>
                    </a:moveTo>
                    <a:cubicBezTo>
                      <a:pt x="8573" y="120968"/>
                      <a:pt x="16193" y="125730"/>
                      <a:pt x="31432" y="135255"/>
                    </a:cubicBezTo>
                    <a:cubicBezTo>
                      <a:pt x="48577" y="145733"/>
                      <a:pt x="52388" y="146685"/>
                      <a:pt x="50482" y="152400"/>
                    </a:cubicBezTo>
                    <a:cubicBezTo>
                      <a:pt x="49530" y="157163"/>
                      <a:pt x="44768" y="157163"/>
                      <a:pt x="37148" y="157163"/>
                    </a:cubicBezTo>
                    <a:lnTo>
                      <a:pt x="6668" y="157163"/>
                    </a:lnTo>
                    <a:cubicBezTo>
                      <a:pt x="2857" y="157163"/>
                      <a:pt x="952" y="158115"/>
                      <a:pt x="952" y="161925"/>
                    </a:cubicBezTo>
                    <a:lnTo>
                      <a:pt x="0" y="167640"/>
                    </a:lnTo>
                    <a:lnTo>
                      <a:pt x="38100" y="167640"/>
                    </a:lnTo>
                    <a:cubicBezTo>
                      <a:pt x="55245" y="167640"/>
                      <a:pt x="66675" y="166688"/>
                      <a:pt x="70485" y="156210"/>
                    </a:cubicBezTo>
                    <a:cubicBezTo>
                      <a:pt x="72390" y="151448"/>
                      <a:pt x="72390" y="145733"/>
                      <a:pt x="67627" y="140018"/>
                    </a:cubicBezTo>
                    <a:cubicBezTo>
                      <a:pt x="64770" y="137160"/>
                      <a:pt x="61913" y="135255"/>
                      <a:pt x="57150" y="132398"/>
                    </a:cubicBezTo>
                    <a:cubicBezTo>
                      <a:pt x="35243" y="120015"/>
                      <a:pt x="29527" y="119063"/>
                      <a:pt x="30480" y="112395"/>
                    </a:cubicBezTo>
                    <a:cubicBezTo>
                      <a:pt x="31432" y="108585"/>
                      <a:pt x="33338" y="108585"/>
                      <a:pt x="41910" y="108585"/>
                    </a:cubicBezTo>
                    <a:lnTo>
                      <a:pt x="67627" y="108585"/>
                    </a:lnTo>
                    <a:cubicBezTo>
                      <a:pt x="71438" y="108585"/>
                      <a:pt x="73343" y="107633"/>
                      <a:pt x="73343" y="103823"/>
                    </a:cubicBezTo>
                    <a:lnTo>
                      <a:pt x="74295" y="97155"/>
                    </a:lnTo>
                    <a:lnTo>
                      <a:pt x="41910" y="97155"/>
                    </a:lnTo>
                    <a:cubicBezTo>
                      <a:pt x="24765" y="98108"/>
                      <a:pt x="13335" y="98108"/>
                      <a:pt x="10477" y="111443"/>
                    </a:cubicBezTo>
                    <a:lnTo>
                      <a:pt x="10477" y="111443"/>
                    </a:lnTo>
                    <a:close/>
                    <a:moveTo>
                      <a:pt x="180023" y="111443"/>
                    </a:moveTo>
                    <a:cubicBezTo>
                      <a:pt x="178118" y="120968"/>
                      <a:pt x="185738" y="125730"/>
                      <a:pt x="200977" y="135255"/>
                    </a:cubicBezTo>
                    <a:cubicBezTo>
                      <a:pt x="218123" y="145733"/>
                      <a:pt x="221933" y="146685"/>
                      <a:pt x="220027" y="152400"/>
                    </a:cubicBezTo>
                    <a:cubicBezTo>
                      <a:pt x="219075" y="157163"/>
                      <a:pt x="214313" y="157163"/>
                      <a:pt x="206693" y="157163"/>
                    </a:cubicBezTo>
                    <a:lnTo>
                      <a:pt x="176213" y="157163"/>
                    </a:lnTo>
                    <a:cubicBezTo>
                      <a:pt x="172402" y="157163"/>
                      <a:pt x="170498" y="158115"/>
                      <a:pt x="170498" y="161925"/>
                    </a:cubicBezTo>
                    <a:lnTo>
                      <a:pt x="169545" y="168593"/>
                    </a:lnTo>
                    <a:lnTo>
                      <a:pt x="207645" y="168593"/>
                    </a:lnTo>
                    <a:cubicBezTo>
                      <a:pt x="224790" y="168593"/>
                      <a:pt x="236220" y="167640"/>
                      <a:pt x="240030" y="157163"/>
                    </a:cubicBezTo>
                    <a:cubicBezTo>
                      <a:pt x="241935" y="152400"/>
                      <a:pt x="241935" y="146685"/>
                      <a:pt x="237173" y="140970"/>
                    </a:cubicBezTo>
                    <a:cubicBezTo>
                      <a:pt x="234315" y="138113"/>
                      <a:pt x="231458" y="136208"/>
                      <a:pt x="226695" y="133350"/>
                    </a:cubicBezTo>
                    <a:cubicBezTo>
                      <a:pt x="204788" y="120968"/>
                      <a:pt x="199073" y="120015"/>
                      <a:pt x="200025" y="113348"/>
                    </a:cubicBezTo>
                    <a:cubicBezTo>
                      <a:pt x="200977" y="109538"/>
                      <a:pt x="202883" y="109538"/>
                      <a:pt x="211455" y="109538"/>
                    </a:cubicBezTo>
                    <a:lnTo>
                      <a:pt x="237173" y="109538"/>
                    </a:lnTo>
                    <a:cubicBezTo>
                      <a:pt x="240983" y="109538"/>
                      <a:pt x="242888" y="108585"/>
                      <a:pt x="242888" y="104775"/>
                    </a:cubicBezTo>
                    <a:lnTo>
                      <a:pt x="243840" y="98108"/>
                    </a:lnTo>
                    <a:lnTo>
                      <a:pt x="211455" y="98108"/>
                    </a:lnTo>
                    <a:cubicBezTo>
                      <a:pt x="193358" y="98108"/>
                      <a:pt x="182880" y="98108"/>
                      <a:pt x="180023" y="111443"/>
                    </a:cubicBezTo>
                    <a:lnTo>
                      <a:pt x="180023" y="111443"/>
                    </a:lnTo>
                    <a:close/>
                    <a:moveTo>
                      <a:pt x="607695" y="111443"/>
                    </a:moveTo>
                    <a:cubicBezTo>
                      <a:pt x="605790" y="120968"/>
                      <a:pt x="613410" y="125730"/>
                      <a:pt x="628650" y="135255"/>
                    </a:cubicBezTo>
                    <a:cubicBezTo>
                      <a:pt x="645795" y="145733"/>
                      <a:pt x="649605" y="146685"/>
                      <a:pt x="647700" y="152400"/>
                    </a:cubicBezTo>
                    <a:cubicBezTo>
                      <a:pt x="646748" y="157163"/>
                      <a:pt x="641985" y="157163"/>
                      <a:pt x="634365" y="157163"/>
                    </a:cubicBezTo>
                    <a:lnTo>
                      <a:pt x="603885" y="157163"/>
                    </a:lnTo>
                    <a:cubicBezTo>
                      <a:pt x="600075" y="157163"/>
                      <a:pt x="598170" y="158115"/>
                      <a:pt x="598170" y="161925"/>
                    </a:cubicBezTo>
                    <a:lnTo>
                      <a:pt x="597218" y="168593"/>
                    </a:lnTo>
                    <a:lnTo>
                      <a:pt x="635318" y="168593"/>
                    </a:lnTo>
                    <a:cubicBezTo>
                      <a:pt x="652463" y="168593"/>
                      <a:pt x="663893" y="167640"/>
                      <a:pt x="667703" y="157163"/>
                    </a:cubicBezTo>
                    <a:cubicBezTo>
                      <a:pt x="669608" y="152400"/>
                      <a:pt x="669608" y="146685"/>
                      <a:pt x="664845" y="140970"/>
                    </a:cubicBezTo>
                    <a:cubicBezTo>
                      <a:pt x="661988" y="138113"/>
                      <a:pt x="659130" y="136208"/>
                      <a:pt x="654368" y="133350"/>
                    </a:cubicBezTo>
                    <a:cubicBezTo>
                      <a:pt x="632460" y="120968"/>
                      <a:pt x="626745" y="120015"/>
                      <a:pt x="627698" y="113348"/>
                    </a:cubicBezTo>
                    <a:cubicBezTo>
                      <a:pt x="628650" y="109538"/>
                      <a:pt x="630555" y="109538"/>
                      <a:pt x="639128" y="109538"/>
                    </a:cubicBezTo>
                    <a:lnTo>
                      <a:pt x="664845" y="109538"/>
                    </a:lnTo>
                    <a:cubicBezTo>
                      <a:pt x="668655" y="109538"/>
                      <a:pt x="670560" y="108585"/>
                      <a:pt x="670560" y="104775"/>
                    </a:cubicBezTo>
                    <a:lnTo>
                      <a:pt x="671513" y="98108"/>
                    </a:lnTo>
                    <a:lnTo>
                      <a:pt x="639128" y="98108"/>
                    </a:lnTo>
                    <a:cubicBezTo>
                      <a:pt x="621030" y="98108"/>
                      <a:pt x="610553" y="98108"/>
                      <a:pt x="607695" y="111443"/>
                    </a:cubicBezTo>
                    <a:lnTo>
                      <a:pt x="607695" y="111443"/>
                    </a:lnTo>
                    <a:close/>
                    <a:moveTo>
                      <a:pt x="355283" y="59055"/>
                    </a:moveTo>
                    <a:cubicBezTo>
                      <a:pt x="357188" y="54293"/>
                      <a:pt x="357188" y="48578"/>
                      <a:pt x="352425" y="42863"/>
                    </a:cubicBezTo>
                    <a:cubicBezTo>
                      <a:pt x="349567" y="40005"/>
                      <a:pt x="346710" y="38100"/>
                      <a:pt x="341948" y="35243"/>
                    </a:cubicBezTo>
                    <a:cubicBezTo>
                      <a:pt x="320040" y="22860"/>
                      <a:pt x="314325" y="21908"/>
                      <a:pt x="315278" y="15240"/>
                    </a:cubicBezTo>
                    <a:cubicBezTo>
                      <a:pt x="316230" y="11430"/>
                      <a:pt x="318135" y="11430"/>
                      <a:pt x="326708" y="11430"/>
                    </a:cubicBezTo>
                    <a:lnTo>
                      <a:pt x="352425" y="11430"/>
                    </a:lnTo>
                    <a:cubicBezTo>
                      <a:pt x="356235" y="11430"/>
                      <a:pt x="358140" y="10478"/>
                      <a:pt x="358140" y="6668"/>
                    </a:cubicBezTo>
                    <a:lnTo>
                      <a:pt x="359092" y="0"/>
                    </a:lnTo>
                    <a:lnTo>
                      <a:pt x="326708" y="0"/>
                    </a:lnTo>
                    <a:cubicBezTo>
                      <a:pt x="308610" y="0"/>
                      <a:pt x="297180" y="0"/>
                      <a:pt x="294323" y="13335"/>
                    </a:cubicBezTo>
                    <a:cubicBezTo>
                      <a:pt x="292417" y="22860"/>
                      <a:pt x="300038" y="27623"/>
                      <a:pt x="315278" y="37148"/>
                    </a:cubicBezTo>
                    <a:cubicBezTo>
                      <a:pt x="332423" y="47625"/>
                      <a:pt x="336233" y="48578"/>
                      <a:pt x="334328" y="54293"/>
                    </a:cubicBezTo>
                    <a:cubicBezTo>
                      <a:pt x="333375" y="59055"/>
                      <a:pt x="328613" y="59055"/>
                      <a:pt x="320992" y="59055"/>
                    </a:cubicBezTo>
                    <a:lnTo>
                      <a:pt x="290513" y="59055"/>
                    </a:lnTo>
                    <a:cubicBezTo>
                      <a:pt x="286703" y="59055"/>
                      <a:pt x="284798" y="60008"/>
                      <a:pt x="284798" y="63818"/>
                    </a:cubicBezTo>
                    <a:lnTo>
                      <a:pt x="283845" y="70485"/>
                    </a:lnTo>
                    <a:lnTo>
                      <a:pt x="321945" y="70485"/>
                    </a:lnTo>
                    <a:cubicBezTo>
                      <a:pt x="340042" y="71438"/>
                      <a:pt x="350520" y="69533"/>
                      <a:pt x="355283" y="59055"/>
                    </a:cubicBezTo>
                    <a:lnTo>
                      <a:pt x="355283" y="59055"/>
                    </a:lnTo>
                    <a:close/>
                    <a:moveTo>
                      <a:pt x="273368" y="59055"/>
                    </a:moveTo>
                    <a:cubicBezTo>
                      <a:pt x="275273" y="54293"/>
                      <a:pt x="275273" y="48578"/>
                      <a:pt x="270510" y="42863"/>
                    </a:cubicBezTo>
                    <a:cubicBezTo>
                      <a:pt x="267653" y="40005"/>
                      <a:pt x="264795" y="38100"/>
                      <a:pt x="260033" y="35243"/>
                    </a:cubicBezTo>
                    <a:cubicBezTo>
                      <a:pt x="238125" y="22860"/>
                      <a:pt x="232410" y="21908"/>
                      <a:pt x="233363" y="15240"/>
                    </a:cubicBezTo>
                    <a:cubicBezTo>
                      <a:pt x="234315" y="11430"/>
                      <a:pt x="236220" y="11430"/>
                      <a:pt x="244793" y="11430"/>
                    </a:cubicBezTo>
                    <a:lnTo>
                      <a:pt x="270510" y="11430"/>
                    </a:lnTo>
                    <a:cubicBezTo>
                      <a:pt x="274320" y="11430"/>
                      <a:pt x="276225" y="10478"/>
                      <a:pt x="276225" y="6668"/>
                    </a:cubicBezTo>
                    <a:lnTo>
                      <a:pt x="277178" y="0"/>
                    </a:lnTo>
                    <a:lnTo>
                      <a:pt x="244793" y="0"/>
                    </a:lnTo>
                    <a:cubicBezTo>
                      <a:pt x="226695" y="0"/>
                      <a:pt x="215265" y="0"/>
                      <a:pt x="212408" y="13335"/>
                    </a:cubicBezTo>
                    <a:cubicBezTo>
                      <a:pt x="210502" y="22860"/>
                      <a:pt x="218123" y="27623"/>
                      <a:pt x="233363" y="37148"/>
                    </a:cubicBezTo>
                    <a:cubicBezTo>
                      <a:pt x="250508" y="47625"/>
                      <a:pt x="254318" y="48578"/>
                      <a:pt x="252413" y="54293"/>
                    </a:cubicBezTo>
                    <a:cubicBezTo>
                      <a:pt x="251460" y="59055"/>
                      <a:pt x="246698" y="59055"/>
                      <a:pt x="239077" y="59055"/>
                    </a:cubicBezTo>
                    <a:lnTo>
                      <a:pt x="209550" y="59055"/>
                    </a:lnTo>
                    <a:cubicBezTo>
                      <a:pt x="205740" y="59055"/>
                      <a:pt x="203835" y="60008"/>
                      <a:pt x="203835" y="63818"/>
                    </a:cubicBezTo>
                    <a:lnTo>
                      <a:pt x="202883" y="70485"/>
                    </a:lnTo>
                    <a:lnTo>
                      <a:pt x="240983" y="70485"/>
                    </a:lnTo>
                    <a:cubicBezTo>
                      <a:pt x="258127" y="71438"/>
                      <a:pt x="269558" y="69533"/>
                      <a:pt x="273368" y="59055"/>
                    </a:cubicBezTo>
                    <a:lnTo>
                      <a:pt x="273368" y="59055"/>
                    </a:lnTo>
                    <a:close/>
                    <a:moveTo>
                      <a:pt x="629603" y="953"/>
                    </a:moveTo>
                    <a:cubicBezTo>
                      <a:pt x="625793" y="953"/>
                      <a:pt x="623888" y="1905"/>
                      <a:pt x="623888" y="4763"/>
                    </a:cubicBezTo>
                    <a:lnTo>
                      <a:pt x="622935" y="11430"/>
                    </a:lnTo>
                    <a:lnTo>
                      <a:pt x="650558" y="11430"/>
                    </a:lnTo>
                    <a:lnTo>
                      <a:pt x="639128" y="70485"/>
                    </a:lnTo>
                    <a:lnTo>
                      <a:pt x="651510" y="70485"/>
                    </a:lnTo>
                    <a:cubicBezTo>
                      <a:pt x="655320" y="70485"/>
                      <a:pt x="657225" y="69533"/>
                      <a:pt x="657225" y="65723"/>
                    </a:cubicBezTo>
                    <a:lnTo>
                      <a:pt x="667703" y="11430"/>
                    </a:lnTo>
                    <a:lnTo>
                      <a:pt x="690563" y="11430"/>
                    </a:lnTo>
                    <a:cubicBezTo>
                      <a:pt x="693420" y="11430"/>
                      <a:pt x="695325" y="9525"/>
                      <a:pt x="695325" y="7620"/>
                    </a:cubicBezTo>
                    <a:lnTo>
                      <a:pt x="696278" y="953"/>
                    </a:lnTo>
                    <a:lnTo>
                      <a:pt x="629603" y="953"/>
                    </a:lnTo>
                    <a:lnTo>
                      <a:pt x="629603" y="953"/>
                    </a:lnTo>
                    <a:close/>
                    <a:moveTo>
                      <a:pt x="31432" y="20955"/>
                    </a:moveTo>
                    <a:cubicBezTo>
                      <a:pt x="29527" y="20955"/>
                      <a:pt x="28575" y="21908"/>
                      <a:pt x="28575" y="22860"/>
                    </a:cubicBezTo>
                    <a:lnTo>
                      <a:pt x="19050" y="70485"/>
                    </a:lnTo>
                    <a:lnTo>
                      <a:pt x="60007" y="70485"/>
                    </a:lnTo>
                    <a:cubicBezTo>
                      <a:pt x="82868" y="70485"/>
                      <a:pt x="99060" y="61913"/>
                      <a:pt x="103823" y="35243"/>
                    </a:cubicBezTo>
                    <a:cubicBezTo>
                      <a:pt x="107632" y="15240"/>
                      <a:pt x="99060" y="953"/>
                      <a:pt x="75248" y="953"/>
                    </a:cubicBezTo>
                    <a:lnTo>
                      <a:pt x="25718" y="953"/>
                    </a:lnTo>
                    <a:cubicBezTo>
                      <a:pt x="25718" y="953"/>
                      <a:pt x="25718" y="1905"/>
                      <a:pt x="25718" y="1905"/>
                    </a:cubicBezTo>
                    <a:cubicBezTo>
                      <a:pt x="24765" y="6668"/>
                      <a:pt x="24765" y="11430"/>
                      <a:pt x="33338" y="11430"/>
                    </a:cubicBezTo>
                    <a:lnTo>
                      <a:pt x="69532" y="11430"/>
                    </a:lnTo>
                    <a:cubicBezTo>
                      <a:pt x="86677" y="11430"/>
                      <a:pt x="89535" y="20003"/>
                      <a:pt x="85725" y="35243"/>
                    </a:cubicBezTo>
                    <a:cubicBezTo>
                      <a:pt x="81915" y="50483"/>
                      <a:pt x="76200" y="58103"/>
                      <a:pt x="62865" y="59055"/>
                    </a:cubicBezTo>
                    <a:lnTo>
                      <a:pt x="38100" y="59055"/>
                    </a:lnTo>
                    <a:lnTo>
                      <a:pt x="45720" y="19050"/>
                    </a:lnTo>
                    <a:lnTo>
                      <a:pt x="31432" y="19050"/>
                    </a:lnTo>
                    <a:lnTo>
                      <a:pt x="31432" y="20955"/>
                    </a:lnTo>
                    <a:close/>
                    <a:moveTo>
                      <a:pt x="620078" y="64770"/>
                    </a:moveTo>
                    <a:cubicBezTo>
                      <a:pt x="621030" y="61913"/>
                      <a:pt x="619125" y="60960"/>
                      <a:pt x="617220" y="60960"/>
                    </a:cubicBezTo>
                    <a:lnTo>
                      <a:pt x="580073" y="60960"/>
                    </a:lnTo>
                    <a:lnTo>
                      <a:pt x="591503" y="4763"/>
                    </a:lnTo>
                    <a:cubicBezTo>
                      <a:pt x="591503" y="3810"/>
                      <a:pt x="590550" y="2858"/>
                      <a:pt x="589598" y="2858"/>
                    </a:cubicBezTo>
                    <a:lnTo>
                      <a:pt x="574358" y="2858"/>
                    </a:lnTo>
                    <a:lnTo>
                      <a:pt x="561023" y="72390"/>
                    </a:lnTo>
                    <a:lnTo>
                      <a:pt x="620078" y="72390"/>
                    </a:lnTo>
                    <a:lnTo>
                      <a:pt x="620078" y="64770"/>
                    </a:lnTo>
                    <a:lnTo>
                      <a:pt x="620078" y="64770"/>
                    </a:lnTo>
                    <a:close/>
                    <a:moveTo>
                      <a:pt x="508635" y="98108"/>
                    </a:moveTo>
                    <a:lnTo>
                      <a:pt x="492442" y="98108"/>
                    </a:lnTo>
                    <a:lnTo>
                      <a:pt x="461963" y="124778"/>
                    </a:lnTo>
                    <a:lnTo>
                      <a:pt x="441960" y="97155"/>
                    </a:lnTo>
                    <a:lnTo>
                      <a:pt x="425767" y="97155"/>
                    </a:lnTo>
                    <a:cubicBezTo>
                      <a:pt x="422910" y="97155"/>
                      <a:pt x="421958" y="99060"/>
                      <a:pt x="421005" y="101918"/>
                    </a:cubicBezTo>
                    <a:lnTo>
                      <a:pt x="408623" y="166688"/>
                    </a:lnTo>
                    <a:lnTo>
                      <a:pt x="421958" y="166688"/>
                    </a:lnTo>
                    <a:cubicBezTo>
                      <a:pt x="424815" y="166688"/>
                      <a:pt x="426720" y="165735"/>
                      <a:pt x="426720" y="162878"/>
                    </a:cubicBezTo>
                    <a:lnTo>
                      <a:pt x="436245" y="114300"/>
                    </a:lnTo>
                    <a:lnTo>
                      <a:pt x="451485" y="136208"/>
                    </a:lnTo>
                    <a:cubicBezTo>
                      <a:pt x="451485" y="137160"/>
                      <a:pt x="453390" y="138113"/>
                      <a:pt x="455295" y="138113"/>
                    </a:cubicBezTo>
                    <a:lnTo>
                      <a:pt x="461963" y="138113"/>
                    </a:lnTo>
                    <a:cubicBezTo>
                      <a:pt x="463867" y="138113"/>
                      <a:pt x="465773" y="137160"/>
                      <a:pt x="466725" y="136208"/>
                    </a:cubicBezTo>
                    <a:lnTo>
                      <a:pt x="490538" y="114300"/>
                    </a:lnTo>
                    <a:lnTo>
                      <a:pt x="481013" y="162878"/>
                    </a:lnTo>
                    <a:cubicBezTo>
                      <a:pt x="480060" y="165735"/>
                      <a:pt x="481965" y="166688"/>
                      <a:pt x="484823" y="166688"/>
                    </a:cubicBezTo>
                    <a:lnTo>
                      <a:pt x="498158" y="166688"/>
                    </a:lnTo>
                    <a:lnTo>
                      <a:pt x="510540" y="101918"/>
                    </a:lnTo>
                    <a:cubicBezTo>
                      <a:pt x="511492" y="100013"/>
                      <a:pt x="510540" y="98108"/>
                      <a:pt x="508635" y="98108"/>
                    </a:cubicBezTo>
                    <a:lnTo>
                      <a:pt x="508635" y="98108"/>
                    </a:lnTo>
                    <a:close/>
                    <a:moveTo>
                      <a:pt x="340995" y="102870"/>
                    </a:moveTo>
                    <a:lnTo>
                      <a:pt x="328613" y="167640"/>
                    </a:lnTo>
                    <a:lnTo>
                      <a:pt x="393383" y="167640"/>
                    </a:lnTo>
                    <a:lnTo>
                      <a:pt x="394335" y="160973"/>
                    </a:lnTo>
                    <a:cubicBezTo>
                      <a:pt x="395288" y="158115"/>
                      <a:pt x="394335" y="157163"/>
                      <a:pt x="390525" y="157163"/>
                    </a:cubicBezTo>
                    <a:lnTo>
                      <a:pt x="347663" y="157163"/>
                    </a:lnTo>
                    <a:lnTo>
                      <a:pt x="351473" y="138113"/>
                    </a:lnTo>
                    <a:lnTo>
                      <a:pt x="389573" y="138113"/>
                    </a:lnTo>
                    <a:cubicBezTo>
                      <a:pt x="390525" y="138113"/>
                      <a:pt x="391478" y="137160"/>
                      <a:pt x="391478" y="136208"/>
                    </a:cubicBezTo>
                    <a:lnTo>
                      <a:pt x="393383" y="128588"/>
                    </a:lnTo>
                    <a:cubicBezTo>
                      <a:pt x="393383" y="127635"/>
                      <a:pt x="393383" y="126683"/>
                      <a:pt x="392430" y="126683"/>
                    </a:cubicBezTo>
                    <a:lnTo>
                      <a:pt x="354330" y="126683"/>
                    </a:lnTo>
                    <a:lnTo>
                      <a:pt x="358140" y="107633"/>
                    </a:lnTo>
                    <a:lnTo>
                      <a:pt x="399098" y="107633"/>
                    </a:lnTo>
                    <a:cubicBezTo>
                      <a:pt x="401003" y="107633"/>
                      <a:pt x="402908" y="107633"/>
                      <a:pt x="403860" y="104775"/>
                    </a:cubicBezTo>
                    <a:lnTo>
                      <a:pt x="405765" y="96203"/>
                    </a:lnTo>
                    <a:lnTo>
                      <a:pt x="347663" y="96203"/>
                    </a:lnTo>
                    <a:cubicBezTo>
                      <a:pt x="343853" y="98108"/>
                      <a:pt x="341948" y="99060"/>
                      <a:pt x="340995" y="102870"/>
                    </a:cubicBezTo>
                    <a:lnTo>
                      <a:pt x="340995" y="102870"/>
                    </a:lnTo>
                    <a:close/>
                    <a:moveTo>
                      <a:pt x="532448" y="102870"/>
                    </a:moveTo>
                    <a:lnTo>
                      <a:pt x="520065" y="167640"/>
                    </a:lnTo>
                    <a:lnTo>
                      <a:pt x="584835" y="167640"/>
                    </a:lnTo>
                    <a:lnTo>
                      <a:pt x="585788" y="160973"/>
                    </a:lnTo>
                    <a:cubicBezTo>
                      <a:pt x="586740" y="158115"/>
                      <a:pt x="585788" y="157163"/>
                      <a:pt x="581978" y="157163"/>
                    </a:cubicBezTo>
                    <a:lnTo>
                      <a:pt x="539115" y="157163"/>
                    </a:lnTo>
                    <a:lnTo>
                      <a:pt x="542925" y="138113"/>
                    </a:lnTo>
                    <a:lnTo>
                      <a:pt x="581025" y="138113"/>
                    </a:lnTo>
                    <a:cubicBezTo>
                      <a:pt x="581978" y="138113"/>
                      <a:pt x="582930" y="137160"/>
                      <a:pt x="582930" y="136208"/>
                    </a:cubicBezTo>
                    <a:lnTo>
                      <a:pt x="584835" y="128588"/>
                    </a:lnTo>
                    <a:cubicBezTo>
                      <a:pt x="584835" y="127635"/>
                      <a:pt x="584835" y="126683"/>
                      <a:pt x="583883" y="126683"/>
                    </a:cubicBezTo>
                    <a:lnTo>
                      <a:pt x="545783" y="126683"/>
                    </a:lnTo>
                    <a:lnTo>
                      <a:pt x="549593" y="107633"/>
                    </a:lnTo>
                    <a:lnTo>
                      <a:pt x="590550" y="107633"/>
                    </a:lnTo>
                    <a:cubicBezTo>
                      <a:pt x="592455" y="107633"/>
                      <a:pt x="594360" y="107633"/>
                      <a:pt x="595313" y="104775"/>
                    </a:cubicBezTo>
                    <a:lnTo>
                      <a:pt x="597218" y="96203"/>
                    </a:lnTo>
                    <a:lnTo>
                      <a:pt x="539115" y="96203"/>
                    </a:lnTo>
                    <a:cubicBezTo>
                      <a:pt x="535305" y="98108"/>
                      <a:pt x="533400" y="99060"/>
                      <a:pt x="532448" y="102870"/>
                    </a:cubicBezTo>
                    <a:lnTo>
                      <a:pt x="532448" y="102870"/>
                    </a:lnTo>
                    <a:close/>
                    <a:moveTo>
                      <a:pt x="145733" y="100013"/>
                    </a:moveTo>
                    <a:lnTo>
                      <a:pt x="140018" y="131445"/>
                    </a:lnTo>
                    <a:cubicBezTo>
                      <a:pt x="129540" y="134303"/>
                      <a:pt x="100965" y="140970"/>
                      <a:pt x="105727" y="118110"/>
                    </a:cubicBezTo>
                    <a:lnTo>
                      <a:pt x="109538" y="97155"/>
                    </a:lnTo>
                    <a:lnTo>
                      <a:pt x="95250" y="97155"/>
                    </a:lnTo>
                    <a:cubicBezTo>
                      <a:pt x="93345" y="97155"/>
                      <a:pt x="92393" y="98108"/>
                      <a:pt x="92393" y="99060"/>
                    </a:cubicBezTo>
                    <a:lnTo>
                      <a:pt x="88582" y="118110"/>
                    </a:lnTo>
                    <a:cubicBezTo>
                      <a:pt x="81915" y="154305"/>
                      <a:pt x="116205" y="149543"/>
                      <a:pt x="138113" y="142875"/>
                    </a:cubicBezTo>
                    <a:lnTo>
                      <a:pt x="133350" y="167640"/>
                    </a:lnTo>
                    <a:lnTo>
                      <a:pt x="145733" y="167640"/>
                    </a:lnTo>
                    <a:cubicBezTo>
                      <a:pt x="149543" y="167640"/>
                      <a:pt x="151448" y="166688"/>
                      <a:pt x="151448" y="162878"/>
                    </a:cubicBezTo>
                    <a:lnTo>
                      <a:pt x="163830" y="98108"/>
                    </a:lnTo>
                    <a:lnTo>
                      <a:pt x="148590" y="98108"/>
                    </a:lnTo>
                    <a:cubicBezTo>
                      <a:pt x="147638" y="98108"/>
                      <a:pt x="146685" y="99060"/>
                      <a:pt x="145733" y="100013"/>
                    </a:cubicBezTo>
                    <a:lnTo>
                      <a:pt x="145733" y="100013"/>
                    </a:lnTo>
                    <a:close/>
                    <a:moveTo>
                      <a:pt x="330517" y="104775"/>
                    </a:moveTo>
                    <a:lnTo>
                      <a:pt x="331470" y="98108"/>
                    </a:lnTo>
                    <a:lnTo>
                      <a:pt x="264795" y="98108"/>
                    </a:lnTo>
                    <a:cubicBezTo>
                      <a:pt x="260985" y="98108"/>
                      <a:pt x="259080" y="99060"/>
                      <a:pt x="259080" y="101918"/>
                    </a:cubicBezTo>
                    <a:lnTo>
                      <a:pt x="257175" y="108585"/>
                    </a:lnTo>
                    <a:lnTo>
                      <a:pt x="284798" y="108585"/>
                    </a:lnTo>
                    <a:lnTo>
                      <a:pt x="273368" y="167640"/>
                    </a:lnTo>
                    <a:lnTo>
                      <a:pt x="285750" y="167640"/>
                    </a:lnTo>
                    <a:cubicBezTo>
                      <a:pt x="289560" y="167640"/>
                      <a:pt x="291465" y="166688"/>
                      <a:pt x="291465" y="162878"/>
                    </a:cubicBezTo>
                    <a:lnTo>
                      <a:pt x="301942" y="108585"/>
                    </a:lnTo>
                    <a:lnTo>
                      <a:pt x="324803" y="108585"/>
                    </a:lnTo>
                    <a:cubicBezTo>
                      <a:pt x="328613" y="108585"/>
                      <a:pt x="329565" y="107633"/>
                      <a:pt x="330517" y="104775"/>
                    </a:cubicBezTo>
                    <a:lnTo>
                      <a:pt x="330517" y="104775"/>
                    </a:lnTo>
                    <a:close/>
                    <a:moveTo>
                      <a:pt x="138113" y="30480"/>
                    </a:moveTo>
                    <a:cubicBezTo>
                      <a:pt x="140970" y="17145"/>
                      <a:pt x="148590" y="12383"/>
                      <a:pt x="162877" y="12383"/>
                    </a:cubicBezTo>
                    <a:cubicBezTo>
                      <a:pt x="178118" y="12383"/>
                      <a:pt x="181927" y="18098"/>
                      <a:pt x="179070" y="30480"/>
                    </a:cubicBezTo>
                    <a:cubicBezTo>
                      <a:pt x="179070" y="30480"/>
                      <a:pt x="178118" y="33338"/>
                      <a:pt x="178118" y="34290"/>
                    </a:cubicBezTo>
                    <a:cubicBezTo>
                      <a:pt x="178118" y="36195"/>
                      <a:pt x="177165" y="39053"/>
                      <a:pt x="173355" y="39053"/>
                    </a:cubicBezTo>
                    <a:lnTo>
                      <a:pt x="136208" y="39053"/>
                    </a:lnTo>
                    <a:lnTo>
                      <a:pt x="138113" y="30480"/>
                    </a:lnTo>
                    <a:lnTo>
                      <a:pt x="138113" y="30480"/>
                    </a:lnTo>
                    <a:close/>
                    <a:moveTo>
                      <a:pt x="117157" y="71438"/>
                    </a:moveTo>
                    <a:lnTo>
                      <a:pt x="130493" y="71438"/>
                    </a:lnTo>
                    <a:lnTo>
                      <a:pt x="134302" y="51435"/>
                    </a:lnTo>
                    <a:lnTo>
                      <a:pt x="175260" y="51435"/>
                    </a:lnTo>
                    <a:lnTo>
                      <a:pt x="171450" y="71438"/>
                    </a:lnTo>
                    <a:lnTo>
                      <a:pt x="184785" y="71438"/>
                    </a:lnTo>
                    <a:cubicBezTo>
                      <a:pt x="186690" y="71438"/>
                      <a:pt x="188595" y="70485"/>
                      <a:pt x="188595" y="68580"/>
                    </a:cubicBezTo>
                    <a:lnTo>
                      <a:pt x="195263" y="33338"/>
                    </a:lnTo>
                    <a:cubicBezTo>
                      <a:pt x="200025" y="6668"/>
                      <a:pt x="184785" y="953"/>
                      <a:pt x="164783" y="953"/>
                    </a:cubicBezTo>
                    <a:cubicBezTo>
                      <a:pt x="140018" y="953"/>
                      <a:pt x="126682" y="6668"/>
                      <a:pt x="120968" y="33338"/>
                    </a:cubicBezTo>
                    <a:lnTo>
                      <a:pt x="114300" y="67628"/>
                    </a:lnTo>
                    <a:cubicBezTo>
                      <a:pt x="114300" y="70485"/>
                      <a:pt x="115252" y="71438"/>
                      <a:pt x="117157" y="71438"/>
                    </a:cubicBezTo>
                    <a:lnTo>
                      <a:pt x="117157" y="71438"/>
                    </a:lnTo>
                    <a:close/>
                    <a:moveTo>
                      <a:pt x="394335" y="30480"/>
                    </a:moveTo>
                    <a:cubicBezTo>
                      <a:pt x="397192" y="17145"/>
                      <a:pt x="404813" y="12383"/>
                      <a:pt x="419100" y="12383"/>
                    </a:cubicBezTo>
                    <a:cubicBezTo>
                      <a:pt x="434340" y="12383"/>
                      <a:pt x="438150" y="18098"/>
                      <a:pt x="435292" y="30480"/>
                    </a:cubicBezTo>
                    <a:cubicBezTo>
                      <a:pt x="435292" y="30480"/>
                      <a:pt x="434340" y="33338"/>
                      <a:pt x="434340" y="34290"/>
                    </a:cubicBezTo>
                    <a:cubicBezTo>
                      <a:pt x="434340" y="36195"/>
                      <a:pt x="433388" y="39053"/>
                      <a:pt x="429578" y="39053"/>
                    </a:cubicBezTo>
                    <a:lnTo>
                      <a:pt x="392430" y="39053"/>
                    </a:lnTo>
                    <a:lnTo>
                      <a:pt x="394335" y="30480"/>
                    </a:lnTo>
                    <a:lnTo>
                      <a:pt x="394335" y="30480"/>
                    </a:lnTo>
                    <a:close/>
                    <a:moveTo>
                      <a:pt x="373380" y="71438"/>
                    </a:moveTo>
                    <a:lnTo>
                      <a:pt x="386715" y="71438"/>
                    </a:lnTo>
                    <a:lnTo>
                      <a:pt x="390525" y="51435"/>
                    </a:lnTo>
                    <a:lnTo>
                      <a:pt x="431483" y="51435"/>
                    </a:lnTo>
                    <a:lnTo>
                      <a:pt x="427673" y="71438"/>
                    </a:lnTo>
                    <a:lnTo>
                      <a:pt x="441008" y="71438"/>
                    </a:lnTo>
                    <a:cubicBezTo>
                      <a:pt x="442913" y="71438"/>
                      <a:pt x="444817" y="70485"/>
                      <a:pt x="444817" y="68580"/>
                    </a:cubicBezTo>
                    <a:lnTo>
                      <a:pt x="451485" y="33338"/>
                    </a:lnTo>
                    <a:cubicBezTo>
                      <a:pt x="456248" y="6668"/>
                      <a:pt x="441008" y="953"/>
                      <a:pt x="421005" y="953"/>
                    </a:cubicBezTo>
                    <a:cubicBezTo>
                      <a:pt x="396240" y="953"/>
                      <a:pt x="382905" y="6668"/>
                      <a:pt x="377190" y="33338"/>
                    </a:cubicBezTo>
                    <a:lnTo>
                      <a:pt x="370523" y="67628"/>
                    </a:lnTo>
                    <a:cubicBezTo>
                      <a:pt x="370523" y="70485"/>
                      <a:pt x="371475" y="71438"/>
                      <a:pt x="373380" y="71438"/>
                    </a:cubicBezTo>
                    <a:lnTo>
                      <a:pt x="373380" y="71438"/>
                    </a:lnTo>
                    <a:close/>
                  </a:path>
                </a:pathLst>
              </a:custGeom>
              <a:solidFill>
                <a:srgbClr val="005386"/>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grpSp>
        <p:nvGrpSpPr>
          <p:cNvPr id="78" name="Group 77">
            <a:extLst>
              <a:ext uri="{FF2B5EF4-FFF2-40B4-BE49-F238E27FC236}">
                <a16:creationId xmlns:a16="http://schemas.microsoft.com/office/drawing/2014/main" id="{CA54EC04-8078-2B53-507C-FE6BDFC605E7}"/>
              </a:ext>
            </a:extLst>
          </p:cNvPr>
          <p:cNvGrpSpPr/>
          <p:nvPr/>
        </p:nvGrpSpPr>
        <p:grpSpPr>
          <a:xfrm>
            <a:off x="535810" y="4153502"/>
            <a:ext cx="11228479" cy="498765"/>
            <a:chOff x="502559" y="3458922"/>
            <a:chExt cx="11228479" cy="548641"/>
          </a:xfrm>
        </p:grpSpPr>
        <p:sp>
          <p:nvSpPr>
            <p:cNvPr id="79" name="Rectangle 78">
              <a:extLst>
                <a:ext uri="{FF2B5EF4-FFF2-40B4-BE49-F238E27FC236}">
                  <a16:creationId xmlns:a16="http://schemas.microsoft.com/office/drawing/2014/main" id="{090A8B3A-872B-A649-539B-2ECEF6877907}"/>
                </a:ext>
              </a:extLst>
            </p:cNvPr>
            <p:cNvSpPr/>
            <p:nvPr/>
          </p:nvSpPr>
          <p:spPr>
            <a:xfrm>
              <a:off x="502559" y="3458923"/>
              <a:ext cx="1590701" cy="548640"/>
            </a:xfrm>
            <a:prstGeom prst="rect">
              <a:avLst/>
            </a:prstGeom>
            <a:solidFill>
              <a:srgbClr val="0085BE"/>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R="0" lvl="0" indent="0" algn="ctr" fontAlgn="auto">
                <a:lnSpc>
                  <a:spcPct val="100000"/>
                </a:lnSpc>
                <a:spcBef>
                  <a:spcPts val="0"/>
                </a:spcBef>
                <a:spcAft>
                  <a:spcPts val="0"/>
                </a:spcAft>
                <a:buClrTx/>
                <a:buSzTx/>
                <a:buFontTx/>
                <a:buNone/>
                <a:tabLst/>
                <a:defRPr/>
              </a:pPr>
              <a:r>
                <a:rPr lang="en-US" sz="1200" b="1">
                  <a:solidFill>
                    <a:prstClr val="white"/>
                  </a:solidFill>
                  <a:latin typeface="Roboto" panose="02000000000000000000" pitchFamily="2" charset="0"/>
                  <a:ea typeface="Roboto" panose="02000000000000000000" pitchFamily="2" charset="0"/>
                  <a:cs typeface="Roboto" panose="02000000000000000000" pitchFamily="2" charset="0"/>
                </a:rPr>
                <a:t>Consulting, HR &amp; Telecom</a:t>
              </a:r>
            </a:p>
          </p:txBody>
        </p:sp>
        <p:sp>
          <p:nvSpPr>
            <p:cNvPr id="80" name="Rectangle 79">
              <a:extLst>
                <a:ext uri="{FF2B5EF4-FFF2-40B4-BE49-F238E27FC236}">
                  <a16:creationId xmlns:a16="http://schemas.microsoft.com/office/drawing/2014/main" id="{15FDEC76-D57A-866D-8CB5-C5393726D4C1}"/>
                </a:ext>
              </a:extLst>
            </p:cNvPr>
            <p:cNvSpPr/>
            <p:nvPr/>
          </p:nvSpPr>
          <p:spPr>
            <a:xfrm rot="16200000">
              <a:off x="6637830" y="-1085646"/>
              <a:ext cx="548640" cy="9637776"/>
            </a:xfrm>
            <a:prstGeom prst="rect">
              <a:avLst/>
            </a:prstGeom>
            <a:solidFill>
              <a:schemeClr val="bg1"/>
            </a:solidFill>
            <a:ln w="3175">
              <a:solidFill>
                <a:schemeClr val="bg1">
                  <a:lumMod val="65000"/>
                </a:schemeClr>
              </a:solidFill>
              <a:prstDash val="soli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a:ln>
                  <a:noFill/>
                </a:ln>
                <a:solidFill>
                  <a:prstClr val="white"/>
                </a:solidFill>
                <a:effectLst/>
                <a:uLnTx/>
                <a:uFillTx/>
                <a:latin typeface="Tahoma" pitchFamily="34" charset="0"/>
                <a:ea typeface="Tahoma" pitchFamily="34" charset="0"/>
                <a:cs typeface="Tahoma" pitchFamily="34" charset="0"/>
              </a:endParaRPr>
            </a:p>
          </p:txBody>
        </p:sp>
        <p:pic>
          <p:nvPicPr>
            <p:cNvPr id="81" name="Picture 26" descr="https://upload.wikimedia.org/wikipedia/en/e/e9/McKinsey_%26_Company_logo.png">
              <a:extLst>
                <a:ext uri="{FF2B5EF4-FFF2-40B4-BE49-F238E27FC236}">
                  <a16:creationId xmlns:a16="http://schemas.microsoft.com/office/drawing/2014/main" id="{388913F8-C1D9-2E53-8E13-8F7CD2EEE2B7}"/>
                </a:ext>
              </a:extLst>
            </p:cNvPr>
            <p:cNvPicPr>
              <a:picLocks noChangeAspect="1" noChangeArrowheads="1"/>
            </p:cNvPicPr>
            <p:nvPr/>
          </p:nvPicPr>
          <p:blipFill>
            <a:blip r:embed="rId38" cstate="screen">
              <a:extLst>
                <a:ext uri="{28A0092B-C50C-407E-A947-70E740481C1C}">
                  <a14:useLocalDpi xmlns:a14="http://schemas.microsoft.com/office/drawing/2010/main" val="0"/>
                </a:ext>
              </a:extLst>
            </a:blip>
            <a:stretch>
              <a:fillRect/>
            </a:stretch>
          </p:blipFill>
          <p:spPr bwMode="auto">
            <a:xfrm>
              <a:off x="8492092" y="3516065"/>
              <a:ext cx="1384136" cy="457222"/>
            </a:xfrm>
            <a:prstGeom prst="rect">
              <a:avLst/>
            </a:prstGeom>
          </p:spPr>
        </p:pic>
        <p:grpSp>
          <p:nvGrpSpPr>
            <p:cNvPr id="82" name="Graphic 49">
              <a:extLst>
                <a:ext uri="{FF2B5EF4-FFF2-40B4-BE49-F238E27FC236}">
                  <a16:creationId xmlns:a16="http://schemas.microsoft.com/office/drawing/2014/main" id="{9322B370-EAE0-74DE-D7A8-9BA96623B853}"/>
                </a:ext>
              </a:extLst>
            </p:cNvPr>
            <p:cNvGrpSpPr/>
            <p:nvPr/>
          </p:nvGrpSpPr>
          <p:grpSpPr>
            <a:xfrm>
              <a:off x="5691242" y="3533117"/>
              <a:ext cx="1036954" cy="414031"/>
              <a:chOff x="5691242" y="3533117"/>
              <a:chExt cx="1036954" cy="414031"/>
            </a:xfrm>
            <a:noFill/>
          </p:grpSpPr>
          <p:sp>
            <p:nvSpPr>
              <p:cNvPr id="137" name="Freeform: Shape 136">
                <a:extLst>
                  <a:ext uri="{FF2B5EF4-FFF2-40B4-BE49-F238E27FC236}">
                    <a16:creationId xmlns:a16="http://schemas.microsoft.com/office/drawing/2014/main" id="{12812D0A-6DAD-9C13-EEB0-E201182D4A9A}"/>
                  </a:ext>
                </a:extLst>
              </p:cNvPr>
              <p:cNvSpPr/>
              <p:nvPr/>
            </p:nvSpPr>
            <p:spPr>
              <a:xfrm>
                <a:off x="5691242" y="3717782"/>
                <a:ext cx="1036954" cy="229366"/>
              </a:xfrm>
              <a:custGeom>
                <a:avLst/>
                <a:gdLst>
                  <a:gd name="connsiteX0" fmla="*/ 151659 w 1036954"/>
                  <a:gd name="connsiteY0" fmla="*/ 174554 h 229366"/>
                  <a:gd name="connsiteX1" fmla="*/ 144761 w 1036954"/>
                  <a:gd name="connsiteY1" fmla="*/ 179014 h 229366"/>
                  <a:gd name="connsiteX2" fmla="*/ 122865 w 1036954"/>
                  <a:gd name="connsiteY2" fmla="*/ 179014 h 229366"/>
                  <a:gd name="connsiteX3" fmla="*/ 116567 w 1036954"/>
                  <a:gd name="connsiteY3" fmla="*/ 174554 h 229366"/>
                  <a:gd name="connsiteX4" fmla="*/ 95871 w 1036954"/>
                  <a:gd name="connsiteY4" fmla="*/ 97536 h 229366"/>
                  <a:gd name="connsiteX5" fmla="*/ 91672 w 1036954"/>
                  <a:gd name="connsiteY5" fmla="*/ 71665 h 229366"/>
                  <a:gd name="connsiteX6" fmla="*/ 87473 w 1036954"/>
                  <a:gd name="connsiteY6" fmla="*/ 97536 h 229366"/>
                  <a:gd name="connsiteX7" fmla="*/ 66177 w 1036954"/>
                  <a:gd name="connsiteY7" fmla="*/ 174554 h 229366"/>
                  <a:gd name="connsiteX8" fmla="*/ 59278 w 1036954"/>
                  <a:gd name="connsiteY8" fmla="*/ 179014 h 229366"/>
                  <a:gd name="connsiteX9" fmla="*/ 37083 w 1036954"/>
                  <a:gd name="connsiteY9" fmla="*/ 179014 h 229366"/>
                  <a:gd name="connsiteX10" fmla="*/ 30784 w 1036954"/>
                  <a:gd name="connsiteY10" fmla="*/ 174554 h 229366"/>
                  <a:gd name="connsiteX11" fmla="*/ 191 w 1036954"/>
                  <a:gd name="connsiteY11" fmla="*/ 63636 h 229366"/>
                  <a:gd name="connsiteX12" fmla="*/ 4990 w 1036954"/>
                  <a:gd name="connsiteY12" fmla="*/ 57689 h 229366"/>
                  <a:gd name="connsiteX13" fmla="*/ 19087 w 1036954"/>
                  <a:gd name="connsiteY13" fmla="*/ 57689 h 229366"/>
                  <a:gd name="connsiteX14" fmla="*/ 25985 w 1036954"/>
                  <a:gd name="connsiteY14" fmla="*/ 62745 h 229366"/>
                  <a:gd name="connsiteX15" fmla="*/ 45181 w 1036954"/>
                  <a:gd name="connsiteY15" fmla="*/ 141844 h 229366"/>
                  <a:gd name="connsiteX16" fmla="*/ 48781 w 1036954"/>
                  <a:gd name="connsiteY16" fmla="*/ 168904 h 229366"/>
                  <a:gd name="connsiteX17" fmla="*/ 53880 w 1036954"/>
                  <a:gd name="connsiteY17" fmla="*/ 142141 h 229366"/>
                  <a:gd name="connsiteX18" fmla="*/ 75175 w 1036954"/>
                  <a:gd name="connsiteY18" fmla="*/ 62447 h 229366"/>
                  <a:gd name="connsiteX19" fmla="*/ 82374 w 1036954"/>
                  <a:gd name="connsiteY19" fmla="*/ 57689 h 229366"/>
                  <a:gd name="connsiteX20" fmla="*/ 99770 w 1036954"/>
                  <a:gd name="connsiteY20" fmla="*/ 57689 h 229366"/>
                  <a:gd name="connsiteX21" fmla="*/ 107269 w 1036954"/>
                  <a:gd name="connsiteY21" fmla="*/ 62745 h 229366"/>
                  <a:gd name="connsiteX22" fmla="*/ 128864 w 1036954"/>
                  <a:gd name="connsiteY22" fmla="*/ 142141 h 229366"/>
                  <a:gd name="connsiteX23" fmla="*/ 133663 w 1036954"/>
                  <a:gd name="connsiteY23" fmla="*/ 168904 h 229366"/>
                  <a:gd name="connsiteX24" fmla="*/ 137862 w 1036954"/>
                  <a:gd name="connsiteY24" fmla="*/ 142141 h 229366"/>
                  <a:gd name="connsiteX25" fmla="*/ 155559 w 1036954"/>
                  <a:gd name="connsiteY25" fmla="*/ 62447 h 229366"/>
                  <a:gd name="connsiteX26" fmla="*/ 162757 w 1036954"/>
                  <a:gd name="connsiteY26" fmla="*/ 57689 h 229366"/>
                  <a:gd name="connsiteX27" fmla="*/ 175954 w 1036954"/>
                  <a:gd name="connsiteY27" fmla="*/ 57689 h 229366"/>
                  <a:gd name="connsiteX28" fmla="*/ 180754 w 1036954"/>
                  <a:gd name="connsiteY28" fmla="*/ 63636 h 229366"/>
                  <a:gd name="connsiteX29" fmla="*/ 151659 w 1036954"/>
                  <a:gd name="connsiteY29" fmla="*/ 174554 h 229366"/>
                  <a:gd name="connsiteX30" fmla="*/ 269535 w 1036954"/>
                  <a:gd name="connsiteY30" fmla="*/ 180204 h 229366"/>
                  <a:gd name="connsiteX31" fmla="*/ 211647 w 1036954"/>
                  <a:gd name="connsiteY31" fmla="*/ 117460 h 229366"/>
                  <a:gd name="connsiteX32" fmla="*/ 269535 w 1036954"/>
                  <a:gd name="connsiteY32" fmla="*/ 55608 h 229366"/>
                  <a:gd name="connsiteX33" fmla="*/ 326823 w 1036954"/>
                  <a:gd name="connsiteY33" fmla="*/ 117460 h 229366"/>
                  <a:gd name="connsiteX34" fmla="*/ 269535 w 1036954"/>
                  <a:gd name="connsiteY34" fmla="*/ 180204 h 229366"/>
                  <a:gd name="connsiteX35" fmla="*/ 268936 w 1036954"/>
                  <a:gd name="connsiteY35" fmla="*/ 72557 h 229366"/>
                  <a:gd name="connsiteX36" fmla="*/ 236542 w 1036954"/>
                  <a:gd name="connsiteY36" fmla="*/ 117757 h 229366"/>
                  <a:gd name="connsiteX37" fmla="*/ 268936 w 1036954"/>
                  <a:gd name="connsiteY37" fmla="*/ 163849 h 229366"/>
                  <a:gd name="connsiteX38" fmla="*/ 301328 w 1036954"/>
                  <a:gd name="connsiteY38" fmla="*/ 117757 h 229366"/>
                  <a:gd name="connsiteX39" fmla="*/ 268936 w 1036954"/>
                  <a:gd name="connsiteY39" fmla="*/ 72557 h 229366"/>
                  <a:gd name="connsiteX40" fmla="*/ 439300 w 1036954"/>
                  <a:gd name="connsiteY40" fmla="*/ 74639 h 229366"/>
                  <a:gd name="connsiteX41" fmla="*/ 430602 w 1036954"/>
                  <a:gd name="connsiteY41" fmla="*/ 79100 h 229366"/>
                  <a:gd name="connsiteX42" fmla="*/ 413806 w 1036954"/>
                  <a:gd name="connsiteY42" fmla="*/ 76423 h 229366"/>
                  <a:gd name="connsiteX43" fmla="*/ 393410 w 1036954"/>
                  <a:gd name="connsiteY43" fmla="*/ 108241 h 229366"/>
                  <a:gd name="connsiteX44" fmla="*/ 393410 w 1036954"/>
                  <a:gd name="connsiteY44" fmla="*/ 173959 h 229366"/>
                  <a:gd name="connsiteX45" fmla="*/ 387110 w 1036954"/>
                  <a:gd name="connsiteY45" fmla="*/ 179014 h 229366"/>
                  <a:gd name="connsiteX46" fmla="*/ 375713 w 1036954"/>
                  <a:gd name="connsiteY46" fmla="*/ 179014 h 229366"/>
                  <a:gd name="connsiteX47" fmla="*/ 369415 w 1036954"/>
                  <a:gd name="connsiteY47" fmla="*/ 173959 h 229366"/>
                  <a:gd name="connsiteX48" fmla="*/ 369415 w 1036954"/>
                  <a:gd name="connsiteY48" fmla="*/ 62745 h 229366"/>
                  <a:gd name="connsiteX49" fmla="*/ 375713 w 1036954"/>
                  <a:gd name="connsiteY49" fmla="*/ 57689 h 229366"/>
                  <a:gd name="connsiteX50" fmla="*/ 382612 w 1036954"/>
                  <a:gd name="connsiteY50" fmla="*/ 57689 h 229366"/>
                  <a:gd name="connsiteX51" fmla="*/ 388911 w 1036954"/>
                  <a:gd name="connsiteY51" fmla="*/ 61555 h 229366"/>
                  <a:gd name="connsiteX52" fmla="*/ 393109 w 1036954"/>
                  <a:gd name="connsiteY52" fmla="*/ 75234 h 229366"/>
                  <a:gd name="connsiteX53" fmla="*/ 427003 w 1036954"/>
                  <a:gd name="connsiteY53" fmla="*/ 55905 h 229366"/>
                  <a:gd name="connsiteX54" fmla="*/ 442600 w 1036954"/>
                  <a:gd name="connsiteY54" fmla="*/ 64826 h 229366"/>
                  <a:gd name="connsiteX55" fmla="*/ 439300 w 1036954"/>
                  <a:gd name="connsiteY55" fmla="*/ 74639 h 229366"/>
                  <a:gd name="connsiteX56" fmla="*/ 714643 w 1036954"/>
                  <a:gd name="connsiteY56" fmla="*/ 177826 h 229366"/>
                  <a:gd name="connsiteX57" fmla="*/ 708345 w 1036954"/>
                  <a:gd name="connsiteY57" fmla="*/ 177826 h 229366"/>
                  <a:gd name="connsiteX58" fmla="*/ 700546 w 1036954"/>
                  <a:gd name="connsiteY58" fmla="*/ 172770 h 229366"/>
                  <a:gd name="connsiteX59" fmla="*/ 698147 w 1036954"/>
                  <a:gd name="connsiteY59" fmla="*/ 162660 h 229366"/>
                  <a:gd name="connsiteX60" fmla="*/ 662754 w 1036954"/>
                  <a:gd name="connsiteY60" fmla="*/ 179907 h 229366"/>
                  <a:gd name="connsiteX61" fmla="*/ 615363 w 1036954"/>
                  <a:gd name="connsiteY61" fmla="*/ 118054 h 229366"/>
                  <a:gd name="connsiteX62" fmla="*/ 629761 w 1036954"/>
                  <a:gd name="connsiteY62" fmla="*/ 69287 h 229366"/>
                  <a:gd name="connsiteX63" fmla="*/ 663654 w 1036954"/>
                  <a:gd name="connsiteY63" fmla="*/ 55608 h 229366"/>
                  <a:gd name="connsiteX64" fmla="*/ 697547 w 1036954"/>
                  <a:gd name="connsiteY64" fmla="*/ 73450 h 229366"/>
                  <a:gd name="connsiteX65" fmla="*/ 697547 w 1036954"/>
                  <a:gd name="connsiteY65" fmla="*/ 5055 h 229366"/>
                  <a:gd name="connsiteX66" fmla="*/ 703845 w 1036954"/>
                  <a:gd name="connsiteY66" fmla="*/ 0 h 229366"/>
                  <a:gd name="connsiteX67" fmla="*/ 714643 w 1036954"/>
                  <a:gd name="connsiteY67" fmla="*/ 0 h 229366"/>
                  <a:gd name="connsiteX68" fmla="*/ 720942 w 1036954"/>
                  <a:gd name="connsiteY68" fmla="*/ 5055 h 229366"/>
                  <a:gd name="connsiteX69" fmla="*/ 720942 w 1036954"/>
                  <a:gd name="connsiteY69" fmla="*/ 172770 h 229366"/>
                  <a:gd name="connsiteX70" fmla="*/ 714643 w 1036954"/>
                  <a:gd name="connsiteY70" fmla="*/ 177826 h 229366"/>
                  <a:gd name="connsiteX71" fmla="*/ 668753 w 1036954"/>
                  <a:gd name="connsiteY71" fmla="*/ 72260 h 229366"/>
                  <a:gd name="connsiteX72" fmla="*/ 648657 w 1036954"/>
                  <a:gd name="connsiteY72" fmla="*/ 82073 h 229366"/>
                  <a:gd name="connsiteX73" fmla="*/ 641159 w 1036954"/>
                  <a:gd name="connsiteY73" fmla="*/ 117757 h 229366"/>
                  <a:gd name="connsiteX74" fmla="*/ 668453 w 1036954"/>
                  <a:gd name="connsiteY74" fmla="*/ 163254 h 229366"/>
                  <a:gd name="connsiteX75" fmla="*/ 697847 w 1036954"/>
                  <a:gd name="connsiteY75" fmla="*/ 118352 h 229366"/>
                  <a:gd name="connsiteX76" fmla="*/ 668753 w 1036954"/>
                  <a:gd name="connsiteY76" fmla="*/ 72260 h 229366"/>
                  <a:gd name="connsiteX77" fmla="*/ 577572 w 1036954"/>
                  <a:gd name="connsiteY77" fmla="*/ 179014 h 229366"/>
                  <a:gd name="connsiteX78" fmla="*/ 559275 w 1036954"/>
                  <a:gd name="connsiteY78" fmla="*/ 179014 h 229366"/>
                  <a:gd name="connsiteX79" fmla="*/ 552077 w 1036954"/>
                  <a:gd name="connsiteY79" fmla="*/ 174852 h 229366"/>
                  <a:gd name="connsiteX80" fmla="*/ 505586 w 1036954"/>
                  <a:gd name="connsiteY80" fmla="*/ 116271 h 229366"/>
                  <a:gd name="connsiteX81" fmla="*/ 505586 w 1036954"/>
                  <a:gd name="connsiteY81" fmla="*/ 173959 h 229366"/>
                  <a:gd name="connsiteX82" fmla="*/ 499287 w 1036954"/>
                  <a:gd name="connsiteY82" fmla="*/ 179014 h 229366"/>
                  <a:gd name="connsiteX83" fmla="*/ 488489 w 1036954"/>
                  <a:gd name="connsiteY83" fmla="*/ 179014 h 229366"/>
                  <a:gd name="connsiteX84" fmla="*/ 482191 w 1036954"/>
                  <a:gd name="connsiteY84" fmla="*/ 173959 h 229366"/>
                  <a:gd name="connsiteX85" fmla="*/ 482191 w 1036954"/>
                  <a:gd name="connsiteY85" fmla="*/ 5650 h 229366"/>
                  <a:gd name="connsiteX86" fmla="*/ 488489 w 1036954"/>
                  <a:gd name="connsiteY86" fmla="*/ 595 h 229366"/>
                  <a:gd name="connsiteX87" fmla="*/ 499287 w 1036954"/>
                  <a:gd name="connsiteY87" fmla="*/ 595 h 229366"/>
                  <a:gd name="connsiteX88" fmla="*/ 505586 w 1036954"/>
                  <a:gd name="connsiteY88" fmla="*/ 5650 h 229366"/>
                  <a:gd name="connsiteX89" fmla="*/ 505586 w 1036954"/>
                  <a:gd name="connsiteY89" fmla="*/ 113891 h 229366"/>
                  <a:gd name="connsiteX90" fmla="*/ 553277 w 1036954"/>
                  <a:gd name="connsiteY90" fmla="*/ 61258 h 229366"/>
                  <a:gd name="connsiteX91" fmla="*/ 561075 w 1036954"/>
                  <a:gd name="connsiteY91" fmla="*/ 57392 h 229366"/>
                  <a:gd name="connsiteX92" fmla="*/ 577272 w 1036954"/>
                  <a:gd name="connsiteY92" fmla="*/ 57392 h 229366"/>
                  <a:gd name="connsiteX93" fmla="*/ 580571 w 1036954"/>
                  <a:gd name="connsiteY93" fmla="*/ 63339 h 229366"/>
                  <a:gd name="connsiteX94" fmla="*/ 529581 w 1036954"/>
                  <a:gd name="connsiteY94" fmla="*/ 113891 h 229366"/>
                  <a:gd name="connsiteX95" fmla="*/ 580571 w 1036954"/>
                  <a:gd name="connsiteY95" fmla="*/ 172472 h 229366"/>
                  <a:gd name="connsiteX96" fmla="*/ 577572 w 1036954"/>
                  <a:gd name="connsiteY96" fmla="*/ 179014 h 229366"/>
                  <a:gd name="connsiteX97" fmla="*/ 898504 w 1036954"/>
                  <a:gd name="connsiteY97" fmla="*/ 62745 h 229366"/>
                  <a:gd name="connsiteX98" fmla="*/ 903908 w 1036954"/>
                  <a:gd name="connsiteY98" fmla="*/ 57689 h 229366"/>
                  <a:gd name="connsiteX99" fmla="*/ 918005 w 1036954"/>
                  <a:gd name="connsiteY99" fmla="*/ 57689 h 229366"/>
                  <a:gd name="connsiteX100" fmla="*/ 925798 w 1036954"/>
                  <a:gd name="connsiteY100" fmla="*/ 62745 h 229366"/>
                  <a:gd name="connsiteX101" fmla="*/ 953992 w 1036954"/>
                  <a:gd name="connsiteY101" fmla="*/ 136194 h 229366"/>
                  <a:gd name="connsiteX102" fmla="*/ 957291 w 1036954"/>
                  <a:gd name="connsiteY102" fmla="*/ 148980 h 229366"/>
                  <a:gd name="connsiteX103" fmla="*/ 962391 w 1036954"/>
                  <a:gd name="connsiteY103" fmla="*/ 131733 h 229366"/>
                  <a:gd name="connsiteX104" fmla="*/ 984887 w 1036954"/>
                  <a:gd name="connsiteY104" fmla="*/ 62745 h 229366"/>
                  <a:gd name="connsiteX105" fmla="*/ 992689 w 1036954"/>
                  <a:gd name="connsiteY105" fmla="*/ 57986 h 229366"/>
                  <a:gd name="connsiteX106" fmla="*/ 1006483 w 1036954"/>
                  <a:gd name="connsiteY106" fmla="*/ 57986 h 229366"/>
                  <a:gd name="connsiteX107" fmla="*/ 1011878 w 1036954"/>
                  <a:gd name="connsiteY107" fmla="*/ 63042 h 229366"/>
                  <a:gd name="connsiteX108" fmla="*/ 965093 w 1036954"/>
                  <a:gd name="connsiteY108" fmla="*/ 196262 h 229366"/>
                  <a:gd name="connsiteX109" fmla="*/ 935098 w 1036954"/>
                  <a:gd name="connsiteY109" fmla="*/ 226593 h 229366"/>
                  <a:gd name="connsiteX110" fmla="*/ 928499 w 1036954"/>
                  <a:gd name="connsiteY110" fmla="*/ 228972 h 229366"/>
                  <a:gd name="connsiteX111" fmla="*/ 920100 w 1036954"/>
                  <a:gd name="connsiteY111" fmla="*/ 226891 h 229366"/>
                  <a:gd name="connsiteX112" fmla="*/ 915606 w 1036954"/>
                  <a:gd name="connsiteY112" fmla="*/ 220052 h 229366"/>
                  <a:gd name="connsiteX113" fmla="*/ 918905 w 1036954"/>
                  <a:gd name="connsiteY113" fmla="*/ 213212 h 229366"/>
                  <a:gd name="connsiteX114" fmla="*/ 923702 w 1036954"/>
                  <a:gd name="connsiteY114" fmla="*/ 211428 h 229366"/>
                  <a:gd name="connsiteX115" fmla="*/ 947991 w 1036954"/>
                  <a:gd name="connsiteY115" fmla="*/ 177826 h 229366"/>
                  <a:gd name="connsiteX116" fmla="*/ 898504 w 1036954"/>
                  <a:gd name="connsiteY116" fmla="*/ 62745 h 229366"/>
                  <a:gd name="connsiteX117" fmla="*/ 817822 w 1036954"/>
                  <a:gd name="connsiteY117" fmla="*/ 55608 h 229366"/>
                  <a:gd name="connsiteX118" fmla="*/ 870613 w 1036954"/>
                  <a:gd name="connsiteY118" fmla="*/ 117460 h 229366"/>
                  <a:gd name="connsiteX119" fmla="*/ 870613 w 1036954"/>
                  <a:gd name="connsiteY119" fmla="*/ 173067 h 229366"/>
                  <a:gd name="connsiteX120" fmla="*/ 864310 w 1036954"/>
                  <a:gd name="connsiteY120" fmla="*/ 178123 h 229366"/>
                  <a:gd name="connsiteX121" fmla="*/ 858014 w 1036954"/>
                  <a:gd name="connsiteY121" fmla="*/ 178123 h 229366"/>
                  <a:gd name="connsiteX122" fmla="*/ 850215 w 1036954"/>
                  <a:gd name="connsiteY122" fmla="*/ 173067 h 229366"/>
                  <a:gd name="connsiteX123" fmla="*/ 847816 w 1036954"/>
                  <a:gd name="connsiteY123" fmla="*/ 162659 h 229366"/>
                  <a:gd name="connsiteX124" fmla="*/ 816022 w 1036954"/>
                  <a:gd name="connsiteY124" fmla="*/ 179907 h 229366"/>
                  <a:gd name="connsiteX125" fmla="*/ 762333 w 1036954"/>
                  <a:gd name="connsiteY125" fmla="*/ 117757 h 229366"/>
                  <a:gd name="connsiteX126" fmla="*/ 817822 w 1036954"/>
                  <a:gd name="connsiteY126" fmla="*/ 55608 h 229366"/>
                  <a:gd name="connsiteX127" fmla="*/ 817222 w 1036954"/>
                  <a:gd name="connsiteY127" fmla="*/ 162957 h 229366"/>
                  <a:gd name="connsiteX128" fmla="*/ 847816 w 1036954"/>
                  <a:gd name="connsiteY128" fmla="*/ 117460 h 229366"/>
                  <a:gd name="connsiteX129" fmla="*/ 817222 w 1036954"/>
                  <a:gd name="connsiteY129" fmla="*/ 72260 h 229366"/>
                  <a:gd name="connsiteX130" fmla="*/ 787529 w 1036954"/>
                  <a:gd name="connsiteY130" fmla="*/ 117460 h 229366"/>
                  <a:gd name="connsiteX131" fmla="*/ 817222 w 1036954"/>
                  <a:gd name="connsiteY131" fmla="*/ 162957 h 229366"/>
                  <a:gd name="connsiteX132" fmla="*/ 1026927 w 1036954"/>
                  <a:gd name="connsiteY132" fmla="*/ 147750 h 229366"/>
                  <a:gd name="connsiteX133" fmla="*/ 1032296 w 1036954"/>
                  <a:gd name="connsiteY133" fmla="*/ 151372 h 229366"/>
                  <a:gd name="connsiteX134" fmla="*/ 1035742 w 1036954"/>
                  <a:gd name="connsiteY134" fmla="*/ 156565 h 229366"/>
                  <a:gd name="connsiteX135" fmla="*/ 1036955 w 1036954"/>
                  <a:gd name="connsiteY135" fmla="*/ 162796 h 229366"/>
                  <a:gd name="connsiteX136" fmla="*/ 1035690 w 1036954"/>
                  <a:gd name="connsiteY136" fmla="*/ 169072 h 229366"/>
                  <a:gd name="connsiteX137" fmla="*/ 1032123 w 1036954"/>
                  <a:gd name="connsiteY137" fmla="*/ 174309 h 229366"/>
                  <a:gd name="connsiteX138" fmla="*/ 1026745 w 1036954"/>
                  <a:gd name="connsiteY138" fmla="*/ 177845 h 229366"/>
                  <a:gd name="connsiteX139" fmla="*/ 1020511 w 1036954"/>
                  <a:gd name="connsiteY139" fmla="*/ 179059 h 229366"/>
                  <a:gd name="connsiteX140" fmla="*/ 1014233 w 1036954"/>
                  <a:gd name="connsiteY140" fmla="*/ 177809 h 229366"/>
                  <a:gd name="connsiteX141" fmla="*/ 1008856 w 1036954"/>
                  <a:gd name="connsiteY141" fmla="*/ 174134 h 229366"/>
                  <a:gd name="connsiteX142" fmla="*/ 1005383 w 1036954"/>
                  <a:gd name="connsiteY142" fmla="*/ 168935 h 229366"/>
                  <a:gd name="connsiteX143" fmla="*/ 1004145 w 1036954"/>
                  <a:gd name="connsiteY143" fmla="*/ 162796 h 229366"/>
                  <a:gd name="connsiteX144" fmla="*/ 1004743 w 1036954"/>
                  <a:gd name="connsiteY144" fmla="*/ 158438 h 229366"/>
                  <a:gd name="connsiteX145" fmla="*/ 1006552 w 1036954"/>
                  <a:gd name="connsiteY145" fmla="*/ 154326 h 229366"/>
                  <a:gd name="connsiteX146" fmla="*/ 1012415 w 1036954"/>
                  <a:gd name="connsiteY146" fmla="*/ 148552 h 229366"/>
                  <a:gd name="connsiteX147" fmla="*/ 1020511 w 1036954"/>
                  <a:gd name="connsiteY147" fmla="*/ 146488 h 229366"/>
                  <a:gd name="connsiteX148" fmla="*/ 1026927 w 1036954"/>
                  <a:gd name="connsiteY148" fmla="*/ 147750 h 229366"/>
                  <a:gd name="connsiteX149" fmla="*/ 1015359 w 1036954"/>
                  <a:gd name="connsiteY149" fmla="*/ 150169 h 229366"/>
                  <a:gd name="connsiteX150" fmla="*/ 1011029 w 1036954"/>
                  <a:gd name="connsiteY150" fmla="*/ 153032 h 229366"/>
                  <a:gd name="connsiteX151" fmla="*/ 1007938 w 1036954"/>
                  <a:gd name="connsiteY151" fmla="*/ 157544 h 229366"/>
                  <a:gd name="connsiteX152" fmla="*/ 1006864 w 1036954"/>
                  <a:gd name="connsiteY152" fmla="*/ 162752 h 229366"/>
                  <a:gd name="connsiteX153" fmla="*/ 1007851 w 1036954"/>
                  <a:gd name="connsiteY153" fmla="*/ 167900 h 229366"/>
                  <a:gd name="connsiteX154" fmla="*/ 1010795 w 1036954"/>
                  <a:gd name="connsiteY154" fmla="*/ 172240 h 229366"/>
                  <a:gd name="connsiteX155" fmla="*/ 1015272 w 1036954"/>
                  <a:gd name="connsiteY155" fmla="*/ 175292 h 229366"/>
                  <a:gd name="connsiteX156" fmla="*/ 1020511 w 1036954"/>
                  <a:gd name="connsiteY156" fmla="*/ 176360 h 229366"/>
                  <a:gd name="connsiteX157" fmla="*/ 1025663 w 1036954"/>
                  <a:gd name="connsiteY157" fmla="*/ 175336 h 229366"/>
                  <a:gd name="connsiteX158" fmla="*/ 1030226 w 1036954"/>
                  <a:gd name="connsiteY158" fmla="*/ 172382 h 229366"/>
                  <a:gd name="connsiteX159" fmla="*/ 1033197 w 1036954"/>
                  <a:gd name="connsiteY159" fmla="*/ 168089 h 229366"/>
                  <a:gd name="connsiteX160" fmla="*/ 1034244 w 1036954"/>
                  <a:gd name="connsiteY160" fmla="*/ 163019 h 229366"/>
                  <a:gd name="connsiteX161" fmla="*/ 1033257 w 1036954"/>
                  <a:gd name="connsiteY161" fmla="*/ 157657 h 229366"/>
                  <a:gd name="connsiteX162" fmla="*/ 1030365 w 1036954"/>
                  <a:gd name="connsiteY162" fmla="*/ 153255 h 229366"/>
                  <a:gd name="connsiteX163" fmla="*/ 1025888 w 1036954"/>
                  <a:gd name="connsiteY163" fmla="*/ 150202 h 229366"/>
                  <a:gd name="connsiteX164" fmla="*/ 1020563 w 1036954"/>
                  <a:gd name="connsiteY164" fmla="*/ 149167 h 229366"/>
                  <a:gd name="connsiteX165" fmla="*/ 1015359 w 1036954"/>
                  <a:gd name="connsiteY165" fmla="*/ 150169 h 229366"/>
                  <a:gd name="connsiteX166" fmla="*/ 1020875 w 1036954"/>
                  <a:gd name="connsiteY166" fmla="*/ 153423 h 229366"/>
                  <a:gd name="connsiteX167" fmla="*/ 1026693 w 1036954"/>
                  <a:gd name="connsiteY167" fmla="*/ 154736 h 229366"/>
                  <a:gd name="connsiteX168" fmla="*/ 1028633 w 1036954"/>
                  <a:gd name="connsiteY168" fmla="*/ 158640 h 229366"/>
                  <a:gd name="connsiteX169" fmla="*/ 1027594 w 1036954"/>
                  <a:gd name="connsiteY169" fmla="*/ 161668 h 229366"/>
                  <a:gd name="connsiteX170" fmla="*/ 1024667 w 1036954"/>
                  <a:gd name="connsiteY170" fmla="*/ 163419 h 229366"/>
                  <a:gd name="connsiteX171" fmla="*/ 1028737 w 1036954"/>
                  <a:gd name="connsiteY171" fmla="*/ 171489 h 229366"/>
                  <a:gd name="connsiteX172" fmla="*/ 1023810 w 1036954"/>
                  <a:gd name="connsiteY172" fmla="*/ 171489 h 229366"/>
                  <a:gd name="connsiteX173" fmla="*/ 1020338 w 1036954"/>
                  <a:gd name="connsiteY173" fmla="*/ 164103 h 229366"/>
                  <a:gd name="connsiteX174" fmla="*/ 1018164 w 1036954"/>
                  <a:gd name="connsiteY174" fmla="*/ 164103 h 229366"/>
                  <a:gd name="connsiteX175" fmla="*/ 1018164 w 1036954"/>
                  <a:gd name="connsiteY175" fmla="*/ 171489 h 229366"/>
                  <a:gd name="connsiteX176" fmla="*/ 1013722 w 1036954"/>
                  <a:gd name="connsiteY176" fmla="*/ 171489 h 229366"/>
                  <a:gd name="connsiteX177" fmla="*/ 1013722 w 1036954"/>
                  <a:gd name="connsiteY177" fmla="*/ 153423 h 229366"/>
                  <a:gd name="connsiteX178" fmla="*/ 1020875 w 1036954"/>
                  <a:gd name="connsiteY178" fmla="*/ 153423 h 229366"/>
                  <a:gd name="connsiteX179" fmla="*/ 1018164 w 1036954"/>
                  <a:gd name="connsiteY179" fmla="*/ 161449 h 229366"/>
                  <a:gd name="connsiteX180" fmla="*/ 1020338 w 1036954"/>
                  <a:gd name="connsiteY180" fmla="*/ 161449 h 229366"/>
                  <a:gd name="connsiteX181" fmla="*/ 1023178 w 1036954"/>
                  <a:gd name="connsiteY181" fmla="*/ 160822 h 229366"/>
                  <a:gd name="connsiteX182" fmla="*/ 1024078 w 1036954"/>
                  <a:gd name="connsiteY182" fmla="*/ 158904 h 229366"/>
                  <a:gd name="connsiteX183" fmla="*/ 1023135 w 1036954"/>
                  <a:gd name="connsiteY183" fmla="*/ 156879 h 229366"/>
                  <a:gd name="connsiteX184" fmla="*/ 1020104 w 1036954"/>
                  <a:gd name="connsiteY184" fmla="*/ 156208 h 229366"/>
                  <a:gd name="connsiteX185" fmla="*/ 1018164 w 1036954"/>
                  <a:gd name="connsiteY185" fmla="*/ 156208 h 229366"/>
                  <a:gd name="connsiteX186" fmla="*/ 1018164 w 1036954"/>
                  <a:gd name="connsiteY186" fmla="*/ 161449 h 2293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Lst>
                <a:rect l="l" t="t" r="r" b="b"/>
                <a:pathLst>
                  <a:path w="1036954" h="229366">
                    <a:moveTo>
                      <a:pt x="151659" y="174554"/>
                    </a:moveTo>
                    <a:cubicBezTo>
                      <a:pt x="150760" y="177231"/>
                      <a:pt x="148660" y="179014"/>
                      <a:pt x="144761" y="179014"/>
                    </a:cubicBezTo>
                    <a:lnTo>
                      <a:pt x="122865" y="179014"/>
                    </a:lnTo>
                    <a:cubicBezTo>
                      <a:pt x="119266" y="179014"/>
                      <a:pt x="117466" y="178123"/>
                      <a:pt x="116567" y="174554"/>
                    </a:cubicBezTo>
                    <a:lnTo>
                      <a:pt x="95871" y="97536"/>
                    </a:lnTo>
                    <a:cubicBezTo>
                      <a:pt x="93772" y="89805"/>
                      <a:pt x="92872" y="80587"/>
                      <a:pt x="91672" y="71665"/>
                    </a:cubicBezTo>
                    <a:cubicBezTo>
                      <a:pt x="90772" y="80884"/>
                      <a:pt x="89572" y="90102"/>
                      <a:pt x="87473" y="97536"/>
                    </a:cubicBezTo>
                    <a:lnTo>
                      <a:pt x="66177" y="174554"/>
                    </a:lnTo>
                    <a:cubicBezTo>
                      <a:pt x="65577" y="177231"/>
                      <a:pt x="63178" y="179014"/>
                      <a:pt x="59278" y="179014"/>
                    </a:cubicBezTo>
                    <a:lnTo>
                      <a:pt x="37083" y="179014"/>
                    </a:lnTo>
                    <a:cubicBezTo>
                      <a:pt x="33484" y="179014"/>
                      <a:pt x="31684" y="178123"/>
                      <a:pt x="30784" y="174554"/>
                    </a:cubicBezTo>
                    <a:lnTo>
                      <a:pt x="191" y="63636"/>
                    </a:lnTo>
                    <a:cubicBezTo>
                      <a:pt x="-709" y="59770"/>
                      <a:pt x="1690" y="57689"/>
                      <a:pt x="4990" y="57689"/>
                    </a:cubicBezTo>
                    <a:lnTo>
                      <a:pt x="19087" y="57689"/>
                    </a:lnTo>
                    <a:cubicBezTo>
                      <a:pt x="22986" y="57689"/>
                      <a:pt x="25086" y="58878"/>
                      <a:pt x="25985" y="62745"/>
                    </a:cubicBezTo>
                    <a:lnTo>
                      <a:pt x="45181" y="141844"/>
                    </a:lnTo>
                    <a:cubicBezTo>
                      <a:pt x="47281" y="150765"/>
                      <a:pt x="47881" y="160281"/>
                      <a:pt x="48781" y="168904"/>
                    </a:cubicBezTo>
                    <a:cubicBezTo>
                      <a:pt x="50280" y="160578"/>
                      <a:pt x="51480" y="150765"/>
                      <a:pt x="53880" y="142141"/>
                    </a:cubicBezTo>
                    <a:lnTo>
                      <a:pt x="75175" y="62447"/>
                    </a:lnTo>
                    <a:cubicBezTo>
                      <a:pt x="76075" y="59176"/>
                      <a:pt x="78774" y="57689"/>
                      <a:pt x="82374" y="57689"/>
                    </a:cubicBezTo>
                    <a:lnTo>
                      <a:pt x="99770" y="57689"/>
                    </a:lnTo>
                    <a:cubicBezTo>
                      <a:pt x="103369" y="57689"/>
                      <a:pt x="106369" y="59473"/>
                      <a:pt x="107269" y="62745"/>
                    </a:cubicBezTo>
                    <a:lnTo>
                      <a:pt x="128864" y="142141"/>
                    </a:lnTo>
                    <a:cubicBezTo>
                      <a:pt x="131264" y="150765"/>
                      <a:pt x="132463" y="160281"/>
                      <a:pt x="133663" y="168904"/>
                    </a:cubicBezTo>
                    <a:cubicBezTo>
                      <a:pt x="134863" y="160578"/>
                      <a:pt x="136063" y="150765"/>
                      <a:pt x="137862" y="142141"/>
                    </a:cubicBezTo>
                    <a:lnTo>
                      <a:pt x="155559" y="62447"/>
                    </a:lnTo>
                    <a:cubicBezTo>
                      <a:pt x="156159" y="59176"/>
                      <a:pt x="159158" y="57689"/>
                      <a:pt x="162757" y="57689"/>
                    </a:cubicBezTo>
                    <a:lnTo>
                      <a:pt x="175954" y="57689"/>
                    </a:lnTo>
                    <a:cubicBezTo>
                      <a:pt x="179254" y="57689"/>
                      <a:pt x="181654" y="59770"/>
                      <a:pt x="180754" y="63636"/>
                    </a:cubicBezTo>
                    <a:lnTo>
                      <a:pt x="151659" y="174554"/>
                    </a:lnTo>
                    <a:close/>
                    <a:moveTo>
                      <a:pt x="269535" y="180204"/>
                    </a:moveTo>
                    <a:cubicBezTo>
                      <a:pt x="234442" y="180204"/>
                      <a:pt x="211647" y="156415"/>
                      <a:pt x="211647" y="117460"/>
                    </a:cubicBezTo>
                    <a:cubicBezTo>
                      <a:pt x="211647" y="78802"/>
                      <a:pt x="234442" y="55608"/>
                      <a:pt x="269535" y="55608"/>
                    </a:cubicBezTo>
                    <a:cubicBezTo>
                      <a:pt x="304628" y="55608"/>
                      <a:pt x="326823" y="79100"/>
                      <a:pt x="326823" y="117460"/>
                    </a:cubicBezTo>
                    <a:cubicBezTo>
                      <a:pt x="326823" y="156415"/>
                      <a:pt x="304628" y="180204"/>
                      <a:pt x="269535" y="180204"/>
                    </a:cubicBezTo>
                    <a:close/>
                    <a:moveTo>
                      <a:pt x="268936" y="72557"/>
                    </a:moveTo>
                    <a:cubicBezTo>
                      <a:pt x="248239" y="72557"/>
                      <a:pt x="236542" y="87426"/>
                      <a:pt x="236542" y="117757"/>
                    </a:cubicBezTo>
                    <a:cubicBezTo>
                      <a:pt x="236542" y="148683"/>
                      <a:pt x="247940" y="163849"/>
                      <a:pt x="268936" y="163849"/>
                    </a:cubicBezTo>
                    <a:cubicBezTo>
                      <a:pt x="289631" y="163849"/>
                      <a:pt x="301328" y="148980"/>
                      <a:pt x="301328" y="117757"/>
                    </a:cubicBezTo>
                    <a:cubicBezTo>
                      <a:pt x="301029" y="87426"/>
                      <a:pt x="289631" y="72557"/>
                      <a:pt x="268936" y="72557"/>
                    </a:cubicBezTo>
                    <a:close/>
                    <a:moveTo>
                      <a:pt x="439300" y="74639"/>
                    </a:moveTo>
                    <a:cubicBezTo>
                      <a:pt x="438400" y="78207"/>
                      <a:pt x="435701" y="80289"/>
                      <a:pt x="430602" y="79100"/>
                    </a:cubicBezTo>
                    <a:cubicBezTo>
                      <a:pt x="426403" y="78207"/>
                      <a:pt x="419504" y="76423"/>
                      <a:pt x="413806" y="76423"/>
                    </a:cubicBezTo>
                    <a:cubicBezTo>
                      <a:pt x="405107" y="76423"/>
                      <a:pt x="393410" y="86236"/>
                      <a:pt x="393410" y="108241"/>
                    </a:cubicBezTo>
                    <a:lnTo>
                      <a:pt x="393410" y="173959"/>
                    </a:lnTo>
                    <a:cubicBezTo>
                      <a:pt x="393410" y="176636"/>
                      <a:pt x="390410" y="179014"/>
                      <a:pt x="387110" y="179014"/>
                    </a:cubicBezTo>
                    <a:lnTo>
                      <a:pt x="375713" y="179014"/>
                    </a:lnTo>
                    <a:cubicBezTo>
                      <a:pt x="372413" y="179014"/>
                      <a:pt x="369415" y="176636"/>
                      <a:pt x="369415" y="173959"/>
                    </a:cubicBezTo>
                    <a:lnTo>
                      <a:pt x="369415" y="62745"/>
                    </a:lnTo>
                    <a:cubicBezTo>
                      <a:pt x="369415" y="59770"/>
                      <a:pt x="372413" y="57689"/>
                      <a:pt x="375713" y="57689"/>
                    </a:cubicBezTo>
                    <a:lnTo>
                      <a:pt x="382612" y="57689"/>
                    </a:lnTo>
                    <a:cubicBezTo>
                      <a:pt x="385611" y="57689"/>
                      <a:pt x="388011" y="58878"/>
                      <a:pt x="388911" y="61555"/>
                    </a:cubicBezTo>
                    <a:lnTo>
                      <a:pt x="393109" y="75234"/>
                    </a:lnTo>
                    <a:cubicBezTo>
                      <a:pt x="401508" y="63339"/>
                      <a:pt x="412906" y="55905"/>
                      <a:pt x="427003" y="55905"/>
                    </a:cubicBezTo>
                    <a:cubicBezTo>
                      <a:pt x="436601" y="55905"/>
                      <a:pt x="444099" y="59770"/>
                      <a:pt x="442600" y="64826"/>
                    </a:cubicBezTo>
                    <a:lnTo>
                      <a:pt x="439300" y="74639"/>
                    </a:lnTo>
                    <a:close/>
                    <a:moveTo>
                      <a:pt x="714643" y="177826"/>
                    </a:moveTo>
                    <a:lnTo>
                      <a:pt x="708345" y="177826"/>
                    </a:lnTo>
                    <a:cubicBezTo>
                      <a:pt x="703845" y="177826"/>
                      <a:pt x="701446" y="176339"/>
                      <a:pt x="700546" y="172770"/>
                    </a:cubicBezTo>
                    <a:lnTo>
                      <a:pt x="698147" y="162660"/>
                    </a:lnTo>
                    <a:cubicBezTo>
                      <a:pt x="689449" y="174852"/>
                      <a:pt x="678651" y="179907"/>
                      <a:pt x="662754" y="179907"/>
                    </a:cubicBezTo>
                    <a:cubicBezTo>
                      <a:pt x="631560" y="179907"/>
                      <a:pt x="615363" y="158794"/>
                      <a:pt x="615363" y="118054"/>
                    </a:cubicBezTo>
                    <a:cubicBezTo>
                      <a:pt x="615363" y="93076"/>
                      <a:pt x="619563" y="80884"/>
                      <a:pt x="629761" y="69287"/>
                    </a:cubicBezTo>
                    <a:cubicBezTo>
                      <a:pt x="637559" y="60366"/>
                      <a:pt x="650457" y="55608"/>
                      <a:pt x="663654" y="55608"/>
                    </a:cubicBezTo>
                    <a:cubicBezTo>
                      <a:pt x="678351" y="55608"/>
                      <a:pt x="689449" y="61555"/>
                      <a:pt x="697547" y="73450"/>
                    </a:cubicBezTo>
                    <a:lnTo>
                      <a:pt x="697547" y="5055"/>
                    </a:lnTo>
                    <a:cubicBezTo>
                      <a:pt x="697547" y="2082"/>
                      <a:pt x="700546" y="0"/>
                      <a:pt x="703845" y="0"/>
                    </a:cubicBezTo>
                    <a:lnTo>
                      <a:pt x="714643" y="0"/>
                    </a:lnTo>
                    <a:cubicBezTo>
                      <a:pt x="717942" y="0"/>
                      <a:pt x="720942" y="2082"/>
                      <a:pt x="720942" y="5055"/>
                    </a:cubicBezTo>
                    <a:lnTo>
                      <a:pt x="720942" y="172770"/>
                    </a:lnTo>
                    <a:cubicBezTo>
                      <a:pt x="720942" y="175744"/>
                      <a:pt x="717942" y="177826"/>
                      <a:pt x="714643" y="177826"/>
                    </a:cubicBezTo>
                    <a:close/>
                    <a:moveTo>
                      <a:pt x="668753" y="72260"/>
                    </a:moveTo>
                    <a:cubicBezTo>
                      <a:pt x="659755" y="72260"/>
                      <a:pt x="652856" y="75531"/>
                      <a:pt x="648657" y="82073"/>
                    </a:cubicBezTo>
                    <a:cubicBezTo>
                      <a:pt x="644458" y="88615"/>
                      <a:pt x="641159" y="99321"/>
                      <a:pt x="641159" y="117757"/>
                    </a:cubicBezTo>
                    <a:cubicBezTo>
                      <a:pt x="641159" y="149873"/>
                      <a:pt x="649556" y="163254"/>
                      <a:pt x="668453" y="163254"/>
                    </a:cubicBezTo>
                    <a:cubicBezTo>
                      <a:pt x="687949" y="163254"/>
                      <a:pt x="697847" y="148683"/>
                      <a:pt x="697847" y="118352"/>
                    </a:cubicBezTo>
                    <a:cubicBezTo>
                      <a:pt x="698147" y="88318"/>
                      <a:pt x="687349" y="72260"/>
                      <a:pt x="668753" y="72260"/>
                    </a:cubicBezTo>
                    <a:close/>
                    <a:moveTo>
                      <a:pt x="577572" y="179014"/>
                    </a:moveTo>
                    <a:lnTo>
                      <a:pt x="559275" y="179014"/>
                    </a:lnTo>
                    <a:cubicBezTo>
                      <a:pt x="556276" y="179014"/>
                      <a:pt x="553877" y="177231"/>
                      <a:pt x="552077" y="174852"/>
                    </a:cubicBezTo>
                    <a:lnTo>
                      <a:pt x="505586" y="116271"/>
                    </a:lnTo>
                    <a:lnTo>
                      <a:pt x="505586" y="173959"/>
                    </a:lnTo>
                    <a:cubicBezTo>
                      <a:pt x="505586" y="176636"/>
                      <a:pt x="502587" y="179014"/>
                      <a:pt x="499287" y="179014"/>
                    </a:cubicBezTo>
                    <a:lnTo>
                      <a:pt x="488489" y="179014"/>
                    </a:lnTo>
                    <a:cubicBezTo>
                      <a:pt x="485190" y="179014"/>
                      <a:pt x="482191" y="176636"/>
                      <a:pt x="482191" y="173959"/>
                    </a:cubicBezTo>
                    <a:lnTo>
                      <a:pt x="482191" y="5650"/>
                    </a:lnTo>
                    <a:cubicBezTo>
                      <a:pt x="482191" y="2677"/>
                      <a:pt x="485190" y="595"/>
                      <a:pt x="488489" y="595"/>
                    </a:cubicBezTo>
                    <a:lnTo>
                      <a:pt x="499287" y="595"/>
                    </a:lnTo>
                    <a:cubicBezTo>
                      <a:pt x="502587" y="595"/>
                      <a:pt x="505586" y="2677"/>
                      <a:pt x="505586" y="5650"/>
                    </a:cubicBezTo>
                    <a:lnTo>
                      <a:pt x="505586" y="113891"/>
                    </a:lnTo>
                    <a:lnTo>
                      <a:pt x="553277" y="61258"/>
                    </a:lnTo>
                    <a:cubicBezTo>
                      <a:pt x="554776" y="59176"/>
                      <a:pt x="557176" y="57392"/>
                      <a:pt x="561075" y="57392"/>
                    </a:cubicBezTo>
                    <a:lnTo>
                      <a:pt x="577272" y="57392"/>
                    </a:lnTo>
                    <a:cubicBezTo>
                      <a:pt x="581471" y="57392"/>
                      <a:pt x="582970" y="60960"/>
                      <a:pt x="580571" y="63339"/>
                    </a:cubicBezTo>
                    <a:lnTo>
                      <a:pt x="529581" y="113891"/>
                    </a:lnTo>
                    <a:lnTo>
                      <a:pt x="580571" y="172472"/>
                    </a:lnTo>
                    <a:cubicBezTo>
                      <a:pt x="582970" y="175446"/>
                      <a:pt x="581771" y="179014"/>
                      <a:pt x="577572" y="179014"/>
                    </a:cubicBezTo>
                    <a:close/>
                    <a:moveTo>
                      <a:pt x="898504" y="62745"/>
                    </a:moveTo>
                    <a:cubicBezTo>
                      <a:pt x="897309" y="60068"/>
                      <a:pt x="900305" y="57689"/>
                      <a:pt x="903908" y="57689"/>
                    </a:cubicBezTo>
                    <a:lnTo>
                      <a:pt x="918005" y="57689"/>
                    </a:lnTo>
                    <a:cubicBezTo>
                      <a:pt x="921901" y="57689"/>
                      <a:pt x="924603" y="59473"/>
                      <a:pt x="925798" y="62745"/>
                    </a:cubicBezTo>
                    <a:lnTo>
                      <a:pt x="953992" y="136194"/>
                    </a:lnTo>
                    <a:cubicBezTo>
                      <a:pt x="955195" y="139762"/>
                      <a:pt x="956390" y="144818"/>
                      <a:pt x="957291" y="148980"/>
                    </a:cubicBezTo>
                    <a:cubicBezTo>
                      <a:pt x="958191" y="145115"/>
                      <a:pt x="960296" y="137978"/>
                      <a:pt x="962391" y="131733"/>
                    </a:cubicBezTo>
                    <a:lnTo>
                      <a:pt x="984887" y="62745"/>
                    </a:lnTo>
                    <a:cubicBezTo>
                      <a:pt x="985788" y="59473"/>
                      <a:pt x="988784" y="57986"/>
                      <a:pt x="992689" y="57986"/>
                    </a:cubicBezTo>
                    <a:lnTo>
                      <a:pt x="1006483" y="57986"/>
                    </a:lnTo>
                    <a:cubicBezTo>
                      <a:pt x="1010085" y="57986"/>
                      <a:pt x="1012778" y="60365"/>
                      <a:pt x="1011878" y="63042"/>
                    </a:cubicBezTo>
                    <a:lnTo>
                      <a:pt x="965093" y="196262"/>
                    </a:lnTo>
                    <a:cubicBezTo>
                      <a:pt x="960296" y="209941"/>
                      <a:pt x="950996" y="220646"/>
                      <a:pt x="935098" y="226593"/>
                    </a:cubicBezTo>
                    <a:lnTo>
                      <a:pt x="928499" y="228972"/>
                    </a:lnTo>
                    <a:cubicBezTo>
                      <a:pt x="925798" y="229865"/>
                      <a:pt x="921901" y="229270"/>
                      <a:pt x="920100" y="226891"/>
                    </a:cubicBezTo>
                    <a:lnTo>
                      <a:pt x="915606" y="220052"/>
                    </a:lnTo>
                    <a:cubicBezTo>
                      <a:pt x="914402" y="217970"/>
                      <a:pt x="915900" y="214104"/>
                      <a:pt x="918905" y="213212"/>
                    </a:cubicBezTo>
                    <a:lnTo>
                      <a:pt x="923702" y="211428"/>
                    </a:lnTo>
                    <a:cubicBezTo>
                      <a:pt x="935695" y="207265"/>
                      <a:pt x="944397" y="194181"/>
                      <a:pt x="947991" y="177826"/>
                    </a:cubicBezTo>
                    <a:lnTo>
                      <a:pt x="898504" y="62745"/>
                    </a:lnTo>
                    <a:close/>
                    <a:moveTo>
                      <a:pt x="817822" y="55608"/>
                    </a:moveTo>
                    <a:cubicBezTo>
                      <a:pt x="852915" y="55608"/>
                      <a:pt x="870908" y="78802"/>
                      <a:pt x="870613" y="117460"/>
                    </a:cubicBezTo>
                    <a:lnTo>
                      <a:pt x="870613" y="173067"/>
                    </a:lnTo>
                    <a:cubicBezTo>
                      <a:pt x="870613" y="175744"/>
                      <a:pt x="867609" y="178123"/>
                      <a:pt x="864310" y="178123"/>
                    </a:cubicBezTo>
                    <a:lnTo>
                      <a:pt x="858014" y="178123"/>
                    </a:lnTo>
                    <a:cubicBezTo>
                      <a:pt x="853514" y="178123"/>
                      <a:pt x="851115" y="176636"/>
                      <a:pt x="850215" y="173067"/>
                    </a:cubicBezTo>
                    <a:lnTo>
                      <a:pt x="847816" y="162659"/>
                    </a:lnTo>
                    <a:cubicBezTo>
                      <a:pt x="839118" y="175149"/>
                      <a:pt x="830119" y="179907"/>
                      <a:pt x="816022" y="179907"/>
                    </a:cubicBezTo>
                    <a:cubicBezTo>
                      <a:pt x="783329" y="179907"/>
                      <a:pt x="762333" y="156712"/>
                      <a:pt x="762333" y="117757"/>
                    </a:cubicBezTo>
                    <a:cubicBezTo>
                      <a:pt x="762333" y="79100"/>
                      <a:pt x="782729" y="55608"/>
                      <a:pt x="817822" y="55608"/>
                    </a:cubicBezTo>
                    <a:close/>
                    <a:moveTo>
                      <a:pt x="817222" y="162957"/>
                    </a:moveTo>
                    <a:cubicBezTo>
                      <a:pt x="837918" y="162957"/>
                      <a:pt x="847816" y="148683"/>
                      <a:pt x="847816" y="117460"/>
                    </a:cubicBezTo>
                    <a:cubicBezTo>
                      <a:pt x="847816" y="87129"/>
                      <a:pt x="837918" y="72260"/>
                      <a:pt x="817222" y="72260"/>
                    </a:cubicBezTo>
                    <a:cubicBezTo>
                      <a:pt x="796526" y="72260"/>
                      <a:pt x="787529" y="87129"/>
                      <a:pt x="787529" y="117460"/>
                    </a:cubicBezTo>
                    <a:cubicBezTo>
                      <a:pt x="787529" y="148683"/>
                      <a:pt x="796526" y="162957"/>
                      <a:pt x="817222" y="162957"/>
                    </a:cubicBezTo>
                    <a:close/>
                    <a:moveTo>
                      <a:pt x="1026927" y="147750"/>
                    </a:moveTo>
                    <a:cubicBezTo>
                      <a:pt x="1028928" y="148585"/>
                      <a:pt x="1030720" y="149813"/>
                      <a:pt x="1032296" y="151372"/>
                    </a:cubicBezTo>
                    <a:cubicBezTo>
                      <a:pt x="1033794" y="152887"/>
                      <a:pt x="1034972" y="154647"/>
                      <a:pt x="1035742" y="156565"/>
                    </a:cubicBezTo>
                    <a:cubicBezTo>
                      <a:pt x="1036548" y="158548"/>
                      <a:pt x="1036955" y="160602"/>
                      <a:pt x="1036955" y="162796"/>
                    </a:cubicBezTo>
                    <a:cubicBezTo>
                      <a:pt x="1036955" y="165034"/>
                      <a:pt x="1036548" y="167086"/>
                      <a:pt x="1035690" y="169072"/>
                    </a:cubicBezTo>
                    <a:cubicBezTo>
                      <a:pt x="1034876" y="171079"/>
                      <a:pt x="1033699" y="172771"/>
                      <a:pt x="1032123" y="174309"/>
                    </a:cubicBezTo>
                    <a:cubicBezTo>
                      <a:pt x="1030538" y="175826"/>
                      <a:pt x="1028737" y="176999"/>
                      <a:pt x="1026745" y="177845"/>
                    </a:cubicBezTo>
                    <a:cubicBezTo>
                      <a:pt x="1024762" y="178659"/>
                      <a:pt x="1022676" y="179059"/>
                      <a:pt x="1020511" y="179059"/>
                    </a:cubicBezTo>
                    <a:cubicBezTo>
                      <a:pt x="1018337" y="179059"/>
                      <a:pt x="1016225" y="178611"/>
                      <a:pt x="1014233" y="177809"/>
                    </a:cubicBezTo>
                    <a:cubicBezTo>
                      <a:pt x="1012241" y="176954"/>
                      <a:pt x="1010423" y="175693"/>
                      <a:pt x="1008856" y="174134"/>
                    </a:cubicBezTo>
                    <a:cubicBezTo>
                      <a:pt x="1007314" y="172605"/>
                      <a:pt x="1006189" y="170853"/>
                      <a:pt x="1005383" y="168935"/>
                    </a:cubicBezTo>
                    <a:cubicBezTo>
                      <a:pt x="1004561" y="166952"/>
                      <a:pt x="1004145" y="164949"/>
                      <a:pt x="1004145" y="162796"/>
                    </a:cubicBezTo>
                    <a:cubicBezTo>
                      <a:pt x="1004145" y="161312"/>
                      <a:pt x="1004370" y="159886"/>
                      <a:pt x="1004743" y="158438"/>
                    </a:cubicBezTo>
                    <a:cubicBezTo>
                      <a:pt x="1005150" y="157054"/>
                      <a:pt x="1005730" y="155674"/>
                      <a:pt x="1006552" y="154326"/>
                    </a:cubicBezTo>
                    <a:cubicBezTo>
                      <a:pt x="1008042" y="151862"/>
                      <a:pt x="1009990" y="149944"/>
                      <a:pt x="1012415" y="148552"/>
                    </a:cubicBezTo>
                    <a:cubicBezTo>
                      <a:pt x="1014874" y="147159"/>
                      <a:pt x="1017567" y="146488"/>
                      <a:pt x="1020511" y="146488"/>
                    </a:cubicBezTo>
                    <a:cubicBezTo>
                      <a:pt x="1022762" y="146488"/>
                      <a:pt x="1024901" y="146892"/>
                      <a:pt x="1026927" y="147750"/>
                    </a:cubicBezTo>
                    <a:close/>
                    <a:moveTo>
                      <a:pt x="1015359" y="150169"/>
                    </a:moveTo>
                    <a:cubicBezTo>
                      <a:pt x="1013722" y="150790"/>
                      <a:pt x="1012293" y="151782"/>
                      <a:pt x="1011029" y="153032"/>
                    </a:cubicBezTo>
                    <a:cubicBezTo>
                      <a:pt x="1009661" y="154326"/>
                      <a:pt x="1008674" y="155852"/>
                      <a:pt x="1007938" y="157544"/>
                    </a:cubicBezTo>
                    <a:cubicBezTo>
                      <a:pt x="1007228" y="159219"/>
                      <a:pt x="1006864" y="160955"/>
                      <a:pt x="1006864" y="162752"/>
                    </a:cubicBezTo>
                    <a:cubicBezTo>
                      <a:pt x="1006864" y="164548"/>
                      <a:pt x="1007185" y="166285"/>
                      <a:pt x="1007851" y="167900"/>
                    </a:cubicBezTo>
                    <a:cubicBezTo>
                      <a:pt x="1008535" y="169517"/>
                      <a:pt x="1009531" y="170987"/>
                      <a:pt x="1010795" y="172240"/>
                    </a:cubicBezTo>
                    <a:cubicBezTo>
                      <a:pt x="1012103" y="173552"/>
                      <a:pt x="1013601" y="174579"/>
                      <a:pt x="1015272" y="175292"/>
                    </a:cubicBezTo>
                    <a:cubicBezTo>
                      <a:pt x="1016943" y="176001"/>
                      <a:pt x="1018692" y="176360"/>
                      <a:pt x="1020511" y="176360"/>
                    </a:cubicBezTo>
                    <a:cubicBezTo>
                      <a:pt x="1022269" y="176360"/>
                      <a:pt x="1023983" y="176001"/>
                      <a:pt x="1025663" y="175336"/>
                    </a:cubicBezTo>
                    <a:cubicBezTo>
                      <a:pt x="1027326" y="174666"/>
                      <a:pt x="1028867" y="173686"/>
                      <a:pt x="1030226" y="172382"/>
                    </a:cubicBezTo>
                    <a:cubicBezTo>
                      <a:pt x="1031491" y="171180"/>
                      <a:pt x="1032478" y="169741"/>
                      <a:pt x="1033197" y="168089"/>
                    </a:cubicBezTo>
                    <a:cubicBezTo>
                      <a:pt x="1033889" y="166472"/>
                      <a:pt x="1034244" y="164768"/>
                      <a:pt x="1034244" y="163019"/>
                    </a:cubicBezTo>
                    <a:cubicBezTo>
                      <a:pt x="1034244" y="161092"/>
                      <a:pt x="1033924" y="159305"/>
                      <a:pt x="1033257" y="157657"/>
                    </a:cubicBezTo>
                    <a:cubicBezTo>
                      <a:pt x="1032616" y="156030"/>
                      <a:pt x="1031620" y="154546"/>
                      <a:pt x="1030365" y="153255"/>
                    </a:cubicBezTo>
                    <a:cubicBezTo>
                      <a:pt x="1029005" y="151906"/>
                      <a:pt x="1027559" y="150879"/>
                      <a:pt x="1025888" y="150202"/>
                    </a:cubicBezTo>
                    <a:cubicBezTo>
                      <a:pt x="1024226" y="149531"/>
                      <a:pt x="1022451" y="149167"/>
                      <a:pt x="1020563" y="149167"/>
                    </a:cubicBezTo>
                    <a:cubicBezTo>
                      <a:pt x="1018692" y="149167"/>
                      <a:pt x="1016943" y="149499"/>
                      <a:pt x="1015359" y="150169"/>
                    </a:cubicBezTo>
                    <a:close/>
                    <a:moveTo>
                      <a:pt x="1020875" y="153423"/>
                    </a:moveTo>
                    <a:cubicBezTo>
                      <a:pt x="1023438" y="153423"/>
                      <a:pt x="1025395" y="153881"/>
                      <a:pt x="1026693" y="154736"/>
                    </a:cubicBezTo>
                    <a:cubicBezTo>
                      <a:pt x="1028001" y="155630"/>
                      <a:pt x="1028633" y="156879"/>
                      <a:pt x="1028633" y="158640"/>
                    </a:cubicBezTo>
                    <a:cubicBezTo>
                      <a:pt x="1028633" y="159845"/>
                      <a:pt x="1028287" y="160822"/>
                      <a:pt x="1027594" y="161668"/>
                    </a:cubicBezTo>
                    <a:cubicBezTo>
                      <a:pt x="1026875" y="162529"/>
                      <a:pt x="1025888" y="163111"/>
                      <a:pt x="1024667" y="163419"/>
                    </a:cubicBezTo>
                    <a:lnTo>
                      <a:pt x="1028737" y="171489"/>
                    </a:lnTo>
                    <a:lnTo>
                      <a:pt x="1023810" y="171489"/>
                    </a:lnTo>
                    <a:lnTo>
                      <a:pt x="1020338" y="164103"/>
                    </a:lnTo>
                    <a:lnTo>
                      <a:pt x="1018164" y="164103"/>
                    </a:lnTo>
                    <a:lnTo>
                      <a:pt x="1018164" y="171489"/>
                    </a:lnTo>
                    <a:lnTo>
                      <a:pt x="1013722" y="171489"/>
                    </a:lnTo>
                    <a:lnTo>
                      <a:pt x="1013722" y="153423"/>
                    </a:lnTo>
                    <a:lnTo>
                      <a:pt x="1020875" y="153423"/>
                    </a:lnTo>
                    <a:close/>
                    <a:moveTo>
                      <a:pt x="1018164" y="161449"/>
                    </a:moveTo>
                    <a:lnTo>
                      <a:pt x="1020338" y="161449"/>
                    </a:lnTo>
                    <a:cubicBezTo>
                      <a:pt x="1021637" y="161449"/>
                      <a:pt x="1022580" y="161223"/>
                      <a:pt x="1023178" y="160822"/>
                    </a:cubicBezTo>
                    <a:cubicBezTo>
                      <a:pt x="1023767" y="160421"/>
                      <a:pt x="1024078" y="159801"/>
                      <a:pt x="1024078" y="158904"/>
                    </a:cubicBezTo>
                    <a:cubicBezTo>
                      <a:pt x="1024078" y="158001"/>
                      <a:pt x="1023767" y="157324"/>
                      <a:pt x="1023135" y="156879"/>
                    </a:cubicBezTo>
                    <a:cubicBezTo>
                      <a:pt x="1022451" y="156434"/>
                      <a:pt x="1021455" y="156208"/>
                      <a:pt x="1020104" y="156208"/>
                    </a:cubicBezTo>
                    <a:lnTo>
                      <a:pt x="1018164" y="156208"/>
                    </a:lnTo>
                    <a:lnTo>
                      <a:pt x="1018164" y="161449"/>
                    </a:lnTo>
                    <a:close/>
                  </a:path>
                </a:pathLst>
              </a:custGeom>
              <a:solidFill>
                <a:srgbClr val="005CB9"/>
              </a:solidFill>
              <a:ln w="865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38" name="Freeform: Shape 137">
                <a:extLst>
                  <a:ext uri="{FF2B5EF4-FFF2-40B4-BE49-F238E27FC236}">
                    <a16:creationId xmlns:a16="http://schemas.microsoft.com/office/drawing/2014/main" id="{D797A034-22AF-98D6-36C2-04AA4E2FF7B6}"/>
                  </a:ext>
                </a:extLst>
              </p:cNvPr>
              <p:cNvSpPr/>
              <p:nvPr/>
            </p:nvSpPr>
            <p:spPr>
              <a:xfrm>
                <a:off x="5959277" y="3533117"/>
                <a:ext cx="546487" cy="200722"/>
              </a:xfrm>
              <a:custGeom>
                <a:avLst/>
                <a:gdLst>
                  <a:gd name="connsiteX0" fmla="*/ 32094 w 546487"/>
                  <a:gd name="connsiteY0" fmla="*/ 190017 h 200722"/>
                  <a:gd name="connsiteX1" fmla="*/ 273244 w 546487"/>
                  <a:gd name="connsiteY1" fmla="*/ 31818 h 200722"/>
                  <a:gd name="connsiteX2" fmla="*/ 514394 w 546487"/>
                  <a:gd name="connsiteY2" fmla="*/ 190017 h 200722"/>
                  <a:gd name="connsiteX3" fmla="*/ 529991 w 546487"/>
                  <a:gd name="connsiteY3" fmla="*/ 200722 h 200722"/>
                  <a:gd name="connsiteX4" fmla="*/ 546487 w 546487"/>
                  <a:gd name="connsiteY4" fmla="*/ 184367 h 200722"/>
                  <a:gd name="connsiteX5" fmla="*/ 545288 w 546487"/>
                  <a:gd name="connsiteY5" fmla="*/ 178123 h 200722"/>
                  <a:gd name="connsiteX6" fmla="*/ 273244 w 546487"/>
                  <a:gd name="connsiteY6" fmla="*/ 0 h 200722"/>
                  <a:gd name="connsiteX7" fmla="*/ 1200 w 546487"/>
                  <a:gd name="connsiteY7" fmla="*/ 178123 h 200722"/>
                  <a:gd name="connsiteX8" fmla="*/ 0 w 546487"/>
                  <a:gd name="connsiteY8" fmla="*/ 184367 h 200722"/>
                  <a:gd name="connsiteX9" fmla="*/ 16497 w 546487"/>
                  <a:gd name="connsiteY9" fmla="*/ 200722 h 200722"/>
                  <a:gd name="connsiteX10" fmla="*/ 32094 w 546487"/>
                  <a:gd name="connsiteY10" fmla="*/ 190017 h 2007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46487" h="200722">
                    <a:moveTo>
                      <a:pt x="32094" y="190017"/>
                    </a:moveTo>
                    <a:cubicBezTo>
                      <a:pt x="71986" y="96942"/>
                      <a:pt x="164966" y="31818"/>
                      <a:pt x="273244" y="31818"/>
                    </a:cubicBezTo>
                    <a:cubicBezTo>
                      <a:pt x="381521" y="31818"/>
                      <a:pt x="474503" y="96942"/>
                      <a:pt x="514394" y="190017"/>
                    </a:cubicBezTo>
                    <a:cubicBezTo>
                      <a:pt x="516794" y="196262"/>
                      <a:pt x="522793" y="200722"/>
                      <a:pt x="529991" y="200722"/>
                    </a:cubicBezTo>
                    <a:cubicBezTo>
                      <a:pt x="538989" y="200722"/>
                      <a:pt x="546487" y="193289"/>
                      <a:pt x="546487" y="184367"/>
                    </a:cubicBezTo>
                    <a:cubicBezTo>
                      <a:pt x="546487" y="182286"/>
                      <a:pt x="546188" y="180205"/>
                      <a:pt x="545288" y="178123"/>
                    </a:cubicBezTo>
                    <a:cubicBezTo>
                      <a:pt x="500297" y="73450"/>
                      <a:pt x="395319" y="0"/>
                      <a:pt x="273244" y="0"/>
                    </a:cubicBezTo>
                    <a:cubicBezTo>
                      <a:pt x="151170" y="0"/>
                      <a:pt x="46191" y="73450"/>
                      <a:pt x="1200" y="178123"/>
                    </a:cubicBezTo>
                    <a:cubicBezTo>
                      <a:pt x="300" y="179907"/>
                      <a:pt x="0" y="182286"/>
                      <a:pt x="0" y="184367"/>
                    </a:cubicBezTo>
                    <a:cubicBezTo>
                      <a:pt x="0" y="193289"/>
                      <a:pt x="7499" y="200722"/>
                      <a:pt x="16497" y="200722"/>
                    </a:cubicBezTo>
                    <a:cubicBezTo>
                      <a:pt x="23696" y="200722"/>
                      <a:pt x="29694" y="196262"/>
                      <a:pt x="32094" y="190017"/>
                    </a:cubicBezTo>
                    <a:close/>
                  </a:path>
                </a:pathLst>
              </a:custGeom>
              <a:solidFill>
                <a:srgbClr val="F38B00"/>
              </a:solidFill>
              <a:ln w="865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83" name="Graphic 53">
              <a:extLst>
                <a:ext uri="{FF2B5EF4-FFF2-40B4-BE49-F238E27FC236}">
                  <a16:creationId xmlns:a16="http://schemas.microsoft.com/office/drawing/2014/main" id="{D96F7F04-5773-2588-313D-C82E5AD6C9BB}"/>
                </a:ext>
              </a:extLst>
            </p:cNvPr>
            <p:cNvSpPr/>
            <p:nvPr/>
          </p:nvSpPr>
          <p:spPr>
            <a:xfrm>
              <a:off x="10111540" y="3633339"/>
              <a:ext cx="615750" cy="224605"/>
            </a:xfrm>
            <a:custGeom>
              <a:avLst/>
              <a:gdLst>
                <a:gd name="connsiteX0" fmla="*/ 596925 w 615750"/>
                <a:gd name="connsiteY0" fmla="*/ 37213 h 224605"/>
                <a:gd name="connsiteX1" fmla="*/ 615750 w 615750"/>
                <a:gd name="connsiteY1" fmla="*/ 18606 h 224605"/>
                <a:gd name="connsiteX2" fmla="*/ 596925 w 615750"/>
                <a:gd name="connsiteY2" fmla="*/ 0 h 224605"/>
                <a:gd name="connsiteX3" fmla="*/ 578100 w 615750"/>
                <a:gd name="connsiteY3" fmla="*/ 18606 h 224605"/>
                <a:gd name="connsiteX4" fmla="*/ 596925 w 615750"/>
                <a:gd name="connsiteY4" fmla="*/ 37213 h 224605"/>
                <a:gd name="connsiteX5" fmla="*/ 596925 w 615750"/>
                <a:gd name="connsiteY5" fmla="*/ 37213 h 224605"/>
                <a:gd name="connsiteX6" fmla="*/ 581410 w 615750"/>
                <a:gd name="connsiteY6" fmla="*/ 18709 h 224605"/>
                <a:gd name="connsiteX7" fmla="*/ 597442 w 615750"/>
                <a:gd name="connsiteY7" fmla="*/ 2863 h 224605"/>
                <a:gd name="connsiteX8" fmla="*/ 613475 w 615750"/>
                <a:gd name="connsiteY8" fmla="*/ 18709 h 224605"/>
                <a:gd name="connsiteX9" fmla="*/ 597442 w 615750"/>
                <a:gd name="connsiteY9" fmla="*/ 34555 h 224605"/>
                <a:gd name="connsiteX10" fmla="*/ 581410 w 615750"/>
                <a:gd name="connsiteY10" fmla="*/ 18709 h 224605"/>
                <a:gd name="connsiteX11" fmla="*/ 581410 w 615750"/>
                <a:gd name="connsiteY11" fmla="*/ 18709 h 224605"/>
                <a:gd name="connsiteX12" fmla="*/ 590098 w 615750"/>
                <a:gd name="connsiteY12" fmla="*/ 28216 h 224605"/>
                <a:gd name="connsiteX13" fmla="*/ 593719 w 615750"/>
                <a:gd name="connsiteY13" fmla="*/ 28216 h 224605"/>
                <a:gd name="connsiteX14" fmla="*/ 593719 w 615750"/>
                <a:gd name="connsiteY14" fmla="*/ 20038 h 224605"/>
                <a:gd name="connsiteX15" fmla="*/ 597856 w 615750"/>
                <a:gd name="connsiteY15" fmla="*/ 20038 h 224605"/>
                <a:gd name="connsiteX16" fmla="*/ 601063 w 615750"/>
                <a:gd name="connsiteY16" fmla="*/ 27705 h 224605"/>
                <a:gd name="connsiteX17" fmla="*/ 605200 w 615750"/>
                <a:gd name="connsiteY17" fmla="*/ 27705 h 224605"/>
                <a:gd name="connsiteX18" fmla="*/ 601580 w 615750"/>
                <a:gd name="connsiteY18" fmla="*/ 19118 h 224605"/>
                <a:gd name="connsiteX19" fmla="*/ 604786 w 615750"/>
                <a:gd name="connsiteY19" fmla="*/ 14108 h 224605"/>
                <a:gd name="connsiteX20" fmla="*/ 597029 w 615750"/>
                <a:gd name="connsiteY20" fmla="*/ 7770 h 224605"/>
                <a:gd name="connsiteX21" fmla="*/ 590616 w 615750"/>
                <a:gd name="connsiteY21" fmla="*/ 7770 h 224605"/>
                <a:gd name="connsiteX22" fmla="*/ 590616 w 615750"/>
                <a:gd name="connsiteY22" fmla="*/ 28114 h 224605"/>
                <a:gd name="connsiteX23" fmla="*/ 590098 w 615750"/>
                <a:gd name="connsiteY23" fmla="*/ 28114 h 224605"/>
                <a:gd name="connsiteX24" fmla="*/ 593719 w 615750"/>
                <a:gd name="connsiteY24" fmla="*/ 11859 h 224605"/>
                <a:gd name="connsiteX25" fmla="*/ 597856 w 615750"/>
                <a:gd name="connsiteY25" fmla="*/ 11859 h 224605"/>
                <a:gd name="connsiteX26" fmla="*/ 601063 w 615750"/>
                <a:gd name="connsiteY26" fmla="*/ 14619 h 224605"/>
                <a:gd name="connsiteX27" fmla="*/ 597856 w 615750"/>
                <a:gd name="connsiteY27" fmla="*/ 17380 h 224605"/>
                <a:gd name="connsiteX28" fmla="*/ 593719 w 615750"/>
                <a:gd name="connsiteY28" fmla="*/ 17380 h 224605"/>
                <a:gd name="connsiteX29" fmla="*/ 593719 w 615750"/>
                <a:gd name="connsiteY29" fmla="*/ 11859 h 224605"/>
                <a:gd name="connsiteX30" fmla="*/ 593719 w 615750"/>
                <a:gd name="connsiteY30" fmla="*/ 11859 h 224605"/>
                <a:gd name="connsiteX31" fmla="*/ 0 w 615750"/>
                <a:gd name="connsiteY31" fmla="*/ 26785 h 224605"/>
                <a:gd name="connsiteX32" fmla="*/ 0 w 615750"/>
                <a:gd name="connsiteY32" fmla="*/ 26785 h 224605"/>
                <a:gd name="connsiteX33" fmla="*/ 0 w 615750"/>
                <a:gd name="connsiteY33" fmla="*/ 5112 h 224605"/>
                <a:gd name="connsiteX34" fmla="*/ 22032 w 615750"/>
                <a:gd name="connsiteY34" fmla="*/ 5112 h 224605"/>
                <a:gd name="connsiteX35" fmla="*/ 22032 w 615750"/>
                <a:gd name="connsiteY35" fmla="*/ 26887 h 224605"/>
                <a:gd name="connsiteX36" fmla="*/ 22032 w 615750"/>
                <a:gd name="connsiteY36" fmla="*/ 26887 h 224605"/>
                <a:gd name="connsiteX37" fmla="*/ 22032 w 615750"/>
                <a:gd name="connsiteY37" fmla="*/ 164083 h 224605"/>
                <a:gd name="connsiteX38" fmla="*/ 22032 w 615750"/>
                <a:gd name="connsiteY38" fmla="*/ 164492 h 224605"/>
                <a:gd name="connsiteX39" fmla="*/ 22032 w 615750"/>
                <a:gd name="connsiteY39" fmla="*/ 185757 h 224605"/>
                <a:gd name="connsiteX40" fmla="*/ 0 w 615750"/>
                <a:gd name="connsiteY40" fmla="*/ 185757 h 224605"/>
                <a:gd name="connsiteX41" fmla="*/ 0 w 615750"/>
                <a:gd name="connsiteY41" fmla="*/ 163981 h 224605"/>
                <a:gd name="connsiteX42" fmla="*/ 0 w 615750"/>
                <a:gd name="connsiteY42" fmla="*/ 163572 h 224605"/>
                <a:gd name="connsiteX43" fmla="*/ 0 w 615750"/>
                <a:gd name="connsiteY43" fmla="*/ 26785 h 224605"/>
                <a:gd name="connsiteX44" fmla="*/ 0 w 615750"/>
                <a:gd name="connsiteY44" fmla="*/ 26785 h 224605"/>
                <a:gd name="connsiteX45" fmla="*/ 224041 w 615750"/>
                <a:gd name="connsiteY45" fmla="*/ 120123 h 224605"/>
                <a:gd name="connsiteX46" fmla="*/ 270276 w 615750"/>
                <a:gd name="connsiteY46" fmla="*/ 179009 h 224605"/>
                <a:gd name="connsiteX47" fmla="*/ 314754 w 615750"/>
                <a:gd name="connsiteY47" fmla="*/ 118794 h 224605"/>
                <a:gd name="connsiteX48" fmla="*/ 268518 w 615750"/>
                <a:gd name="connsiteY48" fmla="*/ 59908 h 224605"/>
                <a:gd name="connsiteX49" fmla="*/ 224041 w 615750"/>
                <a:gd name="connsiteY49" fmla="*/ 120123 h 224605"/>
                <a:gd name="connsiteX50" fmla="*/ 224041 w 615750"/>
                <a:gd name="connsiteY50" fmla="*/ 120123 h 224605"/>
                <a:gd name="connsiteX51" fmla="*/ 406397 w 615750"/>
                <a:gd name="connsiteY51" fmla="*/ 80253 h 224605"/>
                <a:gd name="connsiteX52" fmla="*/ 405466 w 615750"/>
                <a:gd name="connsiteY52" fmla="*/ 78412 h 224605"/>
                <a:gd name="connsiteX53" fmla="*/ 406397 w 615750"/>
                <a:gd name="connsiteY53" fmla="*/ 80253 h 224605"/>
                <a:gd name="connsiteX54" fmla="*/ 406397 w 615750"/>
                <a:gd name="connsiteY54" fmla="*/ 80253 h 224605"/>
                <a:gd name="connsiteX55" fmla="*/ 421499 w 615750"/>
                <a:gd name="connsiteY55" fmla="*/ 216529 h 224605"/>
                <a:gd name="connsiteX56" fmla="*/ 425636 w 615750"/>
                <a:gd name="connsiteY56" fmla="*/ 208861 h 224605"/>
                <a:gd name="connsiteX57" fmla="*/ 421499 w 615750"/>
                <a:gd name="connsiteY57" fmla="*/ 216529 h 224605"/>
                <a:gd name="connsiteX58" fmla="*/ 421499 w 615750"/>
                <a:gd name="connsiteY58" fmla="*/ 216529 h 224605"/>
                <a:gd name="connsiteX59" fmla="*/ 422843 w 615750"/>
                <a:gd name="connsiteY59" fmla="*/ 68905 h 224605"/>
                <a:gd name="connsiteX60" fmla="*/ 423774 w 615750"/>
                <a:gd name="connsiteY60" fmla="*/ 71154 h 224605"/>
                <a:gd name="connsiteX61" fmla="*/ 431118 w 615750"/>
                <a:gd name="connsiteY61" fmla="*/ 89249 h 224605"/>
                <a:gd name="connsiteX62" fmla="*/ 422843 w 615750"/>
                <a:gd name="connsiteY62" fmla="*/ 68905 h 224605"/>
                <a:gd name="connsiteX63" fmla="*/ 422843 w 615750"/>
                <a:gd name="connsiteY63" fmla="*/ 68905 h 224605"/>
                <a:gd name="connsiteX64" fmla="*/ 330269 w 615750"/>
                <a:gd name="connsiteY64" fmla="*/ 159483 h 224605"/>
                <a:gd name="connsiteX65" fmla="*/ 371953 w 615750"/>
                <a:gd name="connsiteY65" fmla="*/ 178089 h 224605"/>
                <a:gd name="connsiteX66" fmla="*/ 402156 w 615750"/>
                <a:gd name="connsiteY66" fmla="*/ 155496 h 224605"/>
                <a:gd name="connsiteX67" fmla="*/ 371022 w 615750"/>
                <a:gd name="connsiteY67" fmla="*/ 127382 h 224605"/>
                <a:gd name="connsiteX68" fmla="*/ 334820 w 615750"/>
                <a:gd name="connsiteY68" fmla="*/ 104788 h 224605"/>
                <a:gd name="connsiteX69" fmla="*/ 336165 w 615750"/>
                <a:gd name="connsiteY69" fmla="*/ 118794 h 224605"/>
                <a:gd name="connsiteX70" fmla="*/ 269759 w 615750"/>
                <a:gd name="connsiteY70" fmla="*/ 191686 h 224605"/>
                <a:gd name="connsiteX71" fmla="*/ 203354 w 615750"/>
                <a:gd name="connsiteY71" fmla="*/ 118794 h 224605"/>
                <a:gd name="connsiteX72" fmla="*/ 230868 w 615750"/>
                <a:gd name="connsiteY72" fmla="*/ 59499 h 224605"/>
                <a:gd name="connsiteX73" fmla="*/ 185977 w 615750"/>
                <a:gd name="connsiteY73" fmla="*/ 59499 h 224605"/>
                <a:gd name="connsiteX74" fmla="*/ 185977 w 615750"/>
                <a:gd name="connsiteY74" fmla="*/ 164083 h 224605"/>
                <a:gd name="connsiteX75" fmla="*/ 185977 w 615750"/>
                <a:gd name="connsiteY75" fmla="*/ 164492 h 224605"/>
                <a:gd name="connsiteX76" fmla="*/ 185977 w 615750"/>
                <a:gd name="connsiteY76" fmla="*/ 186268 h 224605"/>
                <a:gd name="connsiteX77" fmla="*/ 166324 w 615750"/>
                <a:gd name="connsiteY77" fmla="*/ 186268 h 224605"/>
                <a:gd name="connsiteX78" fmla="*/ 166324 w 615750"/>
                <a:gd name="connsiteY78" fmla="*/ 165412 h 224605"/>
                <a:gd name="connsiteX79" fmla="*/ 166324 w 615750"/>
                <a:gd name="connsiteY79" fmla="*/ 164492 h 224605"/>
                <a:gd name="connsiteX80" fmla="*/ 166324 w 615750"/>
                <a:gd name="connsiteY80" fmla="*/ 59397 h 224605"/>
                <a:gd name="connsiteX81" fmla="*/ 148947 w 615750"/>
                <a:gd name="connsiteY81" fmla="*/ 59397 h 224605"/>
                <a:gd name="connsiteX82" fmla="*/ 148947 w 615750"/>
                <a:gd name="connsiteY82" fmla="*/ 46311 h 224605"/>
                <a:gd name="connsiteX83" fmla="*/ 166841 w 615750"/>
                <a:gd name="connsiteY83" fmla="*/ 46311 h 224605"/>
                <a:gd name="connsiteX84" fmla="*/ 208939 w 615750"/>
                <a:gd name="connsiteY84" fmla="*/ 4703 h 224605"/>
                <a:gd name="connsiteX85" fmla="*/ 236867 w 615750"/>
                <a:gd name="connsiteY85" fmla="*/ 8281 h 224605"/>
                <a:gd name="connsiteX86" fmla="*/ 236867 w 615750"/>
                <a:gd name="connsiteY86" fmla="*/ 26376 h 224605"/>
                <a:gd name="connsiteX87" fmla="*/ 236867 w 615750"/>
                <a:gd name="connsiteY87" fmla="*/ 28625 h 224605"/>
                <a:gd name="connsiteX88" fmla="*/ 235936 w 615750"/>
                <a:gd name="connsiteY88" fmla="*/ 28625 h 224605"/>
                <a:gd name="connsiteX89" fmla="*/ 205216 w 615750"/>
                <a:gd name="connsiteY89" fmla="*/ 17277 h 224605"/>
                <a:gd name="connsiteX90" fmla="*/ 186390 w 615750"/>
                <a:gd name="connsiteY90" fmla="*/ 46209 h 224605"/>
                <a:gd name="connsiteX91" fmla="*/ 261071 w 615750"/>
                <a:gd name="connsiteY91" fmla="*/ 46209 h 224605"/>
                <a:gd name="connsiteX92" fmla="*/ 270690 w 615750"/>
                <a:gd name="connsiteY92" fmla="*/ 45289 h 224605"/>
                <a:gd name="connsiteX93" fmla="*/ 330683 w 615750"/>
                <a:gd name="connsiteY93" fmla="*/ 87409 h 224605"/>
                <a:gd name="connsiteX94" fmla="*/ 330683 w 615750"/>
                <a:gd name="connsiteY94" fmla="*/ 82911 h 224605"/>
                <a:gd name="connsiteX95" fmla="*/ 382400 w 615750"/>
                <a:gd name="connsiteY95" fmla="*/ 45800 h 224605"/>
                <a:gd name="connsiteX96" fmla="*/ 385193 w 615750"/>
                <a:gd name="connsiteY96" fmla="*/ 45800 h 224605"/>
                <a:gd name="connsiteX97" fmla="*/ 415913 w 615750"/>
                <a:gd name="connsiteY97" fmla="*/ 50810 h 224605"/>
                <a:gd name="connsiteX98" fmla="*/ 423257 w 615750"/>
                <a:gd name="connsiteY98" fmla="*/ 68496 h 224605"/>
                <a:gd name="connsiteX99" fmla="*/ 431532 w 615750"/>
                <a:gd name="connsiteY99" fmla="*/ 88840 h 224605"/>
                <a:gd name="connsiteX100" fmla="*/ 453564 w 615750"/>
                <a:gd name="connsiteY100" fmla="*/ 143126 h 224605"/>
                <a:gd name="connsiteX101" fmla="*/ 456357 w 615750"/>
                <a:gd name="connsiteY101" fmla="*/ 151713 h 224605"/>
                <a:gd name="connsiteX102" fmla="*/ 459149 w 615750"/>
                <a:gd name="connsiteY102" fmla="*/ 143126 h 224605"/>
                <a:gd name="connsiteX103" fmla="*/ 487594 w 615750"/>
                <a:gd name="connsiteY103" fmla="*/ 73812 h 224605"/>
                <a:gd name="connsiteX104" fmla="*/ 536105 w 615750"/>
                <a:gd name="connsiteY104" fmla="*/ 46618 h 224605"/>
                <a:gd name="connsiteX105" fmla="*/ 565895 w 615750"/>
                <a:gd name="connsiteY105" fmla="*/ 51627 h 224605"/>
                <a:gd name="connsiteX106" fmla="*/ 565895 w 615750"/>
                <a:gd name="connsiteY106" fmla="*/ 72585 h 224605"/>
                <a:gd name="connsiteX107" fmla="*/ 530623 w 615750"/>
                <a:gd name="connsiteY107" fmla="*/ 58579 h 224605"/>
                <a:gd name="connsiteX108" fmla="*/ 503626 w 615750"/>
                <a:gd name="connsiteY108" fmla="*/ 82093 h 224605"/>
                <a:gd name="connsiteX109" fmla="*/ 535691 w 615750"/>
                <a:gd name="connsiteY109" fmla="*/ 109696 h 224605"/>
                <a:gd name="connsiteX110" fmla="*/ 573756 w 615750"/>
                <a:gd name="connsiteY110" fmla="*/ 149055 h 224605"/>
                <a:gd name="connsiteX111" fmla="*/ 520176 w 615750"/>
                <a:gd name="connsiteY111" fmla="*/ 191584 h 224605"/>
                <a:gd name="connsiteX112" fmla="*/ 482112 w 615750"/>
                <a:gd name="connsiteY112" fmla="*/ 181156 h 224605"/>
                <a:gd name="connsiteX113" fmla="*/ 482112 w 615750"/>
                <a:gd name="connsiteY113" fmla="*/ 157132 h 224605"/>
                <a:gd name="connsiteX114" fmla="*/ 483457 w 615750"/>
                <a:gd name="connsiteY114" fmla="*/ 158052 h 224605"/>
                <a:gd name="connsiteX115" fmla="*/ 526486 w 615750"/>
                <a:gd name="connsiteY115" fmla="*/ 177987 h 224605"/>
                <a:gd name="connsiteX116" fmla="*/ 556689 w 615750"/>
                <a:gd name="connsiteY116" fmla="*/ 155394 h 224605"/>
                <a:gd name="connsiteX117" fmla="*/ 525555 w 615750"/>
                <a:gd name="connsiteY117" fmla="*/ 127280 h 224605"/>
                <a:gd name="connsiteX118" fmla="*/ 488939 w 615750"/>
                <a:gd name="connsiteY118" fmla="*/ 100086 h 224605"/>
                <a:gd name="connsiteX119" fmla="*/ 436290 w 615750"/>
                <a:gd name="connsiteY119" fmla="*/ 224605 h 224605"/>
                <a:gd name="connsiteX120" fmla="*/ 417051 w 615750"/>
                <a:gd name="connsiteY120" fmla="*/ 224605 h 224605"/>
                <a:gd name="connsiteX121" fmla="*/ 421602 w 615750"/>
                <a:gd name="connsiteY121" fmla="*/ 216017 h 224605"/>
                <a:gd name="connsiteX122" fmla="*/ 425740 w 615750"/>
                <a:gd name="connsiteY122" fmla="*/ 208350 h 224605"/>
                <a:gd name="connsiteX123" fmla="*/ 425740 w 615750"/>
                <a:gd name="connsiteY123" fmla="*/ 207941 h 224605"/>
                <a:gd name="connsiteX124" fmla="*/ 444048 w 615750"/>
                <a:gd name="connsiteY124" fmla="*/ 168990 h 224605"/>
                <a:gd name="connsiteX125" fmla="*/ 406501 w 615750"/>
                <a:gd name="connsiteY125" fmla="*/ 79332 h 224605"/>
                <a:gd name="connsiteX126" fmla="*/ 404225 w 615750"/>
                <a:gd name="connsiteY126" fmla="*/ 74834 h 224605"/>
                <a:gd name="connsiteX127" fmla="*/ 390468 w 615750"/>
                <a:gd name="connsiteY127" fmla="*/ 59397 h 224605"/>
                <a:gd name="connsiteX128" fmla="*/ 376298 w 615750"/>
                <a:gd name="connsiteY128" fmla="*/ 57148 h 224605"/>
                <a:gd name="connsiteX129" fmla="*/ 348370 w 615750"/>
                <a:gd name="connsiteY129" fmla="*/ 80662 h 224605"/>
                <a:gd name="connsiteX130" fmla="*/ 381366 w 615750"/>
                <a:gd name="connsiteY130" fmla="*/ 108264 h 224605"/>
                <a:gd name="connsiteX131" fmla="*/ 419430 w 615750"/>
                <a:gd name="connsiteY131" fmla="*/ 147624 h 224605"/>
                <a:gd name="connsiteX132" fmla="*/ 365851 w 615750"/>
                <a:gd name="connsiteY132" fmla="*/ 190153 h 224605"/>
                <a:gd name="connsiteX133" fmla="*/ 330579 w 615750"/>
                <a:gd name="connsiteY133" fmla="*/ 181974 h 224605"/>
                <a:gd name="connsiteX134" fmla="*/ 330269 w 615750"/>
                <a:gd name="connsiteY134" fmla="*/ 159483 h 224605"/>
                <a:gd name="connsiteX135" fmla="*/ 330269 w 615750"/>
                <a:gd name="connsiteY135" fmla="*/ 159483 h 224605"/>
                <a:gd name="connsiteX136" fmla="*/ 63199 w 615750"/>
                <a:gd name="connsiteY136" fmla="*/ 47640 h 224605"/>
                <a:gd name="connsiteX137" fmla="*/ 63613 w 615750"/>
                <a:gd name="connsiteY137" fmla="*/ 63486 h 224605"/>
                <a:gd name="connsiteX138" fmla="*/ 63613 w 615750"/>
                <a:gd name="connsiteY138" fmla="*/ 64407 h 224605"/>
                <a:gd name="connsiteX139" fmla="*/ 63613 w 615750"/>
                <a:gd name="connsiteY139" fmla="*/ 64407 h 224605"/>
                <a:gd name="connsiteX140" fmla="*/ 64544 w 615750"/>
                <a:gd name="connsiteY140" fmla="*/ 62566 h 224605"/>
                <a:gd name="connsiteX141" fmla="*/ 107159 w 615750"/>
                <a:gd name="connsiteY141" fmla="*/ 45391 h 224605"/>
                <a:gd name="connsiteX142" fmla="*/ 146051 w 615750"/>
                <a:gd name="connsiteY142" fmla="*/ 77083 h 224605"/>
                <a:gd name="connsiteX143" fmla="*/ 146051 w 615750"/>
                <a:gd name="connsiteY143" fmla="*/ 163572 h 224605"/>
                <a:gd name="connsiteX144" fmla="*/ 146051 w 615750"/>
                <a:gd name="connsiteY144" fmla="*/ 163981 h 224605"/>
                <a:gd name="connsiteX145" fmla="*/ 146051 w 615750"/>
                <a:gd name="connsiteY145" fmla="*/ 185757 h 224605"/>
                <a:gd name="connsiteX146" fmla="*/ 126398 w 615750"/>
                <a:gd name="connsiteY146" fmla="*/ 185757 h 224605"/>
                <a:gd name="connsiteX147" fmla="*/ 126398 w 615750"/>
                <a:gd name="connsiteY147" fmla="*/ 159994 h 224605"/>
                <a:gd name="connsiteX148" fmla="*/ 126398 w 615750"/>
                <a:gd name="connsiteY148" fmla="*/ 86182 h 224605"/>
                <a:gd name="connsiteX149" fmla="*/ 96195 w 615750"/>
                <a:gd name="connsiteY149" fmla="*/ 59908 h 224605"/>
                <a:gd name="connsiteX150" fmla="*/ 64130 w 615750"/>
                <a:gd name="connsiteY150" fmla="*/ 84853 h 224605"/>
                <a:gd name="connsiteX151" fmla="*/ 64130 w 615750"/>
                <a:gd name="connsiteY151" fmla="*/ 164083 h 224605"/>
                <a:gd name="connsiteX152" fmla="*/ 64130 w 615750"/>
                <a:gd name="connsiteY152" fmla="*/ 164492 h 224605"/>
                <a:gd name="connsiteX153" fmla="*/ 64130 w 615750"/>
                <a:gd name="connsiteY153" fmla="*/ 185757 h 224605"/>
                <a:gd name="connsiteX154" fmla="*/ 43960 w 615750"/>
                <a:gd name="connsiteY154" fmla="*/ 185757 h 224605"/>
                <a:gd name="connsiteX155" fmla="*/ 43960 w 615750"/>
                <a:gd name="connsiteY155" fmla="*/ 163981 h 224605"/>
                <a:gd name="connsiteX156" fmla="*/ 43960 w 615750"/>
                <a:gd name="connsiteY156" fmla="*/ 65736 h 224605"/>
                <a:gd name="connsiteX157" fmla="*/ 43960 w 615750"/>
                <a:gd name="connsiteY157" fmla="*/ 47640 h 224605"/>
                <a:gd name="connsiteX158" fmla="*/ 47580 w 615750"/>
                <a:gd name="connsiteY158" fmla="*/ 47640 h 224605"/>
                <a:gd name="connsiteX159" fmla="*/ 58544 w 615750"/>
                <a:gd name="connsiteY159" fmla="*/ 47640 h 224605"/>
                <a:gd name="connsiteX160" fmla="*/ 63199 w 615750"/>
                <a:gd name="connsiteY160" fmla="*/ 47640 h 224605"/>
                <a:gd name="connsiteX161" fmla="*/ 63199 w 615750"/>
                <a:gd name="connsiteY161" fmla="*/ 47640 h 22460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Lst>
              <a:rect l="l" t="t" r="r" b="b"/>
              <a:pathLst>
                <a:path w="615750" h="224605">
                  <a:moveTo>
                    <a:pt x="596925" y="37213"/>
                  </a:moveTo>
                  <a:cubicBezTo>
                    <a:pt x="606958" y="37213"/>
                    <a:pt x="615750" y="29034"/>
                    <a:pt x="615750" y="18606"/>
                  </a:cubicBezTo>
                  <a:cubicBezTo>
                    <a:pt x="615750" y="8690"/>
                    <a:pt x="607476" y="0"/>
                    <a:pt x="596925" y="0"/>
                  </a:cubicBezTo>
                  <a:cubicBezTo>
                    <a:pt x="586892" y="0"/>
                    <a:pt x="578100" y="8179"/>
                    <a:pt x="578100" y="18606"/>
                  </a:cubicBezTo>
                  <a:cubicBezTo>
                    <a:pt x="578617" y="29034"/>
                    <a:pt x="586892" y="37213"/>
                    <a:pt x="596925" y="37213"/>
                  </a:cubicBezTo>
                  <a:lnTo>
                    <a:pt x="596925" y="37213"/>
                  </a:lnTo>
                  <a:close/>
                  <a:moveTo>
                    <a:pt x="581410" y="18709"/>
                  </a:moveTo>
                  <a:cubicBezTo>
                    <a:pt x="581410" y="10121"/>
                    <a:pt x="588754" y="2863"/>
                    <a:pt x="597442" y="2863"/>
                  </a:cubicBezTo>
                  <a:cubicBezTo>
                    <a:pt x="606131" y="2863"/>
                    <a:pt x="613475" y="10121"/>
                    <a:pt x="613475" y="18709"/>
                  </a:cubicBezTo>
                  <a:cubicBezTo>
                    <a:pt x="613475" y="27296"/>
                    <a:pt x="606131" y="34555"/>
                    <a:pt x="597442" y="34555"/>
                  </a:cubicBezTo>
                  <a:cubicBezTo>
                    <a:pt x="588237" y="34555"/>
                    <a:pt x="581410" y="27296"/>
                    <a:pt x="581410" y="18709"/>
                  </a:cubicBezTo>
                  <a:lnTo>
                    <a:pt x="581410" y="18709"/>
                  </a:lnTo>
                  <a:close/>
                  <a:moveTo>
                    <a:pt x="590098" y="28216"/>
                  </a:moveTo>
                  <a:lnTo>
                    <a:pt x="593719" y="28216"/>
                  </a:lnTo>
                  <a:lnTo>
                    <a:pt x="593719" y="20038"/>
                  </a:lnTo>
                  <a:lnTo>
                    <a:pt x="597856" y="20038"/>
                  </a:lnTo>
                  <a:lnTo>
                    <a:pt x="601063" y="27705"/>
                  </a:lnTo>
                  <a:lnTo>
                    <a:pt x="605200" y="27705"/>
                  </a:lnTo>
                  <a:lnTo>
                    <a:pt x="601580" y="19118"/>
                  </a:lnTo>
                  <a:cubicBezTo>
                    <a:pt x="602924" y="18709"/>
                    <a:pt x="604786" y="17788"/>
                    <a:pt x="604786" y="14108"/>
                  </a:cubicBezTo>
                  <a:cubicBezTo>
                    <a:pt x="604786" y="8690"/>
                    <a:pt x="600649" y="7770"/>
                    <a:pt x="597029" y="7770"/>
                  </a:cubicBezTo>
                  <a:lnTo>
                    <a:pt x="590616" y="7770"/>
                  </a:lnTo>
                  <a:lnTo>
                    <a:pt x="590616" y="28114"/>
                  </a:lnTo>
                  <a:lnTo>
                    <a:pt x="590098" y="28114"/>
                  </a:lnTo>
                  <a:close/>
                  <a:moveTo>
                    <a:pt x="593719" y="11859"/>
                  </a:moveTo>
                  <a:lnTo>
                    <a:pt x="597856" y="11859"/>
                  </a:lnTo>
                  <a:cubicBezTo>
                    <a:pt x="600132" y="11859"/>
                    <a:pt x="601063" y="12779"/>
                    <a:pt x="601063" y="14619"/>
                  </a:cubicBezTo>
                  <a:cubicBezTo>
                    <a:pt x="601063" y="16459"/>
                    <a:pt x="599718" y="17380"/>
                    <a:pt x="597856" y="17380"/>
                  </a:cubicBezTo>
                  <a:lnTo>
                    <a:pt x="593719" y="17380"/>
                  </a:lnTo>
                  <a:lnTo>
                    <a:pt x="593719" y="11859"/>
                  </a:lnTo>
                  <a:lnTo>
                    <a:pt x="593719" y="11859"/>
                  </a:lnTo>
                  <a:close/>
                  <a:moveTo>
                    <a:pt x="0" y="26785"/>
                  </a:moveTo>
                  <a:lnTo>
                    <a:pt x="0" y="26785"/>
                  </a:lnTo>
                  <a:lnTo>
                    <a:pt x="0" y="5112"/>
                  </a:lnTo>
                  <a:lnTo>
                    <a:pt x="22032" y="5112"/>
                  </a:lnTo>
                  <a:lnTo>
                    <a:pt x="22032" y="26887"/>
                  </a:lnTo>
                  <a:lnTo>
                    <a:pt x="22032" y="26887"/>
                  </a:lnTo>
                  <a:lnTo>
                    <a:pt x="22032" y="164083"/>
                  </a:lnTo>
                  <a:lnTo>
                    <a:pt x="22032" y="164492"/>
                  </a:lnTo>
                  <a:lnTo>
                    <a:pt x="22032" y="185757"/>
                  </a:lnTo>
                  <a:lnTo>
                    <a:pt x="0" y="185757"/>
                  </a:lnTo>
                  <a:lnTo>
                    <a:pt x="0" y="163981"/>
                  </a:lnTo>
                  <a:lnTo>
                    <a:pt x="0" y="163572"/>
                  </a:lnTo>
                  <a:lnTo>
                    <a:pt x="0" y="26785"/>
                  </a:lnTo>
                  <a:lnTo>
                    <a:pt x="0" y="26785"/>
                  </a:lnTo>
                  <a:close/>
                  <a:moveTo>
                    <a:pt x="224041" y="120123"/>
                  </a:moveTo>
                  <a:cubicBezTo>
                    <a:pt x="224455" y="153144"/>
                    <a:pt x="245142" y="179418"/>
                    <a:pt x="270276" y="179009"/>
                  </a:cubicBezTo>
                  <a:cubicBezTo>
                    <a:pt x="295515" y="178600"/>
                    <a:pt x="315167" y="151406"/>
                    <a:pt x="314754" y="118794"/>
                  </a:cubicBezTo>
                  <a:cubicBezTo>
                    <a:pt x="314340" y="85773"/>
                    <a:pt x="293653" y="59499"/>
                    <a:pt x="268518" y="59908"/>
                  </a:cubicBezTo>
                  <a:cubicBezTo>
                    <a:pt x="243280" y="60317"/>
                    <a:pt x="223524" y="87000"/>
                    <a:pt x="224041" y="120123"/>
                  </a:cubicBezTo>
                  <a:lnTo>
                    <a:pt x="224041" y="120123"/>
                  </a:lnTo>
                  <a:close/>
                  <a:moveTo>
                    <a:pt x="406397" y="80253"/>
                  </a:moveTo>
                  <a:cubicBezTo>
                    <a:pt x="406811" y="81582"/>
                    <a:pt x="405466" y="78412"/>
                    <a:pt x="405466" y="78412"/>
                  </a:cubicBezTo>
                  <a:lnTo>
                    <a:pt x="406397" y="80253"/>
                  </a:lnTo>
                  <a:lnTo>
                    <a:pt x="406397" y="80253"/>
                  </a:lnTo>
                  <a:close/>
                  <a:moveTo>
                    <a:pt x="421499" y="216529"/>
                  </a:moveTo>
                  <a:cubicBezTo>
                    <a:pt x="422430" y="214688"/>
                    <a:pt x="423774" y="212439"/>
                    <a:pt x="425636" y="208861"/>
                  </a:cubicBezTo>
                  <a:lnTo>
                    <a:pt x="421499" y="216529"/>
                  </a:lnTo>
                  <a:lnTo>
                    <a:pt x="421499" y="216529"/>
                  </a:lnTo>
                  <a:close/>
                  <a:moveTo>
                    <a:pt x="422843" y="68905"/>
                  </a:moveTo>
                  <a:cubicBezTo>
                    <a:pt x="423257" y="69825"/>
                    <a:pt x="423257" y="70234"/>
                    <a:pt x="423774" y="71154"/>
                  </a:cubicBezTo>
                  <a:lnTo>
                    <a:pt x="431118" y="89249"/>
                  </a:lnTo>
                  <a:lnTo>
                    <a:pt x="422843" y="68905"/>
                  </a:lnTo>
                  <a:lnTo>
                    <a:pt x="422843" y="68905"/>
                  </a:lnTo>
                  <a:close/>
                  <a:moveTo>
                    <a:pt x="330269" y="159483"/>
                  </a:moveTo>
                  <a:cubicBezTo>
                    <a:pt x="344026" y="171751"/>
                    <a:pt x="355921" y="178089"/>
                    <a:pt x="371953" y="178089"/>
                  </a:cubicBezTo>
                  <a:cubicBezTo>
                    <a:pt x="387986" y="178089"/>
                    <a:pt x="402156" y="170422"/>
                    <a:pt x="402156" y="155496"/>
                  </a:cubicBezTo>
                  <a:cubicBezTo>
                    <a:pt x="402156" y="142819"/>
                    <a:pt x="391192" y="135560"/>
                    <a:pt x="371022" y="127382"/>
                  </a:cubicBezTo>
                  <a:cubicBezTo>
                    <a:pt x="354059" y="120123"/>
                    <a:pt x="341750" y="115114"/>
                    <a:pt x="334820" y="104788"/>
                  </a:cubicBezTo>
                  <a:cubicBezTo>
                    <a:pt x="335751" y="109287"/>
                    <a:pt x="336165" y="113887"/>
                    <a:pt x="336165" y="118794"/>
                  </a:cubicBezTo>
                  <a:cubicBezTo>
                    <a:pt x="336165" y="159074"/>
                    <a:pt x="306375" y="191686"/>
                    <a:pt x="269759" y="191686"/>
                  </a:cubicBezTo>
                  <a:cubicBezTo>
                    <a:pt x="233143" y="191686"/>
                    <a:pt x="203354" y="159074"/>
                    <a:pt x="203354" y="118794"/>
                  </a:cubicBezTo>
                  <a:cubicBezTo>
                    <a:pt x="203354" y="94361"/>
                    <a:pt x="214318" y="73096"/>
                    <a:pt x="230868" y="59499"/>
                  </a:cubicBezTo>
                  <a:lnTo>
                    <a:pt x="185977" y="59499"/>
                  </a:lnTo>
                  <a:lnTo>
                    <a:pt x="185977" y="164083"/>
                  </a:lnTo>
                  <a:lnTo>
                    <a:pt x="185977" y="164492"/>
                  </a:lnTo>
                  <a:lnTo>
                    <a:pt x="185977" y="186268"/>
                  </a:lnTo>
                  <a:lnTo>
                    <a:pt x="166324" y="186268"/>
                  </a:lnTo>
                  <a:lnTo>
                    <a:pt x="166324" y="165412"/>
                  </a:lnTo>
                  <a:cubicBezTo>
                    <a:pt x="166324" y="165003"/>
                    <a:pt x="166324" y="164492"/>
                    <a:pt x="166324" y="164492"/>
                  </a:cubicBezTo>
                  <a:lnTo>
                    <a:pt x="166324" y="59397"/>
                  </a:lnTo>
                  <a:lnTo>
                    <a:pt x="148947" y="59397"/>
                  </a:lnTo>
                  <a:lnTo>
                    <a:pt x="148947" y="46311"/>
                  </a:lnTo>
                  <a:lnTo>
                    <a:pt x="166841" y="46311"/>
                  </a:lnTo>
                  <a:cubicBezTo>
                    <a:pt x="169117" y="19629"/>
                    <a:pt x="185666" y="4703"/>
                    <a:pt x="208939" y="4703"/>
                  </a:cubicBezTo>
                  <a:cubicBezTo>
                    <a:pt x="224041" y="4703"/>
                    <a:pt x="232316" y="6032"/>
                    <a:pt x="236867" y="8281"/>
                  </a:cubicBezTo>
                  <a:lnTo>
                    <a:pt x="236867" y="26376"/>
                  </a:lnTo>
                  <a:cubicBezTo>
                    <a:pt x="236867" y="27705"/>
                    <a:pt x="236867" y="28625"/>
                    <a:pt x="236867" y="28625"/>
                  </a:cubicBezTo>
                  <a:lnTo>
                    <a:pt x="235936" y="28625"/>
                  </a:lnTo>
                  <a:cubicBezTo>
                    <a:pt x="228592" y="21878"/>
                    <a:pt x="221765" y="17277"/>
                    <a:pt x="205216" y="17277"/>
                  </a:cubicBezTo>
                  <a:cubicBezTo>
                    <a:pt x="191976" y="17277"/>
                    <a:pt x="183184" y="27705"/>
                    <a:pt x="186390" y="46209"/>
                  </a:cubicBezTo>
                  <a:lnTo>
                    <a:pt x="261071" y="46209"/>
                  </a:lnTo>
                  <a:cubicBezTo>
                    <a:pt x="264277" y="45800"/>
                    <a:pt x="267484" y="45289"/>
                    <a:pt x="270690" y="45289"/>
                  </a:cubicBezTo>
                  <a:cubicBezTo>
                    <a:pt x="297273" y="45289"/>
                    <a:pt x="320132" y="62464"/>
                    <a:pt x="330683" y="87409"/>
                  </a:cubicBezTo>
                  <a:cubicBezTo>
                    <a:pt x="330683" y="86080"/>
                    <a:pt x="330683" y="84649"/>
                    <a:pt x="330683" y="82911"/>
                  </a:cubicBezTo>
                  <a:cubicBezTo>
                    <a:pt x="330683" y="57148"/>
                    <a:pt x="356335" y="45800"/>
                    <a:pt x="382400" y="45800"/>
                  </a:cubicBezTo>
                  <a:cubicBezTo>
                    <a:pt x="383331" y="45800"/>
                    <a:pt x="384262" y="45800"/>
                    <a:pt x="385193" y="45800"/>
                  </a:cubicBezTo>
                  <a:cubicBezTo>
                    <a:pt x="394399" y="45800"/>
                    <a:pt x="407639" y="48560"/>
                    <a:pt x="415913" y="50810"/>
                  </a:cubicBezTo>
                  <a:lnTo>
                    <a:pt x="423257" y="68496"/>
                  </a:lnTo>
                  <a:lnTo>
                    <a:pt x="431532" y="88840"/>
                  </a:lnTo>
                  <a:lnTo>
                    <a:pt x="453564" y="143126"/>
                  </a:lnTo>
                  <a:lnTo>
                    <a:pt x="456357" y="151713"/>
                  </a:lnTo>
                  <a:lnTo>
                    <a:pt x="459149" y="143126"/>
                  </a:lnTo>
                  <a:lnTo>
                    <a:pt x="487594" y="73812"/>
                  </a:lnTo>
                  <a:cubicBezTo>
                    <a:pt x="492662" y="54797"/>
                    <a:pt x="513660" y="46618"/>
                    <a:pt x="536105" y="46618"/>
                  </a:cubicBezTo>
                  <a:cubicBezTo>
                    <a:pt x="547587" y="46618"/>
                    <a:pt x="555758" y="47947"/>
                    <a:pt x="565895" y="51627"/>
                  </a:cubicBezTo>
                  <a:lnTo>
                    <a:pt x="565895" y="72585"/>
                  </a:lnTo>
                  <a:cubicBezTo>
                    <a:pt x="553482" y="63486"/>
                    <a:pt x="544794" y="58579"/>
                    <a:pt x="530623" y="58579"/>
                  </a:cubicBezTo>
                  <a:cubicBezTo>
                    <a:pt x="518211" y="58579"/>
                    <a:pt x="503626" y="63998"/>
                    <a:pt x="503626" y="82093"/>
                  </a:cubicBezTo>
                  <a:cubicBezTo>
                    <a:pt x="503213" y="95690"/>
                    <a:pt x="511384" y="97939"/>
                    <a:pt x="535691" y="109696"/>
                  </a:cubicBezTo>
                  <a:cubicBezTo>
                    <a:pt x="555344" y="118283"/>
                    <a:pt x="573756" y="127382"/>
                    <a:pt x="573756" y="149055"/>
                  </a:cubicBezTo>
                  <a:cubicBezTo>
                    <a:pt x="573756" y="185245"/>
                    <a:pt x="537553" y="191584"/>
                    <a:pt x="520176" y="191584"/>
                  </a:cubicBezTo>
                  <a:cubicBezTo>
                    <a:pt x="504557" y="191584"/>
                    <a:pt x="489973" y="188006"/>
                    <a:pt x="482112" y="181156"/>
                  </a:cubicBezTo>
                  <a:lnTo>
                    <a:pt x="482112" y="157132"/>
                  </a:lnTo>
                  <a:lnTo>
                    <a:pt x="483457" y="158052"/>
                  </a:lnTo>
                  <a:cubicBezTo>
                    <a:pt x="497627" y="171137"/>
                    <a:pt x="510453" y="177987"/>
                    <a:pt x="526486" y="177987"/>
                  </a:cubicBezTo>
                  <a:cubicBezTo>
                    <a:pt x="542518" y="177987"/>
                    <a:pt x="556689" y="170320"/>
                    <a:pt x="556689" y="155394"/>
                  </a:cubicBezTo>
                  <a:cubicBezTo>
                    <a:pt x="556689" y="142717"/>
                    <a:pt x="545725" y="135458"/>
                    <a:pt x="525555" y="127280"/>
                  </a:cubicBezTo>
                  <a:cubicBezTo>
                    <a:pt x="506316" y="119101"/>
                    <a:pt x="493904" y="113683"/>
                    <a:pt x="488939" y="100086"/>
                  </a:cubicBezTo>
                  <a:cubicBezTo>
                    <a:pt x="481181" y="118692"/>
                    <a:pt x="444979" y="205999"/>
                    <a:pt x="436290" y="224605"/>
                  </a:cubicBezTo>
                  <a:lnTo>
                    <a:pt x="417051" y="224605"/>
                  </a:lnTo>
                  <a:lnTo>
                    <a:pt x="421602" y="216017"/>
                  </a:lnTo>
                  <a:lnTo>
                    <a:pt x="425740" y="208350"/>
                  </a:lnTo>
                  <a:lnTo>
                    <a:pt x="425740" y="207941"/>
                  </a:lnTo>
                  <a:cubicBezTo>
                    <a:pt x="430808" y="198433"/>
                    <a:pt x="437635" y="183508"/>
                    <a:pt x="444048" y="168990"/>
                  </a:cubicBezTo>
                  <a:lnTo>
                    <a:pt x="406501" y="79332"/>
                  </a:lnTo>
                  <a:cubicBezTo>
                    <a:pt x="406087" y="78924"/>
                    <a:pt x="405570" y="77492"/>
                    <a:pt x="404225" y="74834"/>
                  </a:cubicBezTo>
                  <a:cubicBezTo>
                    <a:pt x="401432" y="68496"/>
                    <a:pt x="398743" y="62157"/>
                    <a:pt x="390468" y="59397"/>
                  </a:cubicBezTo>
                  <a:cubicBezTo>
                    <a:pt x="386331" y="58068"/>
                    <a:pt x="381263" y="57148"/>
                    <a:pt x="376298" y="57148"/>
                  </a:cubicBezTo>
                  <a:cubicBezTo>
                    <a:pt x="363885" y="57148"/>
                    <a:pt x="348370" y="62566"/>
                    <a:pt x="348370" y="80662"/>
                  </a:cubicBezTo>
                  <a:cubicBezTo>
                    <a:pt x="347956" y="94258"/>
                    <a:pt x="357059" y="96508"/>
                    <a:pt x="381366" y="108264"/>
                  </a:cubicBezTo>
                  <a:cubicBezTo>
                    <a:pt x="401019" y="116852"/>
                    <a:pt x="419430" y="125951"/>
                    <a:pt x="419430" y="147624"/>
                  </a:cubicBezTo>
                  <a:cubicBezTo>
                    <a:pt x="419430" y="183814"/>
                    <a:pt x="383228" y="190153"/>
                    <a:pt x="365851" y="190153"/>
                  </a:cubicBezTo>
                  <a:cubicBezTo>
                    <a:pt x="352094" y="190153"/>
                    <a:pt x="338854" y="186983"/>
                    <a:pt x="330579" y="181974"/>
                  </a:cubicBezTo>
                  <a:lnTo>
                    <a:pt x="330269" y="159483"/>
                  </a:lnTo>
                  <a:lnTo>
                    <a:pt x="330269" y="159483"/>
                  </a:lnTo>
                  <a:close/>
                  <a:moveTo>
                    <a:pt x="63199" y="47640"/>
                  </a:moveTo>
                  <a:lnTo>
                    <a:pt x="63613" y="63486"/>
                  </a:lnTo>
                  <a:lnTo>
                    <a:pt x="63613" y="64407"/>
                  </a:lnTo>
                  <a:lnTo>
                    <a:pt x="63613" y="64407"/>
                  </a:lnTo>
                  <a:cubicBezTo>
                    <a:pt x="64026" y="63998"/>
                    <a:pt x="64026" y="63078"/>
                    <a:pt x="64544" y="62566"/>
                  </a:cubicBezTo>
                  <a:cubicBezTo>
                    <a:pt x="72818" y="53979"/>
                    <a:pt x="82852" y="45391"/>
                    <a:pt x="107159" y="45391"/>
                  </a:cubicBezTo>
                  <a:cubicBezTo>
                    <a:pt x="130535" y="45391"/>
                    <a:pt x="145223" y="64815"/>
                    <a:pt x="146051" y="77083"/>
                  </a:cubicBezTo>
                  <a:lnTo>
                    <a:pt x="146051" y="163572"/>
                  </a:lnTo>
                  <a:lnTo>
                    <a:pt x="146051" y="163981"/>
                  </a:lnTo>
                  <a:lnTo>
                    <a:pt x="146051" y="185757"/>
                  </a:lnTo>
                  <a:lnTo>
                    <a:pt x="126398" y="185757"/>
                  </a:lnTo>
                  <a:lnTo>
                    <a:pt x="126398" y="159994"/>
                  </a:lnTo>
                  <a:lnTo>
                    <a:pt x="126398" y="86182"/>
                  </a:lnTo>
                  <a:cubicBezTo>
                    <a:pt x="126398" y="70745"/>
                    <a:pt x="112641" y="59908"/>
                    <a:pt x="96195" y="59908"/>
                  </a:cubicBezTo>
                  <a:cubicBezTo>
                    <a:pt x="82438" y="59908"/>
                    <a:pt x="64544" y="72176"/>
                    <a:pt x="64130" y="84853"/>
                  </a:cubicBezTo>
                  <a:lnTo>
                    <a:pt x="64130" y="164083"/>
                  </a:lnTo>
                  <a:lnTo>
                    <a:pt x="64130" y="164492"/>
                  </a:lnTo>
                  <a:lnTo>
                    <a:pt x="64130" y="185757"/>
                  </a:lnTo>
                  <a:lnTo>
                    <a:pt x="43960" y="185757"/>
                  </a:lnTo>
                  <a:lnTo>
                    <a:pt x="43960" y="163981"/>
                  </a:lnTo>
                  <a:lnTo>
                    <a:pt x="43960" y="65736"/>
                  </a:lnTo>
                  <a:lnTo>
                    <a:pt x="43960" y="47640"/>
                  </a:lnTo>
                  <a:lnTo>
                    <a:pt x="47580" y="47640"/>
                  </a:lnTo>
                  <a:lnTo>
                    <a:pt x="58544" y="47640"/>
                  </a:lnTo>
                  <a:lnTo>
                    <a:pt x="63199" y="47640"/>
                  </a:lnTo>
                  <a:lnTo>
                    <a:pt x="63199" y="47640"/>
                  </a:lnTo>
                  <a:close/>
                </a:path>
              </a:pathLst>
            </a:custGeom>
            <a:solidFill>
              <a:srgbClr val="007CC3"/>
            </a:solidFill>
            <a:ln w="10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84" name="Graphic 67">
              <a:extLst>
                <a:ext uri="{FF2B5EF4-FFF2-40B4-BE49-F238E27FC236}">
                  <a16:creationId xmlns:a16="http://schemas.microsoft.com/office/drawing/2014/main" id="{50B04158-EBF2-927E-C116-EB7AFB4EF749}"/>
                </a:ext>
              </a:extLst>
            </p:cNvPr>
            <p:cNvSpPr/>
            <p:nvPr/>
          </p:nvSpPr>
          <p:spPr>
            <a:xfrm>
              <a:off x="11021315" y="3528620"/>
              <a:ext cx="386137" cy="383968"/>
            </a:xfrm>
            <a:custGeom>
              <a:avLst/>
              <a:gdLst>
                <a:gd name="connsiteX0" fmla="*/ 73757 w 386137"/>
                <a:gd name="connsiteY0" fmla="*/ 343836 h 383968"/>
                <a:gd name="connsiteX1" fmla="*/ 191984 w 386137"/>
                <a:gd name="connsiteY1" fmla="*/ 383968 h 383968"/>
                <a:gd name="connsiteX2" fmla="*/ 318889 w 386137"/>
                <a:gd name="connsiteY2" fmla="*/ 336243 h 383968"/>
                <a:gd name="connsiteX3" fmla="*/ 191984 w 386137"/>
                <a:gd name="connsiteY3" fmla="*/ 368783 h 383968"/>
                <a:gd name="connsiteX4" fmla="*/ 73757 w 386137"/>
                <a:gd name="connsiteY4" fmla="*/ 343836 h 383968"/>
                <a:gd name="connsiteX5" fmla="*/ 205000 w 386137"/>
                <a:gd name="connsiteY5" fmla="*/ 353598 h 383968"/>
                <a:gd name="connsiteX6" fmla="*/ 335159 w 386137"/>
                <a:gd name="connsiteY6" fmla="*/ 314550 h 383968"/>
                <a:gd name="connsiteX7" fmla="*/ 359021 w 386137"/>
                <a:gd name="connsiteY7" fmla="*/ 286349 h 383968"/>
                <a:gd name="connsiteX8" fmla="*/ 370952 w 386137"/>
                <a:gd name="connsiteY8" fmla="*/ 262487 h 383968"/>
                <a:gd name="connsiteX9" fmla="*/ 171376 w 386137"/>
                <a:gd name="connsiteY9" fmla="*/ 331905 h 383968"/>
                <a:gd name="connsiteX10" fmla="*/ 18439 w 386137"/>
                <a:gd name="connsiteY10" fmla="*/ 274418 h 383968"/>
                <a:gd name="connsiteX11" fmla="*/ 205000 w 386137"/>
                <a:gd name="connsiteY11" fmla="*/ 353598 h 383968"/>
                <a:gd name="connsiteX12" fmla="*/ 152936 w 386137"/>
                <a:gd name="connsiteY12" fmla="*/ 268995 h 383968"/>
                <a:gd name="connsiteX13" fmla="*/ 0 w 386137"/>
                <a:gd name="connsiteY13" fmla="*/ 191984 h 383968"/>
                <a:gd name="connsiteX14" fmla="*/ 3254 w 386137"/>
                <a:gd name="connsiteY14" fmla="*/ 225608 h 383968"/>
                <a:gd name="connsiteX15" fmla="*/ 13016 w 386137"/>
                <a:gd name="connsiteY15" fmla="*/ 242963 h 383968"/>
                <a:gd name="connsiteX16" fmla="*/ 199577 w 386137"/>
                <a:gd name="connsiteY16" fmla="*/ 302619 h 383968"/>
                <a:gd name="connsiteX17" fmla="*/ 378545 w 386137"/>
                <a:gd name="connsiteY17" fmla="*/ 240794 h 383968"/>
                <a:gd name="connsiteX18" fmla="*/ 386137 w 386137"/>
                <a:gd name="connsiteY18" fmla="*/ 193069 h 383968"/>
                <a:gd name="connsiteX19" fmla="*/ 386137 w 386137"/>
                <a:gd name="connsiteY19" fmla="*/ 182222 h 383968"/>
                <a:gd name="connsiteX20" fmla="*/ 152936 w 386137"/>
                <a:gd name="connsiteY20" fmla="*/ 268995 h 383968"/>
                <a:gd name="connsiteX21" fmla="*/ 17354 w 386137"/>
                <a:gd name="connsiteY21" fmla="*/ 109550 h 383968"/>
                <a:gd name="connsiteX22" fmla="*/ 3254 w 386137"/>
                <a:gd name="connsiteY22" fmla="*/ 149682 h 383968"/>
                <a:gd name="connsiteX23" fmla="*/ 4339 w 386137"/>
                <a:gd name="connsiteY23" fmla="*/ 159444 h 383968"/>
                <a:gd name="connsiteX24" fmla="*/ 214762 w 386137"/>
                <a:gd name="connsiteY24" fmla="*/ 224524 h 383968"/>
                <a:gd name="connsiteX25" fmla="*/ 376375 w 386137"/>
                <a:gd name="connsiteY25" fmla="*/ 165952 h 383968"/>
                <a:gd name="connsiteX26" fmla="*/ 376375 w 386137"/>
                <a:gd name="connsiteY26" fmla="*/ 142090 h 383968"/>
                <a:gd name="connsiteX27" fmla="*/ 363360 w 386137"/>
                <a:gd name="connsiteY27" fmla="*/ 108466 h 383968"/>
                <a:gd name="connsiteX28" fmla="*/ 155106 w 386137"/>
                <a:gd name="connsiteY28" fmla="*/ 190899 h 383968"/>
                <a:gd name="connsiteX29" fmla="*/ 15185 w 386137"/>
                <a:gd name="connsiteY29" fmla="*/ 122566 h 383968"/>
                <a:gd name="connsiteX30" fmla="*/ 17354 w 386137"/>
                <a:gd name="connsiteY30" fmla="*/ 109550 h 383968"/>
                <a:gd name="connsiteX31" fmla="*/ 318889 w 386137"/>
                <a:gd name="connsiteY31" fmla="*/ 47725 h 383968"/>
                <a:gd name="connsiteX32" fmla="*/ 319973 w 386137"/>
                <a:gd name="connsiteY32" fmla="*/ 52063 h 383968"/>
                <a:gd name="connsiteX33" fmla="*/ 150767 w 386137"/>
                <a:gd name="connsiteY33" fmla="*/ 110635 h 383968"/>
                <a:gd name="connsiteX34" fmla="*/ 59656 w 386137"/>
                <a:gd name="connsiteY34" fmla="*/ 63995 h 383968"/>
                <a:gd name="connsiteX35" fmla="*/ 67249 w 386137"/>
                <a:gd name="connsiteY35" fmla="*/ 44471 h 383968"/>
                <a:gd name="connsiteX36" fmla="*/ 40132 w 386137"/>
                <a:gd name="connsiteY36" fmla="*/ 73757 h 383968"/>
                <a:gd name="connsiteX37" fmla="*/ 34709 w 386137"/>
                <a:gd name="connsiteY37" fmla="*/ 84603 h 383968"/>
                <a:gd name="connsiteX38" fmla="*/ 215846 w 386137"/>
                <a:gd name="connsiteY38" fmla="*/ 148598 h 383968"/>
                <a:gd name="connsiteX39" fmla="*/ 351428 w 386137"/>
                <a:gd name="connsiteY39" fmla="*/ 91111 h 383968"/>
                <a:gd name="connsiteX40" fmla="*/ 338413 w 386137"/>
                <a:gd name="connsiteY40" fmla="*/ 65079 h 383968"/>
                <a:gd name="connsiteX41" fmla="*/ 318889 w 386137"/>
                <a:gd name="connsiteY41" fmla="*/ 47725 h 383968"/>
                <a:gd name="connsiteX42" fmla="*/ 290688 w 386137"/>
                <a:gd name="connsiteY42" fmla="*/ 27116 h 383968"/>
                <a:gd name="connsiteX43" fmla="*/ 191984 w 386137"/>
                <a:gd name="connsiteY43" fmla="*/ 0 h 383968"/>
                <a:gd name="connsiteX44" fmla="*/ 92196 w 386137"/>
                <a:gd name="connsiteY44" fmla="*/ 28201 h 383968"/>
                <a:gd name="connsiteX45" fmla="*/ 78095 w 386137"/>
                <a:gd name="connsiteY45" fmla="*/ 42302 h 383968"/>
                <a:gd name="connsiteX46" fmla="*/ 183307 w 386137"/>
                <a:gd name="connsiteY46" fmla="*/ 75926 h 383968"/>
                <a:gd name="connsiteX47" fmla="*/ 301534 w 386137"/>
                <a:gd name="connsiteY47" fmla="*/ 37963 h 383968"/>
                <a:gd name="connsiteX48" fmla="*/ 290688 w 386137"/>
                <a:gd name="connsiteY48" fmla="*/ 27116 h 3839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Lst>
              <a:rect l="l" t="t" r="r" b="b"/>
              <a:pathLst>
                <a:path w="386137" h="383968">
                  <a:moveTo>
                    <a:pt x="73757" y="343836"/>
                  </a:moveTo>
                  <a:cubicBezTo>
                    <a:pt x="106296" y="368783"/>
                    <a:pt x="147513" y="383968"/>
                    <a:pt x="191984" y="383968"/>
                  </a:cubicBezTo>
                  <a:cubicBezTo>
                    <a:pt x="240794" y="383968"/>
                    <a:pt x="285264" y="365529"/>
                    <a:pt x="318889" y="336243"/>
                  </a:cubicBezTo>
                  <a:cubicBezTo>
                    <a:pt x="303704" y="346005"/>
                    <a:pt x="260317" y="368783"/>
                    <a:pt x="191984" y="368783"/>
                  </a:cubicBezTo>
                  <a:cubicBezTo>
                    <a:pt x="132328" y="368783"/>
                    <a:pt x="94365" y="355767"/>
                    <a:pt x="73757" y="343836"/>
                  </a:cubicBezTo>
                  <a:moveTo>
                    <a:pt x="205000" y="353598"/>
                  </a:moveTo>
                  <a:cubicBezTo>
                    <a:pt x="252725" y="353598"/>
                    <a:pt x="304788" y="340582"/>
                    <a:pt x="335159" y="314550"/>
                  </a:cubicBezTo>
                  <a:cubicBezTo>
                    <a:pt x="343836" y="308042"/>
                    <a:pt x="351428" y="298280"/>
                    <a:pt x="359021" y="286349"/>
                  </a:cubicBezTo>
                  <a:cubicBezTo>
                    <a:pt x="363360" y="278756"/>
                    <a:pt x="367698" y="270079"/>
                    <a:pt x="370952" y="262487"/>
                  </a:cubicBezTo>
                  <a:cubicBezTo>
                    <a:pt x="341667" y="304788"/>
                    <a:pt x="258148" y="331905"/>
                    <a:pt x="171376" y="331905"/>
                  </a:cubicBezTo>
                  <a:cubicBezTo>
                    <a:pt x="110635" y="331905"/>
                    <a:pt x="44471" y="312381"/>
                    <a:pt x="18439" y="274418"/>
                  </a:cubicBezTo>
                  <a:cubicBezTo>
                    <a:pt x="42302" y="326481"/>
                    <a:pt x="114973" y="353598"/>
                    <a:pt x="205000" y="353598"/>
                  </a:cubicBezTo>
                  <a:moveTo>
                    <a:pt x="152936" y="268995"/>
                  </a:moveTo>
                  <a:cubicBezTo>
                    <a:pt x="54233" y="268995"/>
                    <a:pt x="7593" y="223439"/>
                    <a:pt x="0" y="191984"/>
                  </a:cubicBezTo>
                  <a:cubicBezTo>
                    <a:pt x="0" y="202831"/>
                    <a:pt x="1085" y="215846"/>
                    <a:pt x="3254" y="225608"/>
                  </a:cubicBezTo>
                  <a:cubicBezTo>
                    <a:pt x="4339" y="229947"/>
                    <a:pt x="7593" y="236455"/>
                    <a:pt x="13016" y="242963"/>
                  </a:cubicBezTo>
                  <a:cubicBezTo>
                    <a:pt x="36878" y="267910"/>
                    <a:pt x="96534" y="302619"/>
                    <a:pt x="199577" y="302619"/>
                  </a:cubicBezTo>
                  <a:cubicBezTo>
                    <a:pt x="339497" y="302619"/>
                    <a:pt x="372037" y="255979"/>
                    <a:pt x="378545" y="240794"/>
                  </a:cubicBezTo>
                  <a:cubicBezTo>
                    <a:pt x="382883" y="229947"/>
                    <a:pt x="386137" y="210423"/>
                    <a:pt x="386137" y="193069"/>
                  </a:cubicBezTo>
                  <a:lnTo>
                    <a:pt x="386137" y="182222"/>
                  </a:lnTo>
                  <a:cubicBezTo>
                    <a:pt x="376375" y="219100"/>
                    <a:pt x="257063" y="268995"/>
                    <a:pt x="152936" y="268995"/>
                  </a:cubicBezTo>
                  <a:moveTo>
                    <a:pt x="17354" y="109550"/>
                  </a:moveTo>
                  <a:cubicBezTo>
                    <a:pt x="11931" y="120397"/>
                    <a:pt x="5423" y="139921"/>
                    <a:pt x="3254" y="149682"/>
                  </a:cubicBezTo>
                  <a:cubicBezTo>
                    <a:pt x="2169" y="154021"/>
                    <a:pt x="3254" y="156190"/>
                    <a:pt x="4339" y="159444"/>
                  </a:cubicBezTo>
                  <a:cubicBezTo>
                    <a:pt x="16270" y="184391"/>
                    <a:pt x="75926" y="224524"/>
                    <a:pt x="214762" y="224524"/>
                  </a:cubicBezTo>
                  <a:cubicBezTo>
                    <a:pt x="299365" y="224524"/>
                    <a:pt x="365529" y="203915"/>
                    <a:pt x="376375" y="165952"/>
                  </a:cubicBezTo>
                  <a:cubicBezTo>
                    <a:pt x="378545" y="159444"/>
                    <a:pt x="378545" y="151852"/>
                    <a:pt x="376375" y="142090"/>
                  </a:cubicBezTo>
                  <a:cubicBezTo>
                    <a:pt x="373122" y="131243"/>
                    <a:pt x="368783" y="118227"/>
                    <a:pt x="363360" y="108466"/>
                  </a:cubicBezTo>
                  <a:cubicBezTo>
                    <a:pt x="364444" y="158360"/>
                    <a:pt x="225608" y="190899"/>
                    <a:pt x="155106" y="190899"/>
                  </a:cubicBezTo>
                  <a:cubicBezTo>
                    <a:pt x="79180" y="190899"/>
                    <a:pt x="15185" y="160529"/>
                    <a:pt x="15185" y="122566"/>
                  </a:cubicBezTo>
                  <a:cubicBezTo>
                    <a:pt x="16270" y="117143"/>
                    <a:pt x="17354" y="112804"/>
                    <a:pt x="17354" y="109550"/>
                  </a:cubicBezTo>
                  <a:moveTo>
                    <a:pt x="318889" y="47725"/>
                  </a:moveTo>
                  <a:cubicBezTo>
                    <a:pt x="319973" y="48810"/>
                    <a:pt x="319973" y="49894"/>
                    <a:pt x="319973" y="52063"/>
                  </a:cubicBezTo>
                  <a:cubicBezTo>
                    <a:pt x="319973" y="73757"/>
                    <a:pt x="254894" y="110635"/>
                    <a:pt x="150767" y="110635"/>
                  </a:cubicBezTo>
                  <a:cubicBezTo>
                    <a:pt x="73757" y="110635"/>
                    <a:pt x="59656" y="82434"/>
                    <a:pt x="59656" y="63995"/>
                  </a:cubicBezTo>
                  <a:cubicBezTo>
                    <a:pt x="59656" y="57487"/>
                    <a:pt x="61825" y="50979"/>
                    <a:pt x="67249" y="44471"/>
                  </a:cubicBezTo>
                  <a:cubicBezTo>
                    <a:pt x="57487" y="54233"/>
                    <a:pt x="48810" y="62910"/>
                    <a:pt x="40132" y="73757"/>
                  </a:cubicBezTo>
                  <a:cubicBezTo>
                    <a:pt x="36878" y="78095"/>
                    <a:pt x="34709" y="82434"/>
                    <a:pt x="34709" y="84603"/>
                  </a:cubicBezTo>
                  <a:cubicBezTo>
                    <a:pt x="34709" y="122566"/>
                    <a:pt x="129074" y="148598"/>
                    <a:pt x="215846" y="148598"/>
                  </a:cubicBezTo>
                  <a:cubicBezTo>
                    <a:pt x="309127" y="148598"/>
                    <a:pt x="351428" y="118227"/>
                    <a:pt x="351428" y="91111"/>
                  </a:cubicBezTo>
                  <a:cubicBezTo>
                    <a:pt x="351428" y="81349"/>
                    <a:pt x="348174" y="75926"/>
                    <a:pt x="338413" y="65079"/>
                  </a:cubicBezTo>
                  <a:cubicBezTo>
                    <a:pt x="331905" y="58571"/>
                    <a:pt x="325397" y="53148"/>
                    <a:pt x="318889" y="47725"/>
                  </a:cubicBezTo>
                  <a:moveTo>
                    <a:pt x="290688" y="27116"/>
                  </a:moveTo>
                  <a:cubicBezTo>
                    <a:pt x="261402" y="9762"/>
                    <a:pt x="228862" y="0"/>
                    <a:pt x="191984" y="0"/>
                  </a:cubicBezTo>
                  <a:cubicBezTo>
                    <a:pt x="155106" y="0"/>
                    <a:pt x="121481" y="9762"/>
                    <a:pt x="92196" y="28201"/>
                  </a:cubicBezTo>
                  <a:cubicBezTo>
                    <a:pt x="83518" y="32540"/>
                    <a:pt x="78095" y="36878"/>
                    <a:pt x="78095" y="42302"/>
                  </a:cubicBezTo>
                  <a:cubicBezTo>
                    <a:pt x="78095" y="58571"/>
                    <a:pt x="116058" y="75926"/>
                    <a:pt x="183307" y="75926"/>
                  </a:cubicBezTo>
                  <a:cubicBezTo>
                    <a:pt x="249471" y="75926"/>
                    <a:pt x="301534" y="56402"/>
                    <a:pt x="301534" y="37963"/>
                  </a:cubicBezTo>
                  <a:cubicBezTo>
                    <a:pt x="302619" y="34709"/>
                    <a:pt x="298280" y="31455"/>
                    <a:pt x="290688" y="27116"/>
                  </a:cubicBezTo>
                </a:path>
              </a:pathLst>
            </a:custGeom>
            <a:solidFill>
              <a:srgbClr val="009FDB"/>
            </a:solidFill>
            <a:ln w="1058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pic>
          <p:nvPicPr>
            <p:cNvPr id="85" name="Picture 84">
              <a:extLst>
                <a:ext uri="{FF2B5EF4-FFF2-40B4-BE49-F238E27FC236}">
                  <a16:creationId xmlns:a16="http://schemas.microsoft.com/office/drawing/2014/main" id="{FFD005FD-07B0-51F8-9AD0-A70108CC0E94}"/>
                </a:ext>
              </a:extLst>
            </p:cNvPr>
            <p:cNvPicPr>
              <a:picLocks noChangeAspect="1"/>
            </p:cNvPicPr>
            <p:nvPr/>
          </p:nvPicPr>
          <p:blipFill>
            <a:blip r:embed="rId39" cstate="screen">
              <a:extLst>
                <a:ext uri="{28A0092B-C50C-407E-A947-70E740481C1C}">
                  <a14:useLocalDpi xmlns:a14="http://schemas.microsoft.com/office/drawing/2010/main" val="0"/>
                </a:ext>
              </a:extLst>
            </a:blip>
            <a:stretch>
              <a:fillRect/>
            </a:stretch>
          </p:blipFill>
          <p:spPr>
            <a:xfrm>
              <a:off x="3740740" y="3604568"/>
              <a:ext cx="759895" cy="303958"/>
            </a:xfrm>
            <a:prstGeom prst="rect">
              <a:avLst/>
            </a:prstGeom>
          </p:spPr>
        </p:pic>
        <p:grpSp>
          <p:nvGrpSpPr>
            <p:cNvPr id="86" name="Graphic 7">
              <a:extLst>
                <a:ext uri="{FF2B5EF4-FFF2-40B4-BE49-F238E27FC236}">
                  <a16:creationId xmlns:a16="http://schemas.microsoft.com/office/drawing/2014/main" id="{016C3D54-C0CE-1FD8-FD61-201E0688CD00}"/>
                </a:ext>
              </a:extLst>
            </p:cNvPr>
            <p:cNvGrpSpPr/>
            <p:nvPr/>
          </p:nvGrpSpPr>
          <p:grpSpPr>
            <a:xfrm>
              <a:off x="2337827" y="3535338"/>
              <a:ext cx="519708" cy="390715"/>
              <a:chOff x="2337827" y="3535338"/>
              <a:chExt cx="519708" cy="390715"/>
            </a:xfrm>
          </p:grpSpPr>
          <p:sp>
            <p:nvSpPr>
              <p:cNvPr id="117" name="Freeform: Shape 116">
                <a:extLst>
                  <a:ext uri="{FF2B5EF4-FFF2-40B4-BE49-F238E27FC236}">
                    <a16:creationId xmlns:a16="http://schemas.microsoft.com/office/drawing/2014/main" id="{2E37D0C5-57F7-FE7A-9381-8342202E6E58}"/>
                  </a:ext>
                </a:extLst>
              </p:cNvPr>
              <p:cNvSpPr/>
              <p:nvPr/>
            </p:nvSpPr>
            <p:spPr>
              <a:xfrm>
                <a:off x="2668497" y="3535338"/>
                <a:ext cx="189038" cy="167775"/>
              </a:xfrm>
              <a:custGeom>
                <a:avLst/>
                <a:gdLst>
                  <a:gd name="connsiteX0" fmla="*/ 164484 w 189038"/>
                  <a:gd name="connsiteY0" fmla="*/ 119842 h 167775"/>
                  <a:gd name="connsiteX1" fmla="*/ 164484 w 189038"/>
                  <a:gd name="connsiteY1" fmla="*/ 47904 h 167775"/>
                  <a:gd name="connsiteX2" fmla="*/ 115518 w 189038"/>
                  <a:gd name="connsiteY2" fmla="*/ 47904 h 167775"/>
                  <a:gd name="connsiteX3" fmla="*/ 115518 w 189038"/>
                  <a:gd name="connsiteY3" fmla="*/ 18725 h 167775"/>
                  <a:gd name="connsiteX4" fmla="*/ 96530 w 189038"/>
                  <a:gd name="connsiteY4" fmla="*/ 18725 h 167775"/>
                  <a:gd name="connsiteX5" fmla="*/ 96530 w 189038"/>
                  <a:gd name="connsiteY5" fmla="*/ 0 h 167775"/>
                  <a:gd name="connsiteX6" fmla="*/ 0 w 189038"/>
                  <a:gd name="connsiteY6" fmla="*/ 0 h 167775"/>
                  <a:gd name="connsiteX7" fmla="*/ 0 w 189038"/>
                  <a:gd name="connsiteY7" fmla="*/ 18725 h 167775"/>
                  <a:gd name="connsiteX8" fmla="*/ 0 w 189038"/>
                  <a:gd name="connsiteY8" fmla="*/ 47904 h 167775"/>
                  <a:gd name="connsiteX9" fmla="*/ 0 w 189038"/>
                  <a:gd name="connsiteY9" fmla="*/ 95822 h 167775"/>
                  <a:gd name="connsiteX10" fmla="*/ 0 w 189038"/>
                  <a:gd name="connsiteY10" fmla="*/ 119842 h 167775"/>
                  <a:gd name="connsiteX11" fmla="*/ 0 w 189038"/>
                  <a:gd name="connsiteY11" fmla="*/ 167776 h 167775"/>
                  <a:gd name="connsiteX12" fmla="*/ 60369 w 189038"/>
                  <a:gd name="connsiteY12" fmla="*/ 167776 h 167775"/>
                  <a:gd name="connsiteX13" fmla="*/ 96530 w 189038"/>
                  <a:gd name="connsiteY13" fmla="*/ 167776 h 167775"/>
                  <a:gd name="connsiteX14" fmla="*/ 115518 w 189038"/>
                  <a:gd name="connsiteY14" fmla="*/ 167776 h 167775"/>
                  <a:gd name="connsiteX15" fmla="*/ 164484 w 189038"/>
                  <a:gd name="connsiteY15" fmla="*/ 167776 h 167775"/>
                  <a:gd name="connsiteX16" fmla="*/ 189038 w 189038"/>
                  <a:gd name="connsiteY16" fmla="*/ 167776 h 167775"/>
                  <a:gd name="connsiteX17" fmla="*/ 189038 w 189038"/>
                  <a:gd name="connsiteY17" fmla="*/ 119842 h 1677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189038" h="167775">
                    <a:moveTo>
                      <a:pt x="164484" y="119842"/>
                    </a:moveTo>
                    <a:lnTo>
                      <a:pt x="164484" y="47904"/>
                    </a:lnTo>
                    <a:lnTo>
                      <a:pt x="115518" y="47904"/>
                    </a:lnTo>
                    <a:lnTo>
                      <a:pt x="115518" y="18725"/>
                    </a:lnTo>
                    <a:lnTo>
                      <a:pt x="96530" y="18725"/>
                    </a:lnTo>
                    <a:lnTo>
                      <a:pt x="96530" y="0"/>
                    </a:lnTo>
                    <a:lnTo>
                      <a:pt x="0" y="0"/>
                    </a:lnTo>
                    <a:lnTo>
                      <a:pt x="0" y="18725"/>
                    </a:lnTo>
                    <a:lnTo>
                      <a:pt x="0" y="47904"/>
                    </a:lnTo>
                    <a:lnTo>
                      <a:pt x="0" y="95822"/>
                    </a:lnTo>
                    <a:lnTo>
                      <a:pt x="0" y="119842"/>
                    </a:lnTo>
                    <a:lnTo>
                      <a:pt x="0" y="167776"/>
                    </a:lnTo>
                    <a:lnTo>
                      <a:pt x="60369" y="167776"/>
                    </a:lnTo>
                    <a:lnTo>
                      <a:pt x="96530" y="167776"/>
                    </a:lnTo>
                    <a:lnTo>
                      <a:pt x="115518" y="167776"/>
                    </a:lnTo>
                    <a:lnTo>
                      <a:pt x="164484" y="167776"/>
                    </a:lnTo>
                    <a:lnTo>
                      <a:pt x="189038" y="167776"/>
                    </a:lnTo>
                    <a:lnTo>
                      <a:pt x="189038" y="119842"/>
                    </a:lnTo>
                    <a:close/>
                  </a:path>
                </a:pathLst>
              </a:custGeom>
              <a:solidFill>
                <a:srgbClr val="E3731C"/>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nvGrpSpPr>
              <p:cNvPr id="118" name="Graphic 7">
                <a:extLst>
                  <a:ext uri="{FF2B5EF4-FFF2-40B4-BE49-F238E27FC236}">
                    <a16:creationId xmlns:a16="http://schemas.microsoft.com/office/drawing/2014/main" id="{43CDC4F5-0468-E0C5-67D0-A04972A433FF}"/>
                  </a:ext>
                </a:extLst>
              </p:cNvPr>
              <p:cNvGrpSpPr/>
              <p:nvPr/>
            </p:nvGrpSpPr>
            <p:grpSpPr>
              <a:xfrm>
                <a:off x="2337827" y="3535338"/>
                <a:ext cx="519708" cy="390715"/>
                <a:chOff x="2337827" y="3535338"/>
                <a:chExt cx="519708" cy="390715"/>
              </a:xfrm>
            </p:grpSpPr>
            <p:grpSp>
              <p:nvGrpSpPr>
                <p:cNvPr id="119" name="Graphic 7">
                  <a:extLst>
                    <a:ext uri="{FF2B5EF4-FFF2-40B4-BE49-F238E27FC236}">
                      <a16:creationId xmlns:a16="http://schemas.microsoft.com/office/drawing/2014/main" id="{C75DEE44-E893-E51A-5415-9E9C72F72016}"/>
                    </a:ext>
                  </a:extLst>
                </p:cNvPr>
                <p:cNvGrpSpPr/>
                <p:nvPr/>
              </p:nvGrpSpPr>
              <p:grpSpPr>
                <a:xfrm>
                  <a:off x="2337827" y="3782757"/>
                  <a:ext cx="386512" cy="143296"/>
                  <a:chOff x="2337827" y="3782757"/>
                  <a:chExt cx="386512" cy="143296"/>
                </a:xfrm>
                <a:solidFill>
                  <a:srgbClr val="000000"/>
                </a:solidFill>
              </p:grpSpPr>
              <p:sp>
                <p:nvSpPr>
                  <p:cNvPr id="134" name="Freeform: Shape 133">
                    <a:extLst>
                      <a:ext uri="{FF2B5EF4-FFF2-40B4-BE49-F238E27FC236}">
                        <a16:creationId xmlns:a16="http://schemas.microsoft.com/office/drawing/2014/main" id="{F4E7A92F-954E-762B-4FE9-41F1B4D9D8E7}"/>
                      </a:ext>
                    </a:extLst>
                  </p:cNvPr>
                  <p:cNvSpPr/>
                  <p:nvPr/>
                </p:nvSpPr>
                <p:spPr>
                  <a:xfrm>
                    <a:off x="2628374" y="3782757"/>
                    <a:ext cx="95965" cy="101644"/>
                  </a:xfrm>
                  <a:custGeom>
                    <a:avLst/>
                    <a:gdLst>
                      <a:gd name="connsiteX0" fmla="*/ 61356 w 95965"/>
                      <a:gd name="connsiteY0" fmla="*/ 10643 h 101644"/>
                      <a:gd name="connsiteX1" fmla="*/ 36078 w 95965"/>
                      <a:gd name="connsiteY1" fmla="*/ 47090 h 101644"/>
                      <a:gd name="connsiteX2" fmla="*/ 64933 w 95965"/>
                      <a:gd name="connsiteY2" fmla="*/ 83251 h 101644"/>
                      <a:gd name="connsiteX3" fmla="*/ 95965 w 95965"/>
                      <a:gd name="connsiteY3" fmla="*/ 73038 h 101644"/>
                      <a:gd name="connsiteX4" fmla="*/ 95965 w 95965"/>
                      <a:gd name="connsiteY4" fmla="*/ 90565 h 101644"/>
                      <a:gd name="connsiteX5" fmla="*/ 51368 w 95965"/>
                      <a:gd name="connsiteY5" fmla="*/ 101645 h 101644"/>
                      <a:gd name="connsiteX6" fmla="*/ 14356 w 95965"/>
                      <a:gd name="connsiteY6" fmla="*/ 87944 h 101644"/>
                      <a:gd name="connsiteX7" fmla="*/ 0 w 95965"/>
                      <a:gd name="connsiteY7" fmla="*/ 52001 h 101644"/>
                      <a:gd name="connsiteX8" fmla="*/ 57040 w 95965"/>
                      <a:gd name="connsiteY8" fmla="*/ 0 h 101644"/>
                      <a:gd name="connsiteX9" fmla="*/ 94994 w 95965"/>
                      <a:gd name="connsiteY9" fmla="*/ 25119 h 101644"/>
                      <a:gd name="connsiteX10" fmla="*/ 77113 w 95965"/>
                      <a:gd name="connsiteY10" fmla="*/ 41366 h 101644"/>
                      <a:gd name="connsiteX11" fmla="*/ 61363 w 95965"/>
                      <a:gd name="connsiteY11" fmla="*/ 36628 h 101644"/>
                      <a:gd name="connsiteX12" fmla="*/ 61363 w 95965"/>
                      <a:gd name="connsiteY12" fmla="*/ 10643 h 1016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95965" h="101644">
                        <a:moveTo>
                          <a:pt x="61356" y="10643"/>
                        </a:moveTo>
                        <a:cubicBezTo>
                          <a:pt x="44627" y="13317"/>
                          <a:pt x="36078" y="25556"/>
                          <a:pt x="36078" y="47090"/>
                        </a:cubicBezTo>
                        <a:cubicBezTo>
                          <a:pt x="36078" y="68760"/>
                          <a:pt x="47467" y="83251"/>
                          <a:pt x="64933" y="83251"/>
                        </a:cubicBezTo>
                        <a:cubicBezTo>
                          <a:pt x="73061" y="83251"/>
                          <a:pt x="80442" y="80578"/>
                          <a:pt x="95965" y="73038"/>
                        </a:cubicBezTo>
                        <a:lnTo>
                          <a:pt x="95965" y="90565"/>
                        </a:lnTo>
                        <a:cubicBezTo>
                          <a:pt x="77339" y="99031"/>
                          <a:pt x="66372" y="101645"/>
                          <a:pt x="51368" y="101645"/>
                        </a:cubicBezTo>
                        <a:cubicBezTo>
                          <a:pt x="35122" y="101645"/>
                          <a:pt x="23688" y="97374"/>
                          <a:pt x="14356" y="87944"/>
                        </a:cubicBezTo>
                        <a:cubicBezTo>
                          <a:pt x="4790" y="78461"/>
                          <a:pt x="0" y="65943"/>
                          <a:pt x="0" y="52001"/>
                        </a:cubicBezTo>
                        <a:cubicBezTo>
                          <a:pt x="0" y="20984"/>
                          <a:pt x="23176" y="0"/>
                          <a:pt x="57040" y="0"/>
                        </a:cubicBezTo>
                        <a:cubicBezTo>
                          <a:pt x="79531" y="0"/>
                          <a:pt x="94994" y="10176"/>
                          <a:pt x="94994" y="25119"/>
                        </a:cubicBezTo>
                        <a:cubicBezTo>
                          <a:pt x="94994" y="34745"/>
                          <a:pt x="87793" y="41366"/>
                          <a:pt x="77113" y="41366"/>
                        </a:cubicBezTo>
                        <a:cubicBezTo>
                          <a:pt x="71629" y="41366"/>
                          <a:pt x="67125" y="39942"/>
                          <a:pt x="61363" y="36628"/>
                        </a:cubicBezTo>
                        <a:lnTo>
                          <a:pt x="61363" y="10643"/>
                        </a:lnTo>
                        <a:close/>
                      </a:path>
                    </a:pathLst>
                  </a:custGeom>
                  <a:solidFill>
                    <a:srgbClr val="000000"/>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35" name="Freeform: Shape 134">
                    <a:extLst>
                      <a:ext uri="{FF2B5EF4-FFF2-40B4-BE49-F238E27FC236}">
                        <a16:creationId xmlns:a16="http://schemas.microsoft.com/office/drawing/2014/main" id="{53675E0C-3982-F155-F572-8B705FF112B6}"/>
                      </a:ext>
                    </a:extLst>
                  </p:cNvPr>
                  <p:cNvSpPr/>
                  <p:nvPr/>
                </p:nvSpPr>
                <p:spPr>
                  <a:xfrm>
                    <a:off x="2460779" y="3782765"/>
                    <a:ext cx="166706" cy="99987"/>
                  </a:xfrm>
                  <a:custGeom>
                    <a:avLst/>
                    <a:gdLst>
                      <a:gd name="connsiteX0" fmla="*/ 146415 w 166706"/>
                      <a:gd name="connsiteY0" fmla="*/ 52001 h 99987"/>
                      <a:gd name="connsiteX1" fmla="*/ 166706 w 166706"/>
                      <a:gd name="connsiteY1" fmla="*/ 16525 h 99987"/>
                      <a:gd name="connsiteX2" fmla="*/ 149571 w 166706"/>
                      <a:gd name="connsiteY2" fmla="*/ 0 h 99987"/>
                      <a:gd name="connsiteX3" fmla="*/ 135448 w 166706"/>
                      <a:gd name="connsiteY3" fmla="*/ 5762 h 99987"/>
                      <a:gd name="connsiteX4" fmla="*/ 135448 w 166706"/>
                      <a:gd name="connsiteY4" fmla="*/ 43904 h 99987"/>
                      <a:gd name="connsiteX5" fmla="*/ 110879 w 166706"/>
                      <a:gd name="connsiteY5" fmla="*/ 76337 h 99987"/>
                      <a:gd name="connsiteX6" fmla="*/ 110879 w 166706"/>
                      <a:gd name="connsiteY6" fmla="*/ 2403 h 99987"/>
                      <a:gd name="connsiteX7" fmla="*/ 87514 w 166706"/>
                      <a:gd name="connsiteY7" fmla="*/ 2403 h 99987"/>
                      <a:gd name="connsiteX8" fmla="*/ 48679 w 166706"/>
                      <a:gd name="connsiteY8" fmla="*/ 66176 h 99987"/>
                      <a:gd name="connsiteX9" fmla="*/ 48679 w 166706"/>
                      <a:gd name="connsiteY9" fmla="*/ 2403 h 99987"/>
                      <a:gd name="connsiteX10" fmla="*/ 35257 w 166706"/>
                      <a:gd name="connsiteY10" fmla="*/ 2403 h 99987"/>
                      <a:gd name="connsiteX11" fmla="*/ 0 w 166706"/>
                      <a:gd name="connsiteY11" fmla="*/ 10914 h 99987"/>
                      <a:gd name="connsiteX12" fmla="*/ 0 w 166706"/>
                      <a:gd name="connsiteY12" fmla="*/ 19839 h 99987"/>
                      <a:gd name="connsiteX13" fmla="*/ 19229 w 166706"/>
                      <a:gd name="connsiteY13" fmla="*/ 21775 h 99987"/>
                      <a:gd name="connsiteX14" fmla="*/ 19229 w 166706"/>
                      <a:gd name="connsiteY14" fmla="*/ 99988 h 99987"/>
                      <a:gd name="connsiteX15" fmla="*/ 44085 w 166706"/>
                      <a:gd name="connsiteY15" fmla="*/ 99988 h 99987"/>
                      <a:gd name="connsiteX16" fmla="*/ 81331 w 166706"/>
                      <a:gd name="connsiteY16" fmla="*/ 39355 h 99987"/>
                      <a:gd name="connsiteX17" fmla="*/ 81331 w 166706"/>
                      <a:gd name="connsiteY17" fmla="*/ 99988 h 99987"/>
                      <a:gd name="connsiteX18" fmla="*/ 108551 w 166706"/>
                      <a:gd name="connsiteY18" fmla="*/ 99988 h 99987"/>
                      <a:gd name="connsiteX19" fmla="*/ 146415 w 166706"/>
                      <a:gd name="connsiteY19" fmla="*/ 52001 h 999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166706" h="99987">
                        <a:moveTo>
                          <a:pt x="146415" y="52001"/>
                        </a:moveTo>
                        <a:cubicBezTo>
                          <a:pt x="161411" y="33276"/>
                          <a:pt x="166706" y="25722"/>
                          <a:pt x="166706" y="16525"/>
                        </a:cubicBezTo>
                        <a:cubicBezTo>
                          <a:pt x="166706" y="7374"/>
                          <a:pt x="159370" y="0"/>
                          <a:pt x="149571" y="0"/>
                        </a:cubicBezTo>
                        <a:cubicBezTo>
                          <a:pt x="143530" y="0"/>
                          <a:pt x="138099" y="2825"/>
                          <a:pt x="135448" y="5762"/>
                        </a:cubicBezTo>
                        <a:lnTo>
                          <a:pt x="135448" y="43904"/>
                        </a:lnTo>
                        <a:lnTo>
                          <a:pt x="110879" y="76337"/>
                        </a:lnTo>
                        <a:lnTo>
                          <a:pt x="110879" y="2403"/>
                        </a:lnTo>
                        <a:lnTo>
                          <a:pt x="87514" y="2403"/>
                        </a:lnTo>
                        <a:lnTo>
                          <a:pt x="48679" y="66176"/>
                        </a:lnTo>
                        <a:lnTo>
                          <a:pt x="48679" y="2403"/>
                        </a:lnTo>
                        <a:lnTo>
                          <a:pt x="35257" y="2403"/>
                        </a:lnTo>
                        <a:lnTo>
                          <a:pt x="0" y="10914"/>
                        </a:lnTo>
                        <a:lnTo>
                          <a:pt x="0" y="19839"/>
                        </a:lnTo>
                        <a:lnTo>
                          <a:pt x="19229" y="21775"/>
                        </a:lnTo>
                        <a:lnTo>
                          <a:pt x="19229" y="99988"/>
                        </a:lnTo>
                        <a:lnTo>
                          <a:pt x="44085" y="99988"/>
                        </a:lnTo>
                        <a:lnTo>
                          <a:pt x="81331" y="39355"/>
                        </a:lnTo>
                        <a:lnTo>
                          <a:pt x="81331" y="99988"/>
                        </a:lnTo>
                        <a:lnTo>
                          <a:pt x="108551" y="99988"/>
                        </a:lnTo>
                        <a:lnTo>
                          <a:pt x="146415" y="52001"/>
                        </a:lnTo>
                        <a:close/>
                      </a:path>
                    </a:pathLst>
                  </a:custGeom>
                  <a:solidFill>
                    <a:srgbClr val="000000"/>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36" name="Freeform: Shape 135">
                    <a:extLst>
                      <a:ext uri="{FF2B5EF4-FFF2-40B4-BE49-F238E27FC236}">
                        <a16:creationId xmlns:a16="http://schemas.microsoft.com/office/drawing/2014/main" id="{ACCF5E02-FF55-184B-F8A9-6FDFB2E06F53}"/>
                      </a:ext>
                    </a:extLst>
                  </p:cNvPr>
                  <p:cNvSpPr/>
                  <p:nvPr/>
                </p:nvSpPr>
                <p:spPr>
                  <a:xfrm>
                    <a:off x="2337827" y="3783013"/>
                    <a:ext cx="119653" cy="143040"/>
                  </a:xfrm>
                  <a:custGeom>
                    <a:avLst/>
                    <a:gdLst>
                      <a:gd name="connsiteX0" fmla="*/ 48717 w 119653"/>
                      <a:gd name="connsiteY0" fmla="*/ 87695 h 143040"/>
                      <a:gd name="connsiteX1" fmla="*/ 54193 w 119653"/>
                      <a:gd name="connsiteY1" fmla="*/ 87816 h 143040"/>
                      <a:gd name="connsiteX2" fmla="*/ 84946 w 119653"/>
                      <a:gd name="connsiteY2" fmla="*/ 51753 h 143040"/>
                      <a:gd name="connsiteX3" fmla="*/ 59955 w 119653"/>
                      <a:gd name="connsiteY3" fmla="*/ 21014 h 143040"/>
                      <a:gd name="connsiteX4" fmla="*/ 48710 w 119653"/>
                      <a:gd name="connsiteY4" fmla="*/ 22024 h 143040"/>
                      <a:gd name="connsiteX5" fmla="*/ 48710 w 119653"/>
                      <a:gd name="connsiteY5" fmla="*/ 87695 h 143040"/>
                      <a:gd name="connsiteX6" fmla="*/ 48717 w 119653"/>
                      <a:gd name="connsiteY6" fmla="*/ 130432 h 143040"/>
                      <a:gd name="connsiteX7" fmla="*/ 64836 w 119653"/>
                      <a:gd name="connsiteY7" fmla="*/ 133980 h 143040"/>
                      <a:gd name="connsiteX8" fmla="*/ 64836 w 119653"/>
                      <a:gd name="connsiteY8" fmla="*/ 143041 h 143040"/>
                      <a:gd name="connsiteX9" fmla="*/ 1604 w 119653"/>
                      <a:gd name="connsiteY9" fmla="*/ 143041 h 143040"/>
                      <a:gd name="connsiteX10" fmla="*/ 1604 w 119653"/>
                      <a:gd name="connsiteY10" fmla="*/ 133980 h 143040"/>
                      <a:gd name="connsiteX11" fmla="*/ 16013 w 119653"/>
                      <a:gd name="connsiteY11" fmla="*/ 130432 h 143040"/>
                      <a:gd name="connsiteX12" fmla="*/ 16013 w 119653"/>
                      <a:gd name="connsiteY12" fmla="*/ 21022 h 143040"/>
                      <a:gd name="connsiteX13" fmla="*/ 0 w 119653"/>
                      <a:gd name="connsiteY13" fmla="*/ 21022 h 143040"/>
                      <a:gd name="connsiteX14" fmla="*/ 0 w 119653"/>
                      <a:gd name="connsiteY14" fmla="*/ 11637 h 143040"/>
                      <a:gd name="connsiteX15" fmla="*/ 38684 w 119653"/>
                      <a:gd name="connsiteY15" fmla="*/ 0 h 143040"/>
                      <a:gd name="connsiteX16" fmla="*/ 48725 w 119653"/>
                      <a:gd name="connsiteY16" fmla="*/ 0 h 143040"/>
                      <a:gd name="connsiteX17" fmla="*/ 48725 w 119653"/>
                      <a:gd name="connsiteY17" fmla="*/ 13068 h 143040"/>
                      <a:gd name="connsiteX18" fmla="*/ 82355 w 119653"/>
                      <a:gd name="connsiteY18" fmla="*/ 505 h 143040"/>
                      <a:gd name="connsiteX19" fmla="*/ 119654 w 119653"/>
                      <a:gd name="connsiteY19" fmla="*/ 47256 h 143040"/>
                      <a:gd name="connsiteX20" fmla="*/ 65220 w 119653"/>
                      <a:gd name="connsiteY20" fmla="*/ 99747 h 143040"/>
                      <a:gd name="connsiteX21" fmla="*/ 48725 w 119653"/>
                      <a:gd name="connsiteY21" fmla="*/ 98782 h 143040"/>
                      <a:gd name="connsiteX22" fmla="*/ 48725 w 119653"/>
                      <a:gd name="connsiteY22" fmla="*/ 130432 h 1430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119653" h="143040">
                        <a:moveTo>
                          <a:pt x="48717" y="87695"/>
                        </a:moveTo>
                        <a:cubicBezTo>
                          <a:pt x="51361" y="87816"/>
                          <a:pt x="52521" y="87816"/>
                          <a:pt x="54193" y="87816"/>
                        </a:cubicBezTo>
                        <a:cubicBezTo>
                          <a:pt x="74213" y="87816"/>
                          <a:pt x="84946" y="75448"/>
                          <a:pt x="84946" y="51753"/>
                        </a:cubicBezTo>
                        <a:cubicBezTo>
                          <a:pt x="84946" y="31687"/>
                          <a:pt x="76164" y="21014"/>
                          <a:pt x="59955" y="21014"/>
                        </a:cubicBezTo>
                        <a:cubicBezTo>
                          <a:pt x="57258" y="21014"/>
                          <a:pt x="54426" y="21338"/>
                          <a:pt x="48710" y="22024"/>
                        </a:cubicBezTo>
                        <a:lnTo>
                          <a:pt x="48710" y="87695"/>
                        </a:lnTo>
                        <a:close/>
                        <a:moveTo>
                          <a:pt x="48717" y="130432"/>
                        </a:moveTo>
                        <a:lnTo>
                          <a:pt x="64836" y="133980"/>
                        </a:lnTo>
                        <a:lnTo>
                          <a:pt x="64836" y="143041"/>
                        </a:lnTo>
                        <a:lnTo>
                          <a:pt x="1604" y="143041"/>
                        </a:lnTo>
                        <a:lnTo>
                          <a:pt x="1604" y="133980"/>
                        </a:lnTo>
                        <a:lnTo>
                          <a:pt x="16013" y="130432"/>
                        </a:lnTo>
                        <a:lnTo>
                          <a:pt x="16013" y="21022"/>
                        </a:lnTo>
                        <a:lnTo>
                          <a:pt x="0" y="21022"/>
                        </a:lnTo>
                        <a:lnTo>
                          <a:pt x="0" y="11637"/>
                        </a:lnTo>
                        <a:lnTo>
                          <a:pt x="38684" y="0"/>
                        </a:lnTo>
                        <a:lnTo>
                          <a:pt x="48725" y="0"/>
                        </a:lnTo>
                        <a:lnTo>
                          <a:pt x="48725" y="13068"/>
                        </a:lnTo>
                        <a:cubicBezTo>
                          <a:pt x="66839" y="2395"/>
                          <a:pt x="73061" y="505"/>
                          <a:pt x="82355" y="505"/>
                        </a:cubicBezTo>
                        <a:cubicBezTo>
                          <a:pt x="103814" y="505"/>
                          <a:pt x="119654" y="20111"/>
                          <a:pt x="119654" y="47256"/>
                        </a:cubicBezTo>
                        <a:cubicBezTo>
                          <a:pt x="119654" y="78634"/>
                          <a:pt x="98519" y="99747"/>
                          <a:pt x="65220" y="99747"/>
                        </a:cubicBezTo>
                        <a:cubicBezTo>
                          <a:pt x="61454" y="99747"/>
                          <a:pt x="55187" y="99521"/>
                          <a:pt x="48725" y="98782"/>
                        </a:cubicBezTo>
                        <a:lnTo>
                          <a:pt x="48725" y="130432"/>
                        </a:lnTo>
                        <a:close/>
                      </a:path>
                    </a:pathLst>
                  </a:custGeom>
                  <a:solidFill>
                    <a:srgbClr val="000000"/>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20" name="Graphic 7">
                  <a:extLst>
                    <a:ext uri="{FF2B5EF4-FFF2-40B4-BE49-F238E27FC236}">
                      <a16:creationId xmlns:a16="http://schemas.microsoft.com/office/drawing/2014/main" id="{445FEDF1-52C4-774B-7D58-2A11960E4A7C}"/>
                    </a:ext>
                  </a:extLst>
                </p:cNvPr>
                <p:cNvGrpSpPr/>
                <p:nvPr/>
              </p:nvGrpSpPr>
              <p:grpSpPr>
                <a:xfrm>
                  <a:off x="2571703" y="3535338"/>
                  <a:ext cx="285832" cy="191742"/>
                  <a:chOff x="2571703" y="3535338"/>
                  <a:chExt cx="285832" cy="191742"/>
                </a:xfrm>
              </p:grpSpPr>
              <p:sp>
                <p:nvSpPr>
                  <p:cNvPr id="121" name="Freeform: Shape 120">
                    <a:extLst>
                      <a:ext uri="{FF2B5EF4-FFF2-40B4-BE49-F238E27FC236}">
                        <a16:creationId xmlns:a16="http://schemas.microsoft.com/office/drawing/2014/main" id="{3E61D277-E413-84E9-E90E-6FA4F4C6D1B8}"/>
                      </a:ext>
                    </a:extLst>
                  </p:cNvPr>
                  <p:cNvSpPr/>
                  <p:nvPr/>
                </p:nvSpPr>
                <p:spPr>
                  <a:xfrm>
                    <a:off x="2832981" y="3655180"/>
                    <a:ext cx="24554" cy="47933"/>
                  </a:xfrm>
                  <a:custGeom>
                    <a:avLst/>
                    <a:gdLst>
                      <a:gd name="connsiteX0" fmla="*/ 0 w 24554"/>
                      <a:gd name="connsiteY0" fmla="*/ 0 h 47933"/>
                      <a:gd name="connsiteX1" fmla="*/ 24554 w 24554"/>
                      <a:gd name="connsiteY1" fmla="*/ 0 h 47933"/>
                      <a:gd name="connsiteX2" fmla="*/ 24554 w 24554"/>
                      <a:gd name="connsiteY2" fmla="*/ 47934 h 47933"/>
                      <a:gd name="connsiteX3" fmla="*/ 0 w 24554"/>
                      <a:gd name="connsiteY3" fmla="*/ 47934 h 47933"/>
                    </a:gdLst>
                    <a:ahLst/>
                    <a:cxnLst>
                      <a:cxn ang="0">
                        <a:pos x="connsiteX0" y="connsiteY0"/>
                      </a:cxn>
                      <a:cxn ang="0">
                        <a:pos x="connsiteX1" y="connsiteY1"/>
                      </a:cxn>
                      <a:cxn ang="0">
                        <a:pos x="connsiteX2" y="connsiteY2"/>
                      </a:cxn>
                      <a:cxn ang="0">
                        <a:pos x="connsiteX3" y="connsiteY3"/>
                      </a:cxn>
                    </a:cxnLst>
                    <a:rect l="l" t="t" r="r" b="b"/>
                    <a:pathLst>
                      <a:path w="24554" h="47933">
                        <a:moveTo>
                          <a:pt x="0" y="0"/>
                        </a:moveTo>
                        <a:lnTo>
                          <a:pt x="24554" y="0"/>
                        </a:lnTo>
                        <a:lnTo>
                          <a:pt x="24554" y="47934"/>
                        </a:lnTo>
                        <a:lnTo>
                          <a:pt x="0" y="47934"/>
                        </a:lnTo>
                        <a:close/>
                      </a:path>
                    </a:pathLst>
                  </a:custGeom>
                  <a:solidFill>
                    <a:srgbClr val="E669A2"/>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22" name="Freeform: Shape 121">
                    <a:extLst>
                      <a:ext uri="{FF2B5EF4-FFF2-40B4-BE49-F238E27FC236}">
                        <a16:creationId xmlns:a16="http://schemas.microsoft.com/office/drawing/2014/main" id="{7F0F17B1-5BD3-0894-D1BE-C09B7B706F90}"/>
                      </a:ext>
                    </a:extLst>
                  </p:cNvPr>
                  <p:cNvSpPr/>
                  <p:nvPr/>
                </p:nvSpPr>
                <p:spPr>
                  <a:xfrm>
                    <a:off x="2765027" y="3554063"/>
                    <a:ext cx="18988" cy="29186"/>
                  </a:xfrm>
                  <a:custGeom>
                    <a:avLst/>
                    <a:gdLst>
                      <a:gd name="connsiteX0" fmla="*/ 0 w 18988"/>
                      <a:gd name="connsiteY0" fmla="*/ 0 h 29186"/>
                      <a:gd name="connsiteX1" fmla="*/ 18988 w 18988"/>
                      <a:gd name="connsiteY1" fmla="*/ 0 h 29186"/>
                      <a:gd name="connsiteX2" fmla="*/ 18988 w 18988"/>
                      <a:gd name="connsiteY2" fmla="*/ 29187 h 29186"/>
                      <a:gd name="connsiteX3" fmla="*/ 0 w 18988"/>
                      <a:gd name="connsiteY3" fmla="*/ 29187 h 29186"/>
                    </a:gdLst>
                    <a:ahLst/>
                    <a:cxnLst>
                      <a:cxn ang="0">
                        <a:pos x="connsiteX0" y="connsiteY0"/>
                      </a:cxn>
                      <a:cxn ang="0">
                        <a:pos x="connsiteX1" y="connsiteY1"/>
                      </a:cxn>
                      <a:cxn ang="0">
                        <a:pos x="connsiteX2" y="connsiteY2"/>
                      </a:cxn>
                      <a:cxn ang="0">
                        <a:pos x="connsiteX3" y="connsiteY3"/>
                      </a:cxn>
                    </a:cxnLst>
                    <a:rect l="l" t="t" r="r" b="b"/>
                    <a:pathLst>
                      <a:path w="18988" h="29186">
                        <a:moveTo>
                          <a:pt x="0" y="0"/>
                        </a:moveTo>
                        <a:lnTo>
                          <a:pt x="18988" y="0"/>
                        </a:lnTo>
                        <a:lnTo>
                          <a:pt x="18988" y="29187"/>
                        </a:lnTo>
                        <a:lnTo>
                          <a:pt x="0" y="29187"/>
                        </a:lnTo>
                        <a:close/>
                      </a:path>
                    </a:pathLst>
                  </a:custGeom>
                  <a:solidFill>
                    <a:srgbClr val="F3BC87"/>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23" name="Freeform: Shape 122">
                    <a:extLst>
                      <a:ext uri="{FF2B5EF4-FFF2-40B4-BE49-F238E27FC236}">
                        <a16:creationId xmlns:a16="http://schemas.microsoft.com/office/drawing/2014/main" id="{E6577123-59C8-EEBC-BA08-4929F40A25CC}"/>
                      </a:ext>
                    </a:extLst>
                  </p:cNvPr>
                  <p:cNvSpPr/>
                  <p:nvPr/>
                </p:nvSpPr>
                <p:spPr>
                  <a:xfrm>
                    <a:off x="2668497" y="3535338"/>
                    <a:ext cx="96530" cy="18724"/>
                  </a:xfrm>
                  <a:custGeom>
                    <a:avLst/>
                    <a:gdLst>
                      <a:gd name="connsiteX0" fmla="*/ 0 w 96530"/>
                      <a:gd name="connsiteY0" fmla="*/ 0 h 18724"/>
                      <a:gd name="connsiteX1" fmla="*/ 96530 w 96530"/>
                      <a:gd name="connsiteY1" fmla="*/ 0 h 18724"/>
                      <a:gd name="connsiteX2" fmla="*/ 96530 w 96530"/>
                      <a:gd name="connsiteY2" fmla="*/ 18725 h 18724"/>
                      <a:gd name="connsiteX3" fmla="*/ 0 w 96530"/>
                      <a:gd name="connsiteY3" fmla="*/ 18725 h 18724"/>
                    </a:gdLst>
                    <a:ahLst/>
                    <a:cxnLst>
                      <a:cxn ang="0">
                        <a:pos x="connsiteX0" y="connsiteY0"/>
                      </a:cxn>
                      <a:cxn ang="0">
                        <a:pos x="connsiteX1" y="connsiteY1"/>
                      </a:cxn>
                      <a:cxn ang="0">
                        <a:pos x="connsiteX2" y="connsiteY2"/>
                      </a:cxn>
                      <a:cxn ang="0">
                        <a:pos x="connsiteX3" y="connsiteY3"/>
                      </a:cxn>
                    </a:cxnLst>
                    <a:rect l="l" t="t" r="r" b="b"/>
                    <a:pathLst>
                      <a:path w="96530" h="18724">
                        <a:moveTo>
                          <a:pt x="0" y="0"/>
                        </a:moveTo>
                        <a:lnTo>
                          <a:pt x="96530" y="0"/>
                        </a:lnTo>
                        <a:lnTo>
                          <a:pt x="96530" y="18725"/>
                        </a:lnTo>
                        <a:lnTo>
                          <a:pt x="0" y="18725"/>
                        </a:lnTo>
                        <a:close/>
                      </a:path>
                    </a:pathLst>
                  </a:custGeom>
                  <a:solidFill>
                    <a:srgbClr val="EE9C34"/>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24" name="Freeform: Shape 123">
                    <a:extLst>
                      <a:ext uri="{FF2B5EF4-FFF2-40B4-BE49-F238E27FC236}">
                        <a16:creationId xmlns:a16="http://schemas.microsoft.com/office/drawing/2014/main" id="{6CC1D5BB-EAD3-162A-5B54-C3A29AFCFF41}"/>
                      </a:ext>
                    </a:extLst>
                  </p:cNvPr>
                  <p:cNvSpPr/>
                  <p:nvPr/>
                </p:nvSpPr>
                <p:spPr>
                  <a:xfrm>
                    <a:off x="2668497" y="3554063"/>
                    <a:ext cx="96530" cy="29186"/>
                  </a:xfrm>
                  <a:custGeom>
                    <a:avLst/>
                    <a:gdLst>
                      <a:gd name="connsiteX0" fmla="*/ 0 w 96530"/>
                      <a:gd name="connsiteY0" fmla="*/ 0 h 29186"/>
                      <a:gd name="connsiteX1" fmla="*/ 96530 w 96530"/>
                      <a:gd name="connsiteY1" fmla="*/ 0 h 29186"/>
                      <a:gd name="connsiteX2" fmla="*/ 96530 w 96530"/>
                      <a:gd name="connsiteY2" fmla="*/ 29187 h 29186"/>
                      <a:gd name="connsiteX3" fmla="*/ 0 w 96530"/>
                      <a:gd name="connsiteY3" fmla="*/ 29187 h 29186"/>
                    </a:gdLst>
                    <a:ahLst/>
                    <a:cxnLst>
                      <a:cxn ang="0">
                        <a:pos x="connsiteX0" y="connsiteY0"/>
                      </a:cxn>
                      <a:cxn ang="0">
                        <a:pos x="connsiteX1" y="connsiteY1"/>
                      </a:cxn>
                      <a:cxn ang="0">
                        <a:pos x="connsiteX2" y="connsiteY2"/>
                      </a:cxn>
                      <a:cxn ang="0">
                        <a:pos x="connsiteX3" y="connsiteY3"/>
                      </a:cxn>
                    </a:cxnLst>
                    <a:rect l="l" t="t" r="r" b="b"/>
                    <a:pathLst>
                      <a:path w="96530" h="29186">
                        <a:moveTo>
                          <a:pt x="0" y="0"/>
                        </a:moveTo>
                        <a:lnTo>
                          <a:pt x="96530" y="0"/>
                        </a:lnTo>
                        <a:lnTo>
                          <a:pt x="96530" y="29187"/>
                        </a:lnTo>
                        <a:lnTo>
                          <a:pt x="0" y="29187"/>
                        </a:lnTo>
                        <a:close/>
                      </a:path>
                    </a:pathLst>
                  </a:custGeom>
                  <a:solidFill>
                    <a:srgbClr val="E3731C"/>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25" name="Freeform: Shape 124">
                    <a:extLst>
                      <a:ext uri="{FF2B5EF4-FFF2-40B4-BE49-F238E27FC236}">
                        <a16:creationId xmlns:a16="http://schemas.microsoft.com/office/drawing/2014/main" id="{1763C35D-FE02-E94B-78FE-A1794D12A2EA}"/>
                      </a:ext>
                    </a:extLst>
                  </p:cNvPr>
                  <p:cNvSpPr/>
                  <p:nvPr/>
                </p:nvSpPr>
                <p:spPr>
                  <a:xfrm>
                    <a:off x="2784016" y="3583242"/>
                    <a:ext cx="48958" cy="71938"/>
                  </a:xfrm>
                  <a:custGeom>
                    <a:avLst/>
                    <a:gdLst>
                      <a:gd name="connsiteX0" fmla="*/ 0 w 48958"/>
                      <a:gd name="connsiteY0" fmla="*/ 0 h 71938"/>
                      <a:gd name="connsiteX1" fmla="*/ 48958 w 48958"/>
                      <a:gd name="connsiteY1" fmla="*/ 0 h 71938"/>
                      <a:gd name="connsiteX2" fmla="*/ 48958 w 48958"/>
                      <a:gd name="connsiteY2" fmla="*/ 71938 h 71938"/>
                      <a:gd name="connsiteX3" fmla="*/ 0 w 48958"/>
                      <a:gd name="connsiteY3" fmla="*/ 71938 h 71938"/>
                    </a:gdLst>
                    <a:ahLst/>
                    <a:cxnLst>
                      <a:cxn ang="0">
                        <a:pos x="connsiteX0" y="connsiteY0"/>
                      </a:cxn>
                      <a:cxn ang="0">
                        <a:pos x="connsiteX1" y="connsiteY1"/>
                      </a:cxn>
                      <a:cxn ang="0">
                        <a:pos x="connsiteX2" y="connsiteY2"/>
                      </a:cxn>
                      <a:cxn ang="0">
                        <a:pos x="connsiteX3" y="connsiteY3"/>
                      </a:cxn>
                    </a:cxnLst>
                    <a:rect l="l" t="t" r="r" b="b"/>
                    <a:pathLst>
                      <a:path w="48958" h="71938">
                        <a:moveTo>
                          <a:pt x="0" y="0"/>
                        </a:moveTo>
                        <a:lnTo>
                          <a:pt x="48958" y="0"/>
                        </a:lnTo>
                        <a:lnTo>
                          <a:pt x="48958" y="71938"/>
                        </a:lnTo>
                        <a:lnTo>
                          <a:pt x="0" y="71938"/>
                        </a:lnTo>
                        <a:close/>
                      </a:path>
                    </a:pathLst>
                  </a:custGeom>
                  <a:solidFill>
                    <a:srgbClr val="F3BE26"/>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26" name="Freeform: Shape 125">
                    <a:extLst>
                      <a:ext uri="{FF2B5EF4-FFF2-40B4-BE49-F238E27FC236}">
                        <a16:creationId xmlns:a16="http://schemas.microsoft.com/office/drawing/2014/main" id="{8618F5D4-0106-DB5D-C831-CC9B8F6A20AF}"/>
                      </a:ext>
                    </a:extLst>
                  </p:cNvPr>
                  <p:cNvSpPr/>
                  <p:nvPr/>
                </p:nvSpPr>
                <p:spPr>
                  <a:xfrm>
                    <a:off x="2784016" y="3655180"/>
                    <a:ext cx="48958" cy="47933"/>
                  </a:xfrm>
                  <a:custGeom>
                    <a:avLst/>
                    <a:gdLst>
                      <a:gd name="connsiteX0" fmla="*/ 0 w 48958"/>
                      <a:gd name="connsiteY0" fmla="*/ 0 h 47933"/>
                      <a:gd name="connsiteX1" fmla="*/ 48958 w 48958"/>
                      <a:gd name="connsiteY1" fmla="*/ 0 h 47933"/>
                      <a:gd name="connsiteX2" fmla="*/ 48958 w 48958"/>
                      <a:gd name="connsiteY2" fmla="*/ 47934 h 47933"/>
                      <a:gd name="connsiteX3" fmla="*/ 0 w 48958"/>
                      <a:gd name="connsiteY3" fmla="*/ 47934 h 47933"/>
                    </a:gdLst>
                    <a:ahLst/>
                    <a:cxnLst>
                      <a:cxn ang="0">
                        <a:pos x="connsiteX0" y="connsiteY0"/>
                      </a:cxn>
                      <a:cxn ang="0">
                        <a:pos x="connsiteX1" y="connsiteY1"/>
                      </a:cxn>
                      <a:cxn ang="0">
                        <a:pos x="connsiteX2" y="connsiteY2"/>
                      </a:cxn>
                      <a:cxn ang="0">
                        <a:pos x="connsiteX3" y="connsiteY3"/>
                      </a:cxn>
                    </a:cxnLst>
                    <a:rect l="l" t="t" r="r" b="b"/>
                    <a:pathLst>
                      <a:path w="48958" h="47933">
                        <a:moveTo>
                          <a:pt x="0" y="0"/>
                        </a:moveTo>
                        <a:lnTo>
                          <a:pt x="48958" y="0"/>
                        </a:lnTo>
                        <a:lnTo>
                          <a:pt x="48958" y="47934"/>
                        </a:lnTo>
                        <a:lnTo>
                          <a:pt x="0" y="47934"/>
                        </a:lnTo>
                        <a:close/>
                      </a:path>
                    </a:pathLst>
                  </a:custGeom>
                  <a:solidFill>
                    <a:srgbClr val="DB4E18"/>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27" name="Freeform: Shape 126">
                    <a:extLst>
                      <a:ext uri="{FF2B5EF4-FFF2-40B4-BE49-F238E27FC236}">
                        <a16:creationId xmlns:a16="http://schemas.microsoft.com/office/drawing/2014/main" id="{C9FB60B4-8F5B-BCF4-61BA-9536BBCF92D4}"/>
                      </a:ext>
                    </a:extLst>
                  </p:cNvPr>
                  <p:cNvSpPr/>
                  <p:nvPr/>
                </p:nvSpPr>
                <p:spPr>
                  <a:xfrm>
                    <a:off x="2765027" y="3583242"/>
                    <a:ext cx="18988" cy="71938"/>
                  </a:xfrm>
                  <a:custGeom>
                    <a:avLst/>
                    <a:gdLst>
                      <a:gd name="connsiteX0" fmla="*/ 0 w 18988"/>
                      <a:gd name="connsiteY0" fmla="*/ 0 h 71938"/>
                      <a:gd name="connsiteX1" fmla="*/ 18988 w 18988"/>
                      <a:gd name="connsiteY1" fmla="*/ 0 h 71938"/>
                      <a:gd name="connsiteX2" fmla="*/ 18988 w 18988"/>
                      <a:gd name="connsiteY2" fmla="*/ 71938 h 71938"/>
                      <a:gd name="connsiteX3" fmla="*/ 0 w 18988"/>
                      <a:gd name="connsiteY3" fmla="*/ 71938 h 71938"/>
                    </a:gdLst>
                    <a:ahLst/>
                    <a:cxnLst>
                      <a:cxn ang="0">
                        <a:pos x="connsiteX0" y="connsiteY0"/>
                      </a:cxn>
                      <a:cxn ang="0">
                        <a:pos x="connsiteX1" y="connsiteY1"/>
                      </a:cxn>
                      <a:cxn ang="0">
                        <a:pos x="connsiteX2" y="connsiteY2"/>
                      </a:cxn>
                      <a:cxn ang="0">
                        <a:pos x="connsiteX3" y="connsiteY3"/>
                      </a:cxn>
                    </a:cxnLst>
                    <a:rect l="l" t="t" r="r" b="b"/>
                    <a:pathLst>
                      <a:path w="18988" h="71938">
                        <a:moveTo>
                          <a:pt x="0" y="0"/>
                        </a:moveTo>
                        <a:lnTo>
                          <a:pt x="18988" y="0"/>
                        </a:lnTo>
                        <a:lnTo>
                          <a:pt x="18988" y="71938"/>
                        </a:lnTo>
                        <a:lnTo>
                          <a:pt x="0" y="71938"/>
                        </a:lnTo>
                        <a:close/>
                      </a:path>
                    </a:pathLst>
                  </a:custGeom>
                  <a:solidFill>
                    <a:srgbClr val="E88C14"/>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28" name="Freeform: Shape 127">
                    <a:extLst>
                      <a:ext uri="{FF2B5EF4-FFF2-40B4-BE49-F238E27FC236}">
                        <a16:creationId xmlns:a16="http://schemas.microsoft.com/office/drawing/2014/main" id="{A8A394AF-11C1-9D49-649B-2073C80F62CB}"/>
                      </a:ext>
                    </a:extLst>
                  </p:cNvPr>
                  <p:cNvSpPr/>
                  <p:nvPr/>
                </p:nvSpPr>
                <p:spPr>
                  <a:xfrm>
                    <a:off x="2765027" y="3655180"/>
                    <a:ext cx="18988" cy="47933"/>
                  </a:xfrm>
                  <a:custGeom>
                    <a:avLst/>
                    <a:gdLst>
                      <a:gd name="connsiteX0" fmla="*/ 0 w 18988"/>
                      <a:gd name="connsiteY0" fmla="*/ 0 h 47933"/>
                      <a:gd name="connsiteX1" fmla="*/ 18988 w 18988"/>
                      <a:gd name="connsiteY1" fmla="*/ 0 h 47933"/>
                      <a:gd name="connsiteX2" fmla="*/ 18988 w 18988"/>
                      <a:gd name="connsiteY2" fmla="*/ 47934 h 47933"/>
                      <a:gd name="connsiteX3" fmla="*/ 0 w 18988"/>
                      <a:gd name="connsiteY3" fmla="*/ 47934 h 47933"/>
                    </a:gdLst>
                    <a:ahLst/>
                    <a:cxnLst>
                      <a:cxn ang="0">
                        <a:pos x="connsiteX0" y="connsiteY0"/>
                      </a:cxn>
                      <a:cxn ang="0">
                        <a:pos x="connsiteX1" y="connsiteY1"/>
                      </a:cxn>
                      <a:cxn ang="0">
                        <a:pos x="connsiteX2" y="connsiteY2"/>
                      </a:cxn>
                      <a:cxn ang="0">
                        <a:pos x="connsiteX3" y="connsiteY3"/>
                      </a:cxn>
                    </a:cxnLst>
                    <a:rect l="l" t="t" r="r" b="b"/>
                    <a:pathLst>
                      <a:path w="18988" h="47933">
                        <a:moveTo>
                          <a:pt x="0" y="0"/>
                        </a:moveTo>
                        <a:lnTo>
                          <a:pt x="18988" y="0"/>
                        </a:lnTo>
                        <a:lnTo>
                          <a:pt x="18988" y="47934"/>
                        </a:lnTo>
                        <a:lnTo>
                          <a:pt x="0" y="47934"/>
                        </a:lnTo>
                        <a:close/>
                      </a:path>
                    </a:pathLst>
                  </a:custGeom>
                  <a:solidFill>
                    <a:srgbClr val="D1390D"/>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29" name="Freeform: Shape 128">
                    <a:extLst>
                      <a:ext uri="{FF2B5EF4-FFF2-40B4-BE49-F238E27FC236}">
                        <a16:creationId xmlns:a16="http://schemas.microsoft.com/office/drawing/2014/main" id="{AF70334B-5556-BA30-CEAF-903F44C0F5DA}"/>
                      </a:ext>
                    </a:extLst>
                  </p:cNvPr>
                  <p:cNvSpPr/>
                  <p:nvPr/>
                </p:nvSpPr>
                <p:spPr>
                  <a:xfrm>
                    <a:off x="2668497" y="3583242"/>
                    <a:ext cx="96530" cy="71938"/>
                  </a:xfrm>
                  <a:custGeom>
                    <a:avLst/>
                    <a:gdLst>
                      <a:gd name="connsiteX0" fmla="*/ 60369 w 96530"/>
                      <a:gd name="connsiteY0" fmla="*/ 71938 h 71938"/>
                      <a:gd name="connsiteX1" fmla="*/ 96530 w 96530"/>
                      <a:gd name="connsiteY1" fmla="*/ 71938 h 71938"/>
                      <a:gd name="connsiteX2" fmla="*/ 96530 w 96530"/>
                      <a:gd name="connsiteY2" fmla="*/ 0 h 71938"/>
                      <a:gd name="connsiteX3" fmla="*/ 0 w 96530"/>
                      <a:gd name="connsiteY3" fmla="*/ 0 h 71938"/>
                      <a:gd name="connsiteX4" fmla="*/ 0 w 96530"/>
                      <a:gd name="connsiteY4" fmla="*/ 47919 h 71938"/>
                      <a:gd name="connsiteX5" fmla="*/ 60369 w 96530"/>
                      <a:gd name="connsiteY5" fmla="*/ 47919 h 719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96530" h="71938">
                        <a:moveTo>
                          <a:pt x="60369" y="71938"/>
                        </a:moveTo>
                        <a:lnTo>
                          <a:pt x="96530" y="71938"/>
                        </a:lnTo>
                        <a:lnTo>
                          <a:pt x="96530" y="0"/>
                        </a:lnTo>
                        <a:lnTo>
                          <a:pt x="0" y="0"/>
                        </a:lnTo>
                        <a:lnTo>
                          <a:pt x="0" y="47919"/>
                        </a:lnTo>
                        <a:lnTo>
                          <a:pt x="60369" y="47919"/>
                        </a:lnTo>
                        <a:close/>
                      </a:path>
                    </a:pathLst>
                  </a:custGeom>
                  <a:solidFill>
                    <a:srgbClr val="D85604"/>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30" name="Freeform: Shape 129">
                    <a:extLst>
                      <a:ext uri="{FF2B5EF4-FFF2-40B4-BE49-F238E27FC236}">
                        <a16:creationId xmlns:a16="http://schemas.microsoft.com/office/drawing/2014/main" id="{359D5128-1D01-A454-7E9C-0C2CC57E2AD9}"/>
                      </a:ext>
                    </a:extLst>
                  </p:cNvPr>
                  <p:cNvSpPr/>
                  <p:nvPr/>
                </p:nvSpPr>
                <p:spPr>
                  <a:xfrm>
                    <a:off x="2728866" y="3655180"/>
                    <a:ext cx="36161" cy="47933"/>
                  </a:xfrm>
                  <a:custGeom>
                    <a:avLst/>
                    <a:gdLst>
                      <a:gd name="connsiteX0" fmla="*/ 0 w 36161"/>
                      <a:gd name="connsiteY0" fmla="*/ 0 h 47933"/>
                      <a:gd name="connsiteX1" fmla="*/ 36161 w 36161"/>
                      <a:gd name="connsiteY1" fmla="*/ 0 h 47933"/>
                      <a:gd name="connsiteX2" fmla="*/ 36161 w 36161"/>
                      <a:gd name="connsiteY2" fmla="*/ 47934 h 47933"/>
                      <a:gd name="connsiteX3" fmla="*/ 0 w 36161"/>
                      <a:gd name="connsiteY3" fmla="*/ 47934 h 47933"/>
                    </a:gdLst>
                    <a:ahLst/>
                    <a:cxnLst>
                      <a:cxn ang="0">
                        <a:pos x="connsiteX0" y="connsiteY0"/>
                      </a:cxn>
                      <a:cxn ang="0">
                        <a:pos x="connsiteX1" y="connsiteY1"/>
                      </a:cxn>
                      <a:cxn ang="0">
                        <a:pos x="connsiteX2" y="connsiteY2"/>
                      </a:cxn>
                      <a:cxn ang="0">
                        <a:pos x="connsiteX3" y="connsiteY3"/>
                      </a:cxn>
                    </a:cxnLst>
                    <a:rect l="l" t="t" r="r" b="b"/>
                    <a:pathLst>
                      <a:path w="36161" h="47933">
                        <a:moveTo>
                          <a:pt x="0" y="0"/>
                        </a:moveTo>
                        <a:lnTo>
                          <a:pt x="36161" y="0"/>
                        </a:lnTo>
                        <a:lnTo>
                          <a:pt x="36161" y="47934"/>
                        </a:lnTo>
                        <a:lnTo>
                          <a:pt x="0" y="47934"/>
                        </a:lnTo>
                        <a:close/>
                      </a:path>
                    </a:pathLst>
                  </a:custGeom>
                  <a:solidFill>
                    <a:srgbClr val="C22303"/>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31" name="Freeform: Shape 130">
                    <a:extLst>
                      <a:ext uri="{FF2B5EF4-FFF2-40B4-BE49-F238E27FC236}">
                        <a16:creationId xmlns:a16="http://schemas.microsoft.com/office/drawing/2014/main" id="{41A53818-3A0B-8450-9120-41DDE2602476}"/>
                      </a:ext>
                    </a:extLst>
                  </p:cNvPr>
                  <p:cNvSpPr/>
                  <p:nvPr/>
                </p:nvSpPr>
                <p:spPr>
                  <a:xfrm>
                    <a:off x="2668497" y="3631160"/>
                    <a:ext cx="60369" cy="24019"/>
                  </a:xfrm>
                  <a:custGeom>
                    <a:avLst/>
                    <a:gdLst>
                      <a:gd name="connsiteX0" fmla="*/ 0 w 60369"/>
                      <a:gd name="connsiteY0" fmla="*/ 0 h 24019"/>
                      <a:gd name="connsiteX1" fmla="*/ 60369 w 60369"/>
                      <a:gd name="connsiteY1" fmla="*/ 0 h 24019"/>
                      <a:gd name="connsiteX2" fmla="*/ 60369 w 60369"/>
                      <a:gd name="connsiteY2" fmla="*/ 24020 h 24019"/>
                      <a:gd name="connsiteX3" fmla="*/ 0 w 60369"/>
                      <a:gd name="connsiteY3" fmla="*/ 24020 h 24019"/>
                    </a:gdLst>
                    <a:ahLst/>
                    <a:cxnLst>
                      <a:cxn ang="0">
                        <a:pos x="connsiteX0" y="connsiteY0"/>
                      </a:cxn>
                      <a:cxn ang="0">
                        <a:pos x="connsiteX1" y="connsiteY1"/>
                      </a:cxn>
                      <a:cxn ang="0">
                        <a:pos x="connsiteX2" y="connsiteY2"/>
                      </a:cxn>
                      <a:cxn ang="0">
                        <a:pos x="connsiteX3" y="connsiteY3"/>
                      </a:cxn>
                    </a:cxnLst>
                    <a:rect l="l" t="t" r="r" b="b"/>
                    <a:pathLst>
                      <a:path w="60369" h="24019">
                        <a:moveTo>
                          <a:pt x="0" y="0"/>
                        </a:moveTo>
                        <a:lnTo>
                          <a:pt x="60369" y="0"/>
                        </a:lnTo>
                        <a:lnTo>
                          <a:pt x="60369" y="24020"/>
                        </a:lnTo>
                        <a:lnTo>
                          <a:pt x="0" y="24020"/>
                        </a:lnTo>
                        <a:close/>
                      </a:path>
                    </a:pathLst>
                  </a:custGeom>
                  <a:solidFill>
                    <a:srgbClr val="C14303"/>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32" name="Freeform: Shape 131">
                    <a:extLst>
                      <a:ext uri="{FF2B5EF4-FFF2-40B4-BE49-F238E27FC236}">
                        <a16:creationId xmlns:a16="http://schemas.microsoft.com/office/drawing/2014/main" id="{961312D3-B59C-7DA9-20DB-303352570CD1}"/>
                      </a:ext>
                    </a:extLst>
                  </p:cNvPr>
                  <p:cNvSpPr/>
                  <p:nvPr/>
                </p:nvSpPr>
                <p:spPr>
                  <a:xfrm>
                    <a:off x="2668497" y="3655180"/>
                    <a:ext cx="60369" cy="47933"/>
                  </a:xfrm>
                  <a:custGeom>
                    <a:avLst/>
                    <a:gdLst>
                      <a:gd name="connsiteX0" fmla="*/ 0 w 60369"/>
                      <a:gd name="connsiteY0" fmla="*/ 0 h 47933"/>
                      <a:gd name="connsiteX1" fmla="*/ 60369 w 60369"/>
                      <a:gd name="connsiteY1" fmla="*/ 0 h 47933"/>
                      <a:gd name="connsiteX2" fmla="*/ 60369 w 60369"/>
                      <a:gd name="connsiteY2" fmla="*/ 47934 h 47933"/>
                      <a:gd name="connsiteX3" fmla="*/ 0 w 60369"/>
                      <a:gd name="connsiteY3" fmla="*/ 47934 h 47933"/>
                    </a:gdLst>
                    <a:ahLst/>
                    <a:cxnLst>
                      <a:cxn ang="0">
                        <a:pos x="connsiteX0" y="connsiteY0"/>
                      </a:cxn>
                      <a:cxn ang="0">
                        <a:pos x="connsiteX1" y="connsiteY1"/>
                      </a:cxn>
                      <a:cxn ang="0">
                        <a:pos x="connsiteX2" y="connsiteY2"/>
                      </a:cxn>
                      <a:cxn ang="0">
                        <a:pos x="connsiteX3" y="connsiteY3"/>
                      </a:cxn>
                    </a:cxnLst>
                    <a:rect l="l" t="t" r="r" b="b"/>
                    <a:pathLst>
                      <a:path w="60369" h="47933">
                        <a:moveTo>
                          <a:pt x="0" y="0"/>
                        </a:moveTo>
                        <a:lnTo>
                          <a:pt x="60369" y="0"/>
                        </a:lnTo>
                        <a:lnTo>
                          <a:pt x="60369" y="47934"/>
                        </a:lnTo>
                        <a:lnTo>
                          <a:pt x="0" y="47934"/>
                        </a:lnTo>
                        <a:close/>
                      </a:path>
                    </a:pathLst>
                  </a:custGeom>
                  <a:solidFill>
                    <a:srgbClr val="AD1B02"/>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33" name="Freeform: Shape 132">
                    <a:extLst>
                      <a:ext uri="{FF2B5EF4-FFF2-40B4-BE49-F238E27FC236}">
                        <a16:creationId xmlns:a16="http://schemas.microsoft.com/office/drawing/2014/main" id="{D6B96E93-3692-44D4-83B4-17D30097F681}"/>
                      </a:ext>
                    </a:extLst>
                  </p:cNvPr>
                  <p:cNvSpPr/>
                  <p:nvPr/>
                </p:nvSpPr>
                <p:spPr>
                  <a:xfrm>
                    <a:off x="2571703" y="3703114"/>
                    <a:ext cx="96793" cy="23966"/>
                  </a:xfrm>
                  <a:custGeom>
                    <a:avLst/>
                    <a:gdLst>
                      <a:gd name="connsiteX0" fmla="*/ 0 w 96793"/>
                      <a:gd name="connsiteY0" fmla="*/ 0 h 23966"/>
                      <a:gd name="connsiteX1" fmla="*/ 96794 w 96793"/>
                      <a:gd name="connsiteY1" fmla="*/ 0 h 23966"/>
                      <a:gd name="connsiteX2" fmla="*/ 96794 w 96793"/>
                      <a:gd name="connsiteY2" fmla="*/ 23967 h 23966"/>
                      <a:gd name="connsiteX3" fmla="*/ 0 w 96793"/>
                      <a:gd name="connsiteY3" fmla="*/ 23967 h 23966"/>
                    </a:gdLst>
                    <a:ahLst/>
                    <a:cxnLst>
                      <a:cxn ang="0">
                        <a:pos x="connsiteX0" y="connsiteY0"/>
                      </a:cxn>
                      <a:cxn ang="0">
                        <a:pos x="connsiteX1" y="connsiteY1"/>
                      </a:cxn>
                      <a:cxn ang="0">
                        <a:pos x="connsiteX2" y="connsiteY2"/>
                      </a:cxn>
                      <a:cxn ang="0">
                        <a:pos x="connsiteX3" y="connsiteY3"/>
                      </a:cxn>
                    </a:cxnLst>
                    <a:rect l="l" t="t" r="r" b="b"/>
                    <a:pathLst>
                      <a:path w="96793" h="23966">
                        <a:moveTo>
                          <a:pt x="0" y="0"/>
                        </a:moveTo>
                        <a:lnTo>
                          <a:pt x="96794" y="0"/>
                        </a:lnTo>
                        <a:lnTo>
                          <a:pt x="96794" y="23967"/>
                        </a:lnTo>
                        <a:lnTo>
                          <a:pt x="0" y="23967"/>
                        </a:lnTo>
                        <a:close/>
                      </a:path>
                    </a:pathLst>
                  </a:custGeom>
                  <a:solidFill>
                    <a:srgbClr val="AD1B02"/>
                  </a:solidFill>
                  <a:ln w="7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grpSp>
        <p:grpSp>
          <p:nvGrpSpPr>
            <p:cNvPr id="87" name="Graphic 8">
              <a:extLst>
                <a:ext uri="{FF2B5EF4-FFF2-40B4-BE49-F238E27FC236}">
                  <a16:creationId xmlns:a16="http://schemas.microsoft.com/office/drawing/2014/main" id="{7ED92CC2-E313-D6E7-DAB5-045751B0DCD3}"/>
                </a:ext>
              </a:extLst>
            </p:cNvPr>
            <p:cNvGrpSpPr/>
            <p:nvPr/>
          </p:nvGrpSpPr>
          <p:grpSpPr>
            <a:xfrm>
              <a:off x="7001521" y="3620179"/>
              <a:ext cx="1227304" cy="211127"/>
              <a:chOff x="7001521" y="3620179"/>
              <a:chExt cx="1227304" cy="211127"/>
            </a:xfrm>
          </p:grpSpPr>
          <p:grpSp>
            <p:nvGrpSpPr>
              <p:cNvPr id="99" name="Graphic 8">
                <a:extLst>
                  <a:ext uri="{FF2B5EF4-FFF2-40B4-BE49-F238E27FC236}">
                    <a16:creationId xmlns:a16="http://schemas.microsoft.com/office/drawing/2014/main" id="{7957748B-65D1-A558-C942-0F50AC0A7A78}"/>
                  </a:ext>
                </a:extLst>
              </p:cNvPr>
              <p:cNvGrpSpPr/>
              <p:nvPr/>
            </p:nvGrpSpPr>
            <p:grpSpPr>
              <a:xfrm>
                <a:off x="7001521" y="3620179"/>
                <a:ext cx="191654" cy="211127"/>
                <a:chOff x="7001521" y="3620179"/>
                <a:chExt cx="191654" cy="211127"/>
              </a:xfrm>
            </p:grpSpPr>
            <p:sp>
              <p:nvSpPr>
                <p:cNvPr id="114" name="Freeform: Shape 113">
                  <a:extLst>
                    <a:ext uri="{FF2B5EF4-FFF2-40B4-BE49-F238E27FC236}">
                      <a16:creationId xmlns:a16="http://schemas.microsoft.com/office/drawing/2014/main" id="{585AF9A5-8D41-CC6A-A74D-A14A307183E3}"/>
                    </a:ext>
                  </a:extLst>
                </p:cNvPr>
                <p:cNvSpPr/>
                <p:nvPr/>
              </p:nvSpPr>
              <p:spPr>
                <a:xfrm>
                  <a:off x="7060871" y="3725759"/>
                  <a:ext cx="132304" cy="105547"/>
                </a:xfrm>
                <a:custGeom>
                  <a:avLst/>
                  <a:gdLst>
                    <a:gd name="connsiteX0" fmla="*/ 0 w 132304"/>
                    <a:gd name="connsiteY0" fmla="*/ 61279 h 105547"/>
                    <a:gd name="connsiteX1" fmla="*/ 12494 w 132304"/>
                    <a:gd name="connsiteY1" fmla="*/ 87833 h 105547"/>
                    <a:gd name="connsiteX2" fmla="*/ 24223 w 132304"/>
                    <a:gd name="connsiteY2" fmla="*/ 105547 h 105547"/>
                    <a:gd name="connsiteX3" fmla="*/ 132305 w 132304"/>
                    <a:gd name="connsiteY3" fmla="*/ 43072 h 105547"/>
                    <a:gd name="connsiteX4" fmla="*/ 105978 w 132304"/>
                    <a:gd name="connsiteY4" fmla="*/ 0 h 105547"/>
                    <a:gd name="connsiteX5" fmla="*/ 0 w 132304"/>
                    <a:gd name="connsiteY5" fmla="*/ 61279 h 10554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32304" h="105547">
                      <a:moveTo>
                        <a:pt x="0" y="61279"/>
                      </a:moveTo>
                      <a:cubicBezTo>
                        <a:pt x="3406" y="70370"/>
                        <a:pt x="7543" y="79257"/>
                        <a:pt x="12494" y="87833"/>
                      </a:cubicBezTo>
                      <a:cubicBezTo>
                        <a:pt x="16051" y="93994"/>
                        <a:pt x="19982" y="99899"/>
                        <a:pt x="24223" y="105547"/>
                      </a:cubicBezTo>
                      <a:cubicBezTo>
                        <a:pt x="66117" y="95265"/>
                        <a:pt x="103385" y="73209"/>
                        <a:pt x="132305" y="43072"/>
                      </a:cubicBezTo>
                      <a:cubicBezTo>
                        <a:pt x="125605" y="27422"/>
                        <a:pt x="116700" y="12932"/>
                        <a:pt x="105978" y="0"/>
                      </a:cubicBezTo>
                      <a:cubicBezTo>
                        <a:pt x="79647" y="31756"/>
                        <a:pt x="42375" y="54124"/>
                        <a:pt x="0" y="61279"/>
                      </a:cubicBezTo>
                      <a:close/>
                    </a:path>
                  </a:pathLst>
                </a:custGeom>
                <a:solidFill>
                  <a:srgbClr val="16AB03"/>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15" name="Freeform: Shape 114">
                  <a:extLst>
                    <a:ext uri="{FF2B5EF4-FFF2-40B4-BE49-F238E27FC236}">
                      <a16:creationId xmlns:a16="http://schemas.microsoft.com/office/drawing/2014/main" id="{F522C042-C2AD-553C-18D0-A79B781B92AA}"/>
                    </a:ext>
                  </a:extLst>
                </p:cNvPr>
                <p:cNvSpPr/>
                <p:nvPr/>
              </p:nvSpPr>
              <p:spPr>
                <a:xfrm>
                  <a:off x="7060841" y="3620179"/>
                  <a:ext cx="132334" cy="105580"/>
                </a:xfrm>
                <a:custGeom>
                  <a:avLst/>
                  <a:gdLst>
                    <a:gd name="connsiteX0" fmla="*/ 24125 w 132334"/>
                    <a:gd name="connsiteY0" fmla="*/ 0 h 105580"/>
                    <a:gd name="connsiteX1" fmla="*/ 0 w 132334"/>
                    <a:gd name="connsiteY1" fmla="*/ 44296 h 105580"/>
                    <a:gd name="connsiteX2" fmla="*/ 106007 w 132334"/>
                    <a:gd name="connsiteY2" fmla="*/ 105580 h 105580"/>
                    <a:gd name="connsiteX3" fmla="*/ 132334 w 132334"/>
                    <a:gd name="connsiteY3" fmla="*/ 62508 h 105580"/>
                    <a:gd name="connsiteX4" fmla="*/ 24125 w 132334"/>
                    <a:gd name="connsiteY4" fmla="*/ 0 h 10558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32334" h="105580">
                      <a:moveTo>
                        <a:pt x="24125" y="0"/>
                      </a:moveTo>
                      <a:cubicBezTo>
                        <a:pt x="14057" y="13417"/>
                        <a:pt x="5919" y="28290"/>
                        <a:pt x="0" y="44296"/>
                      </a:cubicBezTo>
                      <a:cubicBezTo>
                        <a:pt x="42387" y="51445"/>
                        <a:pt x="79671" y="73816"/>
                        <a:pt x="106007" y="105580"/>
                      </a:cubicBezTo>
                      <a:cubicBezTo>
                        <a:pt x="116730" y="92648"/>
                        <a:pt x="125635" y="78159"/>
                        <a:pt x="132334" y="62508"/>
                      </a:cubicBezTo>
                      <a:cubicBezTo>
                        <a:pt x="103385" y="32340"/>
                        <a:pt x="66072" y="10270"/>
                        <a:pt x="24125" y="0"/>
                      </a:cubicBezTo>
                      <a:close/>
                    </a:path>
                  </a:pathLst>
                </a:custGeom>
                <a:solidFill>
                  <a:srgbClr val="5E33BF"/>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16" name="Freeform: Shape 115">
                  <a:extLst>
                    <a:ext uri="{FF2B5EF4-FFF2-40B4-BE49-F238E27FC236}">
                      <a16:creationId xmlns:a16="http://schemas.microsoft.com/office/drawing/2014/main" id="{BE7FCE06-26B3-0EB0-1F4E-3FBD2DC2E57E}"/>
                    </a:ext>
                  </a:extLst>
                </p:cNvPr>
                <p:cNvSpPr/>
                <p:nvPr/>
              </p:nvSpPr>
              <p:spPr>
                <a:xfrm>
                  <a:off x="7001521" y="3662022"/>
                  <a:ext cx="59349" cy="127472"/>
                </a:xfrm>
                <a:custGeom>
                  <a:avLst/>
                  <a:gdLst>
                    <a:gd name="connsiteX0" fmla="*/ 59349 w 59349"/>
                    <a:gd name="connsiteY0" fmla="*/ 125015 h 127472"/>
                    <a:gd name="connsiteX1" fmla="*/ 54287 w 59349"/>
                    <a:gd name="connsiteY1" fmla="*/ 18213 h 127472"/>
                    <a:gd name="connsiteX2" fmla="*/ 59320 w 59349"/>
                    <a:gd name="connsiteY2" fmla="*/ 2453 h 127472"/>
                    <a:gd name="connsiteX3" fmla="*/ 30003 w 59349"/>
                    <a:gd name="connsiteY3" fmla="*/ 0 h 127472"/>
                    <a:gd name="connsiteX4" fmla="*/ 8907 w 59349"/>
                    <a:gd name="connsiteY4" fmla="*/ 1270 h 127472"/>
                    <a:gd name="connsiteX5" fmla="*/ 8884 w 59349"/>
                    <a:gd name="connsiteY5" fmla="*/ 126200 h 127472"/>
                    <a:gd name="connsiteX6" fmla="*/ 30003 w 59349"/>
                    <a:gd name="connsiteY6" fmla="*/ 127473 h 127472"/>
                    <a:gd name="connsiteX7" fmla="*/ 59349 w 59349"/>
                    <a:gd name="connsiteY7" fmla="*/ 125015 h 1274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59349" h="127472">
                      <a:moveTo>
                        <a:pt x="59349" y="125015"/>
                      </a:moveTo>
                      <a:cubicBezTo>
                        <a:pt x="46608" y="91012"/>
                        <a:pt x="44700" y="53991"/>
                        <a:pt x="54287" y="18213"/>
                      </a:cubicBezTo>
                      <a:cubicBezTo>
                        <a:pt x="55725" y="12849"/>
                        <a:pt x="57417" y="7597"/>
                        <a:pt x="59320" y="2453"/>
                      </a:cubicBezTo>
                      <a:cubicBezTo>
                        <a:pt x="49783" y="844"/>
                        <a:pt x="39990" y="0"/>
                        <a:pt x="30003" y="0"/>
                      </a:cubicBezTo>
                      <a:cubicBezTo>
                        <a:pt x="22864" y="0"/>
                        <a:pt x="15826" y="439"/>
                        <a:pt x="8907" y="1270"/>
                      </a:cubicBezTo>
                      <a:cubicBezTo>
                        <a:pt x="-2736" y="41415"/>
                        <a:pt x="-3192" y="84750"/>
                        <a:pt x="8884" y="126200"/>
                      </a:cubicBezTo>
                      <a:cubicBezTo>
                        <a:pt x="15810" y="127033"/>
                        <a:pt x="22856" y="127473"/>
                        <a:pt x="30003" y="127473"/>
                      </a:cubicBezTo>
                      <a:cubicBezTo>
                        <a:pt x="40001" y="127473"/>
                        <a:pt x="49804" y="126627"/>
                        <a:pt x="59349" y="125015"/>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00" name="Graphic 8">
                <a:extLst>
                  <a:ext uri="{FF2B5EF4-FFF2-40B4-BE49-F238E27FC236}">
                    <a16:creationId xmlns:a16="http://schemas.microsoft.com/office/drawing/2014/main" id="{88F17332-0C25-453A-1E50-2BDE668F84C9}"/>
                  </a:ext>
                </a:extLst>
              </p:cNvPr>
              <p:cNvGrpSpPr/>
              <p:nvPr/>
            </p:nvGrpSpPr>
            <p:grpSpPr>
              <a:xfrm>
                <a:off x="7248521" y="3638284"/>
                <a:ext cx="980305" cy="174917"/>
                <a:chOff x="7248521" y="3638284"/>
                <a:chExt cx="980305" cy="174917"/>
              </a:xfrm>
              <a:solidFill>
                <a:srgbClr val="000000"/>
              </a:solidFill>
            </p:grpSpPr>
            <p:grpSp>
              <p:nvGrpSpPr>
                <p:cNvPr id="101" name="Graphic 8">
                  <a:extLst>
                    <a:ext uri="{FF2B5EF4-FFF2-40B4-BE49-F238E27FC236}">
                      <a16:creationId xmlns:a16="http://schemas.microsoft.com/office/drawing/2014/main" id="{7DBA2FEC-4914-EC4F-8055-DD7C527B96E3}"/>
                    </a:ext>
                  </a:extLst>
                </p:cNvPr>
                <p:cNvGrpSpPr/>
                <p:nvPr/>
              </p:nvGrpSpPr>
              <p:grpSpPr>
                <a:xfrm>
                  <a:off x="7248521" y="3638284"/>
                  <a:ext cx="926800" cy="174917"/>
                  <a:chOff x="7248521" y="3638284"/>
                  <a:chExt cx="926800" cy="174917"/>
                </a:xfrm>
                <a:solidFill>
                  <a:srgbClr val="000000"/>
                </a:solidFill>
              </p:grpSpPr>
              <p:sp>
                <p:nvSpPr>
                  <p:cNvPr id="105" name="Freeform: Shape 104">
                    <a:extLst>
                      <a:ext uri="{FF2B5EF4-FFF2-40B4-BE49-F238E27FC236}">
                        <a16:creationId xmlns:a16="http://schemas.microsoft.com/office/drawing/2014/main" id="{7AF75BC6-CD89-AF79-239F-752AC259A762}"/>
                      </a:ext>
                    </a:extLst>
                  </p:cNvPr>
                  <p:cNvSpPr/>
                  <p:nvPr/>
                </p:nvSpPr>
                <p:spPr>
                  <a:xfrm>
                    <a:off x="7248521" y="3638284"/>
                    <a:ext cx="171051" cy="174917"/>
                  </a:xfrm>
                  <a:custGeom>
                    <a:avLst/>
                    <a:gdLst>
                      <a:gd name="connsiteX0" fmla="*/ 88182 w 171051"/>
                      <a:gd name="connsiteY0" fmla="*/ 143993 h 174917"/>
                      <a:gd name="connsiteX1" fmla="*/ 134087 w 171051"/>
                      <a:gd name="connsiteY1" fmla="*/ 111861 h 174917"/>
                      <a:gd name="connsiteX2" fmla="*/ 171052 w 171051"/>
                      <a:gd name="connsiteY2" fmla="*/ 111861 h 174917"/>
                      <a:gd name="connsiteX3" fmla="*/ 88182 w 171051"/>
                      <a:gd name="connsiteY3" fmla="*/ 174918 h 174917"/>
                      <a:gd name="connsiteX4" fmla="*/ 0 w 171051"/>
                      <a:gd name="connsiteY4" fmla="*/ 87459 h 174917"/>
                      <a:gd name="connsiteX5" fmla="*/ 88182 w 171051"/>
                      <a:gd name="connsiteY5" fmla="*/ 0 h 174917"/>
                      <a:gd name="connsiteX6" fmla="*/ 171052 w 171051"/>
                      <a:gd name="connsiteY6" fmla="*/ 63057 h 174917"/>
                      <a:gd name="connsiteX7" fmla="*/ 134087 w 171051"/>
                      <a:gd name="connsiteY7" fmla="*/ 63057 h 174917"/>
                      <a:gd name="connsiteX8" fmla="*/ 88182 w 171051"/>
                      <a:gd name="connsiteY8" fmla="*/ 30925 h 174917"/>
                      <a:gd name="connsiteX9" fmla="*/ 35032 w 171051"/>
                      <a:gd name="connsiteY9" fmla="*/ 87459 h 174917"/>
                      <a:gd name="connsiteX10" fmla="*/ 88182 w 171051"/>
                      <a:gd name="connsiteY10" fmla="*/ 143993 h 1749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71051" h="174917">
                        <a:moveTo>
                          <a:pt x="88182" y="143993"/>
                        </a:moveTo>
                        <a:cubicBezTo>
                          <a:pt x="110652" y="143993"/>
                          <a:pt x="127806" y="131912"/>
                          <a:pt x="134087" y="111861"/>
                        </a:cubicBezTo>
                        <a:lnTo>
                          <a:pt x="171052" y="111861"/>
                        </a:lnTo>
                        <a:cubicBezTo>
                          <a:pt x="161147" y="151723"/>
                          <a:pt x="126357" y="174918"/>
                          <a:pt x="88182" y="174918"/>
                        </a:cubicBezTo>
                        <a:cubicBezTo>
                          <a:pt x="38413" y="174918"/>
                          <a:pt x="0" y="138436"/>
                          <a:pt x="0" y="87459"/>
                        </a:cubicBezTo>
                        <a:cubicBezTo>
                          <a:pt x="0" y="36482"/>
                          <a:pt x="38413" y="0"/>
                          <a:pt x="88182" y="0"/>
                        </a:cubicBezTo>
                        <a:cubicBezTo>
                          <a:pt x="126357" y="0"/>
                          <a:pt x="161147" y="23193"/>
                          <a:pt x="171052" y="63057"/>
                        </a:cubicBezTo>
                        <a:lnTo>
                          <a:pt x="134087" y="63057"/>
                        </a:lnTo>
                        <a:cubicBezTo>
                          <a:pt x="127806" y="43004"/>
                          <a:pt x="110652" y="30925"/>
                          <a:pt x="88182" y="30925"/>
                        </a:cubicBezTo>
                        <a:cubicBezTo>
                          <a:pt x="56293" y="30925"/>
                          <a:pt x="35032" y="55085"/>
                          <a:pt x="35032" y="87459"/>
                        </a:cubicBezTo>
                        <a:cubicBezTo>
                          <a:pt x="35032" y="119833"/>
                          <a:pt x="56293" y="143993"/>
                          <a:pt x="88182" y="143993"/>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06" name="Freeform: Shape 105">
                    <a:extLst>
                      <a:ext uri="{FF2B5EF4-FFF2-40B4-BE49-F238E27FC236}">
                        <a16:creationId xmlns:a16="http://schemas.microsoft.com/office/drawing/2014/main" id="{3DEF0F2F-A3CC-39CA-9323-2351A2C26093}"/>
                      </a:ext>
                    </a:extLst>
                  </p:cNvPr>
                  <p:cNvSpPr/>
                  <p:nvPr/>
                </p:nvSpPr>
                <p:spPr>
                  <a:xfrm>
                    <a:off x="7436976" y="3641183"/>
                    <a:ext cx="31164" cy="169119"/>
                  </a:xfrm>
                  <a:custGeom>
                    <a:avLst/>
                    <a:gdLst>
                      <a:gd name="connsiteX0" fmla="*/ 31165 w 31164"/>
                      <a:gd name="connsiteY0" fmla="*/ 169120 h 169119"/>
                      <a:gd name="connsiteX1" fmla="*/ 0 w 31164"/>
                      <a:gd name="connsiteY1" fmla="*/ 169120 h 169119"/>
                      <a:gd name="connsiteX2" fmla="*/ 0 w 31164"/>
                      <a:gd name="connsiteY2" fmla="*/ 0 h 169119"/>
                      <a:gd name="connsiteX3" fmla="*/ 31165 w 31164"/>
                      <a:gd name="connsiteY3" fmla="*/ 0 h 169119"/>
                      <a:gd name="connsiteX4" fmla="*/ 31165 w 31164"/>
                      <a:gd name="connsiteY4" fmla="*/ 169120 h 16911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1164" h="169119">
                        <a:moveTo>
                          <a:pt x="31165" y="169120"/>
                        </a:moveTo>
                        <a:lnTo>
                          <a:pt x="0" y="169120"/>
                        </a:lnTo>
                        <a:lnTo>
                          <a:pt x="0" y="0"/>
                        </a:lnTo>
                        <a:lnTo>
                          <a:pt x="31165" y="0"/>
                        </a:lnTo>
                        <a:lnTo>
                          <a:pt x="31165" y="169120"/>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07" name="Freeform: Shape 106">
                    <a:extLst>
                      <a:ext uri="{FF2B5EF4-FFF2-40B4-BE49-F238E27FC236}">
                        <a16:creationId xmlns:a16="http://schemas.microsoft.com/office/drawing/2014/main" id="{7DF95BB8-56D3-9FC4-3A30-9AD4236080B8}"/>
                      </a:ext>
                    </a:extLst>
                  </p:cNvPr>
                  <p:cNvSpPr/>
                  <p:nvPr/>
                </p:nvSpPr>
                <p:spPr>
                  <a:xfrm>
                    <a:off x="7485056" y="3696751"/>
                    <a:ext cx="100989" cy="116450"/>
                  </a:xfrm>
                  <a:custGeom>
                    <a:avLst/>
                    <a:gdLst>
                      <a:gd name="connsiteX0" fmla="*/ 69580 w 100989"/>
                      <a:gd name="connsiteY0" fmla="*/ 39864 h 116450"/>
                      <a:gd name="connsiteX1" fmla="*/ 51219 w 100989"/>
                      <a:gd name="connsiteY1" fmla="*/ 26817 h 116450"/>
                      <a:gd name="connsiteX2" fmla="*/ 17878 w 100989"/>
                      <a:gd name="connsiteY2" fmla="*/ 37206 h 116450"/>
                      <a:gd name="connsiteX3" fmla="*/ 5556 w 100989"/>
                      <a:gd name="connsiteY3" fmla="*/ 13530 h 116450"/>
                      <a:gd name="connsiteX4" fmla="*/ 52910 w 100989"/>
                      <a:gd name="connsiteY4" fmla="*/ 0 h 116450"/>
                      <a:gd name="connsiteX5" fmla="*/ 100989 w 100989"/>
                      <a:gd name="connsiteY5" fmla="*/ 40830 h 116450"/>
                      <a:gd name="connsiteX6" fmla="*/ 100989 w 100989"/>
                      <a:gd name="connsiteY6" fmla="*/ 113552 h 116450"/>
                      <a:gd name="connsiteX7" fmla="*/ 69580 w 100989"/>
                      <a:gd name="connsiteY7" fmla="*/ 113552 h 116450"/>
                      <a:gd name="connsiteX8" fmla="*/ 69580 w 100989"/>
                      <a:gd name="connsiteY8" fmla="*/ 103162 h 116450"/>
                      <a:gd name="connsiteX9" fmla="*/ 38655 w 100989"/>
                      <a:gd name="connsiteY9" fmla="*/ 116451 h 116450"/>
                      <a:gd name="connsiteX10" fmla="*/ 0 w 100989"/>
                      <a:gd name="connsiteY10" fmla="*/ 81660 h 116450"/>
                      <a:gd name="connsiteX11" fmla="*/ 40105 w 100989"/>
                      <a:gd name="connsiteY11" fmla="*/ 47595 h 116450"/>
                      <a:gd name="connsiteX12" fmla="*/ 61849 w 100989"/>
                      <a:gd name="connsiteY12" fmla="*/ 47595 h 116450"/>
                      <a:gd name="connsiteX13" fmla="*/ 69580 w 100989"/>
                      <a:gd name="connsiteY13" fmla="*/ 41072 h 116450"/>
                      <a:gd name="connsiteX14" fmla="*/ 69580 w 100989"/>
                      <a:gd name="connsiteY14" fmla="*/ 39864 h 116450"/>
                      <a:gd name="connsiteX15" fmla="*/ 69580 w 100989"/>
                      <a:gd name="connsiteY15" fmla="*/ 73929 h 116450"/>
                      <a:gd name="connsiteX16" fmla="*/ 69580 w 100989"/>
                      <a:gd name="connsiteY16" fmla="*/ 65957 h 116450"/>
                      <a:gd name="connsiteX17" fmla="*/ 59916 w 100989"/>
                      <a:gd name="connsiteY17" fmla="*/ 68372 h 116450"/>
                      <a:gd name="connsiteX18" fmla="*/ 48078 w 100989"/>
                      <a:gd name="connsiteY18" fmla="*/ 68372 h 116450"/>
                      <a:gd name="connsiteX19" fmla="*/ 32375 w 100989"/>
                      <a:gd name="connsiteY19" fmla="*/ 80452 h 116450"/>
                      <a:gd name="connsiteX20" fmla="*/ 48078 w 100989"/>
                      <a:gd name="connsiteY20" fmla="*/ 93499 h 116450"/>
                      <a:gd name="connsiteX21" fmla="*/ 69580 w 100989"/>
                      <a:gd name="connsiteY21" fmla="*/ 73929 h 1164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100989" h="116450">
                        <a:moveTo>
                          <a:pt x="69580" y="39864"/>
                        </a:moveTo>
                        <a:cubicBezTo>
                          <a:pt x="69580" y="31891"/>
                          <a:pt x="63300" y="26817"/>
                          <a:pt x="51219" y="26817"/>
                        </a:cubicBezTo>
                        <a:cubicBezTo>
                          <a:pt x="40105" y="26817"/>
                          <a:pt x="26092" y="32374"/>
                          <a:pt x="17878" y="37206"/>
                        </a:cubicBezTo>
                        <a:lnTo>
                          <a:pt x="5556" y="13530"/>
                        </a:lnTo>
                        <a:cubicBezTo>
                          <a:pt x="5556" y="13530"/>
                          <a:pt x="26092" y="0"/>
                          <a:pt x="52910" y="0"/>
                        </a:cubicBezTo>
                        <a:cubicBezTo>
                          <a:pt x="78037" y="0"/>
                          <a:pt x="100989" y="11596"/>
                          <a:pt x="100989" y="40830"/>
                        </a:cubicBezTo>
                        <a:lnTo>
                          <a:pt x="100989" y="113552"/>
                        </a:lnTo>
                        <a:lnTo>
                          <a:pt x="69580" y="113552"/>
                        </a:lnTo>
                        <a:lnTo>
                          <a:pt x="69580" y="103162"/>
                        </a:lnTo>
                        <a:cubicBezTo>
                          <a:pt x="63782" y="111861"/>
                          <a:pt x="51219" y="116451"/>
                          <a:pt x="38655" y="116451"/>
                        </a:cubicBezTo>
                        <a:cubicBezTo>
                          <a:pt x="15220" y="116451"/>
                          <a:pt x="0" y="99780"/>
                          <a:pt x="0" y="81660"/>
                        </a:cubicBezTo>
                        <a:cubicBezTo>
                          <a:pt x="0" y="60641"/>
                          <a:pt x="15461" y="47595"/>
                          <a:pt x="40105" y="47595"/>
                        </a:cubicBezTo>
                        <a:lnTo>
                          <a:pt x="61849" y="47595"/>
                        </a:lnTo>
                        <a:cubicBezTo>
                          <a:pt x="67164" y="47595"/>
                          <a:pt x="69580" y="45179"/>
                          <a:pt x="69580" y="41072"/>
                        </a:cubicBezTo>
                        <a:lnTo>
                          <a:pt x="69580" y="39864"/>
                        </a:lnTo>
                        <a:close/>
                        <a:moveTo>
                          <a:pt x="69580" y="73929"/>
                        </a:moveTo>
                        <a:lnTo>
                          <a:pt x="69580" y="65957"/>
                        </a:lnTo>
                        <a:cubicBezTo>
                          <a:pt x="67647" y="67890"/>
                          <a:pt x="64265" y="68372"/>
                          <a:pt x="59916" y="68372"/>
                        </a:cubicBezTo>
                        <a:lnTo>
                          <a:pt x="48078" y="68372"/>
                        </a:lnTo>
                        <a:cubicBezTo>
                          <a:pt x="38173" y="68372"/>
                          <a:pt x="32375" y="72721"/>
                          <a:pt x="32375" y="80452"/>
                        </a:cubicBezTo>
                        <a:cubicBezTo>
                          <a:pt x="32375" y="87942"/>
                          <a:pt x="38413" y="93499"/>
                          <a:pt x="48078" y="93499"/>
                        </a:cubicBezTo>
                        <a:cubicBezTo>
                          <a:pt x="59433" y="93499"/>
                          <a:pt x="69580" y="87701"/>
                          <a:pt x="69580" y="73929"/>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08" name="Freeform: Shape 107">
                    <a:extLst>
                      <a:ext uri="{FF2B5EF4-FFF2-40B4-BE49-F238E27FC236}">
                        <a16:creationId xmlns:a16="http://schemas.microsoft.com/office/drawing/2014/main" id="{6D9E978C-8CD7-7F42-788C-7411F4E35AE9}"/>
                      </a:ext>
                    </a:extLst>
                  </p:cNvPr>
                  <p:cNvSpPr/>
                  <p:nvPr/>
                </p:nvSpPr>
                <p:spPr>
                  <a:xfrm>
                    <a:off x="7604651" y="3698200"/>
                    <a:ext cx="67890" cy="112102"/>
                  </a:xfrm>
                  <a:custGeom>
                    <a:avLst/>
                    <a:gdLst>
                      <a:gd name="connsiteX0" fmla="*/ 67891 w 67890"/>
                      <a:gd name="connsiteY0" fmla="*/ 32375 h 112102"/>
                      <a:gd name="connsiteX1" fmla="*/ 54603 w 67890"/>
                      <a:gd name="connsiteY1" fmla="*/ 32375 h 112102"/>
                      <a:gd name="connsiteX2" fmla="*/ 31409 w 67890"/>
                      <a:gd name="connsiteY2" fmla="*/ 59192 h 112102"/>
                      <a:gd name="connsiteX3" fmla="*/ 31409 w 67890"/>
                      <a:gd name="connsiteY3" fmla="*/ 112102 h 112102"/>
                      <a:gd name="connsiteX4" fmla="*/ 0 w 67890"/>
                      <a:gd name="connsiteY4" fmla="*/ 112102 h 112102"/>
                      <a:gd name="connsiteX5" fmla="*/ 0 w 67890"/>
                      <a:gd name="connsiteY5" fmla="*/ 1450 h 112102"/>
                      <a:gd name="connsiteX6" fmla="*/ 30442 w 67890"/>
                      <a:gd name="connsiteY6" fmla="*/ 1450 h 112102"/>
                      <a:gd name="connsiteX7" fmla="*/ 30442 w 67890"/>
                      <a:gd name="connsiteY7" fmla="*/ 19086 h 112102"/>
                      <a:gd name="connsiteX8" fmla="*/ 59192 w 67890"/>
                      <a:gd name="connsiteY8" fmla="*/ 0 h 112102"/>
                      <a:gd name="connsiteX9" fmla="*/ 67891 w 67890"/>
                      <a:gd name="connsiteY9" fmla="*/ 966 h 112102"/>
                      <a:gd name="connsiteX10" fmla="*/ 67891 w 67890"/>
                      <a:gd name="connsiteY10" fmla="*/ 32375 h 1121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67890" h="112102">
                        <a:moveTo>
                          <a:pt x="67891" y="32375"/>
                        </a:moveTo>
                        <a:lnTo>
                          <a:pt x="54603" y="32375"/>
                        </a:lnTo>
                        <a:cubicBezTo>
                          <a:pt x="38657" y="32375"/>
                          <a:pt x="31409" y="39864"/>
                          <a:pt x="31409" y="59192"/>
                        </a:cubicBezTo>
                        <a:lnTo>
                          <a:pt x="31409" y="112102"/>
                        </a:lnTo>
                        <a:lnTo>
                          <a:pt x="0" y="112102"/>
                        </a:lnTo>
                        <a:lnTo>
                          <a:pt x="0" y="1450"/>
                        </a:lnTo>
                        <a:lnTo>
                          <a:pt x="30442" y="1450"/>
                        </a:lnTo>
                        <a:lnTo>
                          <a:pt x="30442" y="19086"/>
                        </a:lnTo>
                        <a:cubicBezTo>
                          <a:pt x="34791" y="7248"/>
                          <a:pt x="45421" y="0"/>
                          <a:pt x="59192" y="0"/>
                        </a:cubicBezTo>
                        <a:cubicBezTo>
                          <a:pt x="62092" y="0"/>
                          <a:pt x="64991" y="242"/>
                          <a:pt x="67891" y="966"/>
                        </a:cubicBezTo>
                        <a:lnTo>
                          <a:pt x="67891" y="32375"/>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09" name="Freeform: Shape 108">
                    <a:extLst>
                      <a:ext uri="{FF2B5EF4-FFF2-40B4-BE49-F238E27FC236}">
                        <a16:creationId xmlns:a16="http://schemas.microsoft.com/office/drawing/2014/main" id="{87A759A0-995A-D050-648F-098D1F6C199F}"/>
                      </a:ext>
                    </a:extLst>
                  </p:cNvPr>
                  <p:cNvSpPr/>
                  <p:nvPr/>
                </p:nvSpPr>
                <p:spPr>
                  <a:xfrm>
                    <a:off x="7687282" y="3641183"/>
                    <a:ext cx="50009" cy="169119"/>
                  </a:xfrm>
                  <a:custGeom>
                    <a:avLst/>
                    <a:gdLst>
                      <a:gd name="connsiteX0" fmla="*/ 46869 w 50009"/>
                      <a:gd name="connsiteY0" fmla="*/ 169120 h 169119"/>
                      <a:gd name="connsiteX1" fmla="*/ 15462 w 50009"/>
                      <a:gd name="connsiteY1" fmla="*/ 169120 h 169119"/>
                      <a:gd name="connsiteX2" fmla="*/ 15462 w 50009"/>
                      <a:gd name="connsiteY2" fmla="*/ 85042 h 169119"/>
                      <a:gd name="connsiteX3" fmla="*/ 0 w 50009"/>
                      <a:gd name="connsiteY3" fmla="*/ 85042 h 169119"/>
                      <a:gd name="connsiteX4" fmla="*/ 0 w 50009"/>
                      <a:gd name="connsiteY4" fmla="*/ 58467 h 169119"/>
                      <a:gd name="connsiteX5" fmla="*/ 46869 w 50009"/>
                      <a:gd name="connsiteY5" fmla="*/ 58467 h 169119"/>
                      <a:gd name="connsiteX6" fmla="*/ 46869 w 50009"/>
                      <a:gd name="connsiteY6" fmla="*/ 169120 h 169119"/>
                      <a:gd name="connsiteX7" fmla="*/ 29715 w 50009"/>
                      <a:gd name="connsiteY7" fmla="*/ 0 h 169119"/>
                      <a:gd name="connsiteX8" fmla="*/ 50010 w 50009"/>
                      <a:gd name="connsiteY8" fmla="*/ 20294 h 169119"/>
                      <a:gd name="connsiteX9" fmla="*/ 29715 w 50009"/>
                      <a:gd name="connsiteY9" fmla="*/ 40347 h 169119"/>
                      <a:gd name="connsiteX10" fmla="*/ 9663 w 50009"/>
                      <a:gd name="connsiteY10" fmla="*/ 20294 h 169119"/>
                      <a:gd name="connsiteX11" fmla="*/ 29715 w 50009"/>
                      <a:gd name="connsiteY11" fmla="*/ 0 h 1691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50009" h="169119">
                        <a:moveTo>
                          <a:pt x="46869" y="169120"/>
                        </a:moveTo>
                        <a:lnTo>
                          <a:pt x="15462" y="169120"/>
                        </a:lnTo>
                        <a:lnTo>
                          <a:pt x="15462" y="85042"/>
                        </a:lnTo>
                        <a:lnTo>
                          <a:pt x="0" y="85042"/>
                        </a:lnTo>
                        <a:lnTo>
                          <a:pt x="0" y="58467"/>
                        </a:lnTo>
                        <a:lnTo>
                          <a:pt x="46869" y="58467"/>
                        </a:lnTo>
                        <a:lnTo>
                          <a:pt x="46869" y="169120"/>
                        </a:lnTo>
                        <a:close/>
                        <a:moveTo>
                          <a:pt x="29715" y="0"/>
                        </a:moveTo>
                        <a:cubicBezTo>
                          <a:pt x="41072" y="0"/>
                          <a:pt x="50010" y="9181"/>
                          <a:pt x="50010" y="20294"/>
                        </a:cubicBezTo>
                        <a:cubicBezTo>
                          <a:pt x="50010" y="31650"/>
                          <a:pt x="41072" y="40347"/>
                          <a:pt x="29715" y="40347"/>
                        </a:cubicBezTo>
                        <a:cubicBezTo>
                          <a:pt x="18602" y="40347"/>
                          <a:pt x="9663" y="31650"/>
                          <a:pt x="9663" y="20294"/>
                        </a:cubicBezTo>
                        <a:cubicBezTo>
                          <a:pt x="9663" y="9181"/>
                          <a:pt x="18602" y="0"/>
                          <a:pt x="29715" y="0"/>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10" name="Freeform: Shape 109">
                    <a:extLst>
                      <a:ext uri="{FF2B5EF4-FFF2-40B4-BE49-F238E27FC236}">
                        <a16:creationId xmlns:a16="http://schemas.microsoft.com/office/drawing/2014/main" id="{C7816A9E-953F-736D-8A5F-1ED0E87A0FB0}"/>
                      </a:ext>
                    </a:extLst>
                  </p:cNvPr>
                  <p:cNvSpPr/>
                  <p:nvPr/>
                </p:nvSpPr>
                <p:spPr>
                  <a:xfrm>
                    <a:off x="7746959" y="3699650"/>
                    <a:ext cx="115966" cy="110652"/>
                  </a:xfrm>
                  <a:custGeom>
                    <a:avLst/>
                    <a:gdLst>
                      <a:gd name="connsiteX0" fmla="*/ 57742 w 115966"/>
                      <a:gd name="connsiteY0" fmla="*/ 76829 h 110652"/>
                      <a:gd name="connsiteX1" fmla="*/ 82868 w 115966"/>
                      <a:gd name="connsiteY1" fmla="*/ 0 h 110652"/>
                      <a:gd name="connsiteX2" fmla="*/ 115967 w 115966"/>
                      <a:gd name="connsiteY2" fmla="*/ 0 h 110652"/>
                      <a:gd name="connsiteX3" fmla="*/ 76587 w 115966"/>
                      <a:gd name="connsiteY3" fmla="*/ 110653 h 110652"/>
                      <a:gd name="connsiteX4" fmla="*/ 37690 w 115966"/>
                      <a:gd name="connsiteY4" fmla="*/ 110653 h 110652"/>
                      <a:gd name="connsiteX5" fmla="*/ 0 w 115966"/>
                      <a:gd name="connsiteY5" fmla="*/ 0 h 110652"/>
                      <a:gd name="connsiteX6" fmla="*/ 34065 w 115966"/>
                      <a:gd name="connsiteY6" fmla="*/ 0 h 110652"/>
                      <a:gd name="connsiteX7" fmla="*/ 57742 w 115966"/>
                      <a:gd name="connsiteY7" fmla="*/ 76829 h 1106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15966" h="110652">
                        <a:moveTo>
                          <a:pt x="57742" y="76829"/>
                        </a:moveTo>
                        <a:lnTo>
                          <a:pt x="82868" y="0"/>
                        </a:lnTo>
                        <a:lnTo>
                          <a:pt x="115967" y="0"/>
                        </a:lnTo>
                        <a:lnTo>
                          <a:pt x="76587" y="110653"/>
                        </a:lnTo>
                        <a:lnTo>
                          <a:pt x="37690" y="110653"/>
                        </a:lnTo>
                        <a:lnTo>
                          <a:pt x="0" y="0"/>
                        </a:lnTo>
                        <a:lnTo>
                          <a:pt x="34065" y="0"/>
                        </a:lnTo>
                        <a:lnTo>
                          <a:pt x="57742" y="76829"/>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11" name="Freeform: Shape 110">
                    <a:extLst>
                      <a:ext uri="{FF2B5EF4-FFF2-40B4-BE49-F238E27FC236}">
                        <a16:creationId xmlns:a16="http://schemas.microsoft.com/office/drawing/2014/main" id="{2E6D14E7-9B25-CA7E-C42F-5C51C1A4D0F7}"/>
                      </a:ext>
                    </a:extLst>
                  </p:cNvPr>
                  <p:cNvSpPr/>
                  <p:nvPr/>
                </p:nvSpPr>
                <p:spPr>
                  <a:xfrm>
                    <a:off x="7864379" y="3696751"/>
                    <a:ext cx="100985" cy="116450"/>
                  </a:xfrm>
                  <a:custGeom>
                    <a:avLst/>
                    <a:gdLst>
                      <a:gd name="connsiteX0" fmla="*/ 69579 w 100985"/>
                      <a:gd name="connsiteY0" fmla="*/ 39864 h 116450"/>
                      <a:gd name="connsiteX1" fmla="*/ 51222 w 100985"/>
                      <a:gd name="connsiteY1" fmla="*/ 26817 h 116450"/>
                      <a:gd name="connsiteX2" fmla="*/ 17876 w 100985"/>
                      <a:gd name="connsiteY2" fmla="*/ 37206 h 116450"/>
                      <a:gd name="connsiteX3" fmla="*/ 5554 w 100985"/>
                      <a:gd name="connsiteY3" fmla="*/ 13530 h 116450"/>
                      <a:gd name="connsiteX4" fmla="*/ 52911 w 100985"/>
                      <a:gd name="connsiteY4" fmla="*/ 0 h 116450"/>
                      <a:gd name="connsiteX5" fmla="*/ 100986 w 100985"/>
                      <a:gd name="connsiteY5" fmla="*/ 40830 h 116450"/>
                      <a:gd name="connsiteX6" fmla="*/ 100986 w 100985"/>
                      <a:gd name="connsiteY6" fmla="*/ 113552 h 116450"/>
                      <a:gd name="connsiteX7" fmla="*/ 69579 w 100985"/>
                      <a:gd name="connsiteY7" fmla="*/ 113552 h 116450"/>
                      <a:gd name="connsiteX8" fmla="*/ 69579 w 100985"/>
                      <a:gd name="connsiteY8" fmla="*/ 103162 h 116450"/>
                      <a:gd name="connsiteX9" fmla="*/ 38658 w 100985"/>
                      <a:gd name="connsiteY9" fmla="*/ 116451 h 116450"/>
                      <a:gd name="connsiteX10" fmla="*/ 0 w 100985"/>
                      <a:gd name="connsiteY10" fmla="*/ 81660 h 116450"/>
                      <a:gd name="connsiteX11" fmla="*/ 40104 w 100985"/>
                      <a:gd name="connsiteY11" fmla="*/ 47595 h 116450"/>
                      <a:gd name="connsiteX12" fmla="*/ 61847 w 100985"/>
                      <a:gd name="connsiteY12" fmla="*/ 47595 h 116450"/>
                      <a:gd name="connsiteX13" fmla="*/ 69579 w 100985"/>
                      <a:gd name="connsiteY13" fmla="*/ 41072 h 116450"/>
                      <a:gd name="connsiteX14" fmla="*/ 69579 w 100985"/>
                      <a:gd name="connsiteY14" fmla="*/ 39864 h 116450"/>
                      <a:gd name="connsiteX15" fmla="*/ 69579 w 100985"/>
                      <a:gd name="connsiteY15" fmla="*/ 73929 h 116450"/>
                      <a:gd name="connsiteX16" fmla="*/ 69579 w 100985"/>
                      <a:gd name="connsiteY16" fmla="*/ 65957 h 116450"/>
                      <a:gd name="connsiteX17" fmla="*/ 59916 w 100985"/>
                      <a:gd name="connsiteY17" fmla="*/ 68372 h 116450"/>
                      <a:gd name="connsiteX18" fmla="*/ 48079 w 100985"/>
                      <a:gd name="connsiteY18" fmla="*/ 68372 h 116450"/>
                      <a:gd name="connsiteX19" fmla="*/ 32371 w 100985"/>
                      <a:gd name="connsiteY19" fmla="*/ 80452 h 116450"/>
                      <a:gd name="connsiteX20" fmla="*/ 48079 w 100985"/>
                      <a:gd name="connsiteY20" fmla="*/ 93499 h 116450"/>
                      <a:gd name="connsiteX21" fmla="*/ 69579 w 100985"/>
                      <a:gd name="connsiteY21" fmla="*/ 73929 h 1164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100985" h="116450">
                        <a:moveTo>
                          <a:pt x="69579" y="39864"/>
                        </a:moveTo>
                        <a:cubicBezTo>
                          <a:pt x="69579" y="31891"/>
                          <a:pt x="63301" y="26817"/>
                          <a:pt x="51222" y="26817"/>
                        </a:cubicBezTo>
                        <a:cubicBezTo>
                          <a:pt x="40104" y="26817"/>
                          <a:pt x="26093" y="32374"/>
                          <a:pt x="17876" y="37206"/>
                        </a:cubicBezTo>
                        <a:lnTo>
                          <a:pt x="5554" y="13530"/>
                        </a:lnTo>
                        <a:cubicBezTo>
                          <a:pt x="5554" y="13530"/>
                          <a:pt x="26093" y="0"/>
                          <a:pt x="52911" y="0"/>
                        </a:cubicBezTo>
                        <a:cubicBezTo>
                          <a:pt x="78039" y="0"/>
                          <a:pt x="100986" y="11596"/>
                          <a:pt x="100986" y="40830"/>
                        </a:cubicBezTo>
                        <a:lnTo>
                          <a:pt x="100986" y="113552"/>
                        </a:lnTo>
                        <a:lnTo>
                          <a:pt x="69579" y="113552"/>
                        </a:lnTo>
                        <a:lnTo>
                          <a:pt x="69579" y="103162"/>
                        </a:lnTo>
                        <a:cubicBezTo>
                          <a:pt x="63778" y="111861"/>
                          <a:pt x="51222" y="116451"/>
                          <a:pt x="38658" y="116451"/>
                        </a:cubicBezTo>
                        <a:cubicBezTo>
                          <a:pt x="15217" y="116451"/>
                          <a:pt x="0" y="99780"/>
                          <a:pt x="0" y="81660"/>
                        </a:cubicBezTo>
                        <a:cubicBezTo>
                          <a:pt x="0" y="60641"/>
                          <a:pt x="15460" y="47595"/>
                          <a:pt x="40104" y="47595"/>
                        </a:cubicBezTo>
                        <a:lnTo>
                          <a:pt x="61847" y="47595"/>
                        </a:lnTo>
                        <a:cubicBezTo>
                          <a:pt x="67163" y="47595"/>
                          <a:pt x="69579" y="45179"/>
                          <a:pt x="69579" y="41072"/>
                        </a:cubicBezTo>
                        <a:lnTo>
                          <a:pt x="69579" y="39864"/>
                        </a:lnTo>
                        <a:close/>
                        <a:moveTo>
                          <a:pt x="69579" y="73929"/>
                        </a:moveTo>
                        <a:lnTo>
                          <a:pt x="69579" y="65957"/>
                        </a:lnTo>
                        <a:cubicBezTo>
                          <a:pt x="67648" y="67890"/>
                          <a:pt x="64263" y="68372"/>
                          <a:pt x="59916" y="68372"/>
                        </a:cubicBezTo>
                        <a:lnTo>
                          <a:pt x="48079" y="68372"/>
                        </a:lnTo>
                        <a:cubicBezTo>
                          <a:pt x="38173" y="68372"/>
                          <a:pt x="32371" y="72721"/>
                          <a:pt x="32371" y="80452"/>
                        </a:cubicBezTo>
                        <a:cubicBezTo>
                          <a:pt x="32371" y="87942"/>
                          <a:pt x="38415" y="93499"/>
                          <a:pt x="48079" y="93499"/>
                        </a:cubicBezTo>
                        <a:cubicBezTo>
                          <a:pt x="59431" y="93499"/>
                          <a:pt x="69579" y="87701"/>
                          <a:pt x="69579" y="73929"/>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12" name="Freeform: Shape 111">
                    <a:extLst>
                      <a:ext uri="{FF2B5EF4-FFF2-40B4-BE49-F238E27FC236}">
                        <a16:creationId xmlns:a16="http://schemas.microsoft.com/office/drawing/2014/main" id="{8D570C11-F78D-2CC0-6162-76F2514590F9}"/>
                      </a:ext>
                    </a:extLst>
                  </p:cNvPr>
                  <p:cNvSpPr/>
                  <p:nvPr/>
                </p:nvSpPr>
                <p:spPr>
                  <a:xfrm>
                    <a:off x="7977211" y="3657612"/>
                    <a:ext cx="73688" cy="154140"/>
                  </a:xfrm>
                  <a:custGeom>
                    <a:avLst/>
                    <a:gdLst>
                      <a:gd name="connsiteX0" fmla="*/ 48803 w 73688"/>
                      <a:gd name="connsiteY0" fmla="*/ 0 h 154140"/>
                      <a:gd name="connsiteX1" fmla="*/ 48803 w 73688"/>
                      <a:gd name="connsiteY1" fmla="*/ 42038 h 154140"/>
                      <a:gd name="connsiteX2" fmla="*/ 72719 w 73688"/>
                      <a:gd name="connsiteY2" fmla="*/ 42038 h 154140"/>
                      <a:gd name="connsiteX3" fmla="*/ 72719 w 73688"/>
                      <a:gd name="connsiteY3" fmla="*/ 68614 h 154140"/>
                      <a:gd name="connsiteX4" fmla="*/ 48803 w 73688"/>
                      <a:gd name="connsiteY4" fmla="*/ 68614 h 154140"/>
                      <a:gd name="connsiteX5" fmla="*/ 48803 w 73688"/>
                      <a:gd name="connsiteY5" fmla="*/ 118625 h 154140"/>
                      <a:gd name="connsiteX6" fmla="*/ 59194 w 73688"/>
                      <a:gd name="connsiteY6" fmla="*/ 126598 h 154140"/>
                      <a:gd name="connsiteX7" fmla="*/ 73689 w 73688"/>
                      <a:gd name="connsiteY7" fmla="*/ 125874 h 154140"/>
                      <a:gd name="connsiteX8" fmla="*/ 73689 w 73688"/>
                      <a:gd name="connsiteY8" fmla="*/ 152691 h 154140"/>
                      <a:gd name="connsiteX9" fmla="*/ 49288 w 73688"/>
                      <a:gd name="connsiteY9" fmla="*/ 154140 h 154140"/>
                      <a:gd name="connsiteX10" fmla="*/ 17396 w 73688"/>
                      <a:gd name="connsiteY10" fmla="*/ 129256 h 154140"/>
                      <a:gd name="connsiteX11" fmla="*/ 17396 w 73688"/>
                      <a:gd name="connsiteY11" fmla="*/ 68614 h 154140"/>
                      <a:gd name="connsiteX12" fmla="*/ 0 w 73688"/>
                      <a:gd name="connsiteY12" fmla="*/ 68614 h 154140"/>
                      <a:gd name="connsiteX13" fmla="*/ 0 w 73688"/>
                      <a:gd name="connsiteY13" fmla="*/ 42038 h 154140"/>
                      <a:gd name="connsiteX14" fmla="*/ 17396 w 73688"/>
                      <a:gd name="connsiteY14" fmla="*/ 42038 h 154140"/>
                      <a:gd name="connsiteX15" fmla="*/ 17396 w 73688"/>
                      <a:gd name="connsiteY15" fmla="*/ 0 h 154140"/>
                      <a:gd name="connsiteX16" fmla="*/ 48803 w 73688"/>
                      <a:gd name="connsiteY16" fmla="*/ 0 h 1541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73688" h="154140">
                        <a:moveTo>
                          <a:pt x="48803" y="0"/>
                        </a:moveTo>
                        <a:lnTo>
                          <a:pt x="48803" y="42038"/>
                        </a:lnTo>
                        <a:lnTo>
                          <a:pt x="72719" y="42038"/>
                        </a:lnTo>
                        <a:lnTo>
                          <a:pt x="72719" y="68614"/>
                        </a:lnTo>
                        <a:lnTo>
                          <a:pt x="48803" y="68614"/>
                        </a:lnTo>
                        <a:lnTo>
                          <a:pt x="48803" y="118625"/>
                        </a:lnTo>
                        <a:cubicBezTo>
                          <a:pt x="48803" y="125632"/>
                          <a:pt x="54362" y="126598"/>
                          <a:pt x="59194" y="126598"/>
                        </a:cubicBezTo>
                        <a:cubicBezTo>
                          <a:pt x="67160" y="126598"/>
                          <a:pt x="73689" y="125874"/>
                          <a:pt x="73689" y="125874"/>
                        </a:cubicBezTo>
                        <a:lnTo>
                          <a:pt x="73689" y="152691"/>
                        </a:lnTo>
                        <a:cubicBezTo>
                          <a:pt x="73689" y="152691"/>
                          <a:pt x="58466" y="154140"/>
                          <a:pt x="49288" y="154140"/>
                        </a:cubicBezTo>
                        <a:cubicBezTo>
                          <a:pt x="33580" y="154140"/>
                          <a:pt x="17396" y="151483"/>
                          <a:pt x="17396" y="129256"/>
                        </a:cubicBezTo>
                        <a:lnTo>
                          <a:pt x="17396" y="68614"/>
                        </a:lnTo>
                        <a:lnTo>
                          <a:pt x="0" y="68614"/>
                        </a:lnTo>
                        <a:lnTo>
                          <a:pt x="0" y="42038"/>
                        </a:lnTo>
                        <a:lnTo>
                          <a:pt x="17396" y="42038"/>
                        </a:lnTo>
                        <a:lnTo>
                          <a:pt x="17396" y="0"/>
                        </a:lnTo>
                        <a:lnTo>
                          <a:pt x="48803" y="0"/>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13" name="Freeform: Shape 112">
                    <a:extLst>
                      <a:ext uri="{FF2B5EF4-FFF2-40B4-BE49-F238E27FC236}">
                        <a16:creationId xmlns:a16="http://schemas.microsoft.com/office/drawing/2014/main" id="{21775527-5B91-5FEE-F0A4-7594B4BC1AF9}"/>
                      </a:ext>
                    </a:extLst>
                  </p:cNvPr>
                  <p:cNvSpPr/>
                  <p:nvPr/>
                </p:nvSpPr>
                <p:spPr>
                  <a:xfrm>
                    <a:off x="8059844" y="3696751"/>
                    <a:ext cx="115477" cy="116450"/>
                  </a:xfrm>
                  <a:custGeom>
                    <a:avLst/>
                    <a:gdLst>
                      <a:gd name="connsiteX0" fmla="*/ 115478 w 115477"/>
                      <a:gd name="connsiteY0" fmla="*/ 67406 h 116450"/>
                      <a:gd name="connsiteX1" fmla="*/ 33095 w 115477"/>
                      <a:gd name="connsiteY1" fmla="*/ 67406 h 116450"/>
                      <a:gd name="connsiteX2" fmla="*/ 58466 w 115477"/>
                      <a:gd name="connsiteY2" fmla="*/ 89633 h 116450"/>
                      <a:gd name="connsiteX3" fmla="*/ 80694 w 115477"/>
                      <a:gd name="connsiteY3" fmla="*/ 78278 h 116450"/>
                      <a:gd name="connsiteX4" fmla="*/ 113304 w 115477"/>
                      <a:gd name="connsiteY4" fmla="*/ 81660 h 116450"/>
                      <a:gd name="connsiteX5" fmla="*/ 57981 w 115477"/>
                      <a:gd name="connsiteY5" fmla="*/ 116451 h 116450"/>
                      <a:gd name="connsiteX6" fmla="*/ 0 w 115477"/>
                      <a:gd name="connsiteY6" fmla="*/ 58225 h 116450"/>
                      <a:gd name="connsiteX7" fmla="*/ 57496 w 115477"/>
                      <a:gd name="connsiteY7" fmla="*/ 0 h 116450"/>
                      <a:gd name="connsiteX8" fmla="*/ 115478 w 115477"/>
                      <a:gd name="connsiteY8" fmla="*/ 66199 h 116450"/>
                      <a:gd name="connsiteX9" fmla="*/ 115478 w 115477"/>
                      <a:gd name="connsiteY9" fmla="*/ 67406 h 116450"/>
                      <a:gd name="connsiteX10" fmla="*/ 32368 w 115477"/>
                      <a:gd name="connsiteY10" fmla="*/ 46388 h 116450"/>
                      <a:gd name="connsiteX11" fmla="*/ 81898 w 115477"/>
                      <a:gd name="connsiteY11" fmla="*/ 46388 h 116450"/>
                      <a:gd name="connsiteX12" fmla="*/ 57496 w 115477"/>
                      <a:gd name="connsiteY12" fmla="*/ 26092 h 116450"/>
                      <a:gd name="connsiteX13" fmla="*/ 32368 w 115477"/>
                      <a:gd name="connsiteY13" fmla="*/ 46388 h 1164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15477" h="116450">
                        <a:moveTo>
                          <a:pt x="115478" y="67406"/>
                        </a:moveTo>
                        <a:lnTo>
                          <a:pt x="33095" y="67406"/>
                        </a:lnTo>
                        <a:cubicBezTo>
                          <a:pt x="34784" y="79728"/>
                          <a:pt x="44447" y="89633"/>
                          <a:pt x="58466" y="89633"/>
                        </a:cubicBezTo>
                        <a:cubicBezTo>
                          <a:pt x="67645" y="89633"/>
                          <a:pt x="76339" y="85768"/>
                          <a:pt x="80694" y="78278"/>
                        </a:cubicBezTo>
                        <a:lnTo>
                          <a:pt x="113304" y="81660"/>
                        </a:lnTo>
                        <a:cubicBezTo>
                          <a:pt x="103398" y="105337"/>
                          <a:pt x="82625" y="116451"/>
                          <a:pt x="57981" y="116451"/>
                        </a:cubicBezTo>
                        <a:cubicBezTo>
                          <a:pt x="24878" y="116451"/>
                          <a:pt x="0" y="92049"/>
                          <a:pt x="0" y="58225"/>
                        </a:cubicBezTo>
                        <a:cubicBezTo>
                          <a:pt x="0" y="24401"/>
                          <a:pt x="24393" y="0"/>
                          <a:pt x="57496" y="0"/>
                        </a:cubicBezTo>
                        <a:cubicBezTo>
                          <a:pt x="87942" y="0"/>
                          <a:pt x="115478" y="19811"/>
                          <a:pt x="115478" y="66199"/>
                        </a:cubicBezTo>
                        <a:lnTo>
                          <a:pt x="115478" y="67406"/>
                        </a:lnTo>
                        <a:close/>
                        <a:moveTo>
                          <a:pt x="32368" y="46388"/>
                        </a:moveTo>
                        <a:lnTo>
                          <a:pt x="81898" y="46388"/>
                        </a:lnTo>
                        <a:cubicBezTo>
                          <a:pt x="80209" y="35274"/>
                          <a:pt x="70788" y="26092"/>
                          <a:pt x="57496" y="26092"/>
                        </a:cubicBezTo>
                        <a:cubicBezTo>
                          <a:pt x="44205" y="26092"/>
                          <a:pt x="34784" y="34549"/>
                          <a:pt x="32368" y="46388"/>
                        </a:cubicBez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02" name="Graphic 8">
                  <a:extLst>
                    <a:ext uri="{FF2B5EF4-FFF2-40B4-BE49-F238E27FC236}">
                      <a16:creationId xmlns:a16="http://schemas.microsoft.com/office/drawing/2014/main" id="{A32FACC1-E441-D429-D7EF-7E0EB27C8C5A}"/>
                    </a:ext>
                  </a:extLst>
                </p:cNvPr>
                <p:cNvGrpSpPr/>
                <p:nvPr/>
              </p:nvGrpSpPr>
              <p:grpSpPr>
                <a:xfrm>
                  <a:off x="8166602" y="3641334"/>
                  <a:ext cx="62224" cy="30081"/>
                  <a:chOff x="8166602" y="3641334"/>
                  <a:chExt cx="62224" cy="30081"/>
                </a:xfrm>
                <a:solidFill>
                  <a:srgbClr val="000000"/>
                </a:solidFill>
              </p:grpSpPr>
              <p:sp>
                <p:nvSpPr>
                  <p:cNvPr id="103" name="Freeform: Shape 102">
                    <a:extLst>
                      <a:ext uri="{FF2B5EF4-FFF2-40B4-BE49-F238E27FC236}">
                        <a16:creationId xmlns:a16="http://schemas.microsoft.com/office/drawing/2014/main" id="{76B6EE75-5EFA-8E2C-B470-FFB599791636}"/>
                      </a:ext>
                    </a:extLst>
                  </p:cNvPr>
                  <p:cNvSpPr/>
                  <p:nvPr/>
                </p:nvSpPr>
                <p:spPr>
                  <a:xfrm>
                    <a:off x="8166602" y="3641334"/>
                    <a:ext cx="25743" cy="30081"/>
                  </a:xfrm>
                  <a:custGeom>
                    <a:avLst/>
                    <a:gdLst>
                      <a:gd name="connsiteX0" fmla="*/ 25743 w 25743"/>
                      <a:gd name="connsiteY0" fmla="*/ 7821 h 30081"/>
                      <a:gd name="connsiteX1" fmla="*/ 17275 w 25743"/>
                      <a:gd name="connsiteY1" fmla="*/ 7821 h 30081"/>
                      <a:gd name="connsiteX2" fmla="*/ 17275 w 25743"/>
                      <a:gd name="connsiteY2" fmla="*/ 30082 h 30081"/>
                      <a:gd name="connsiteX3" fmla="*/ 8469 w 25743"/>
                      <a:gd name="connsiteY3" fmla="*/ 30082 h 30081"/>
                      <a:gd name="connsiteX4" fmla="*/ 8469 w 25743"/>
                      <a:gd name="connsiteY4" fmla="*/ 7821 h 30081"/>
                      <a:gd name="connsiteX5" fmla="*/ 0 w 25743"/>
                      <a:gd name="connsiteY5" fmla="*/ 7821 h 30081"/>
                      <a:gd name="connsiteX6" fmla="*/ 0 w 25743"/>
                      <a:gd name="connsiteY6" fmla="*/ 0 h 30081"/>
                      <a:gd name="connsiteX7" fmla="*/ 25743 w 25743"/>
                      <a:gd name="connsiteY7" fmla="*/ 0 h 30081"/>
                      <a:gd name="connsiteX8" fmla="*/ 25743 w 25743"/>
                      <a:gd name="connsiteY8" fmla="*/ 7821 h 300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5743" h="30081">
                        <a:moveTo>
                          <a:pt x="25743" y="7821"/>
                        </a:moveTo>
                        <a:lnTo>
                          <a:pt x="17275" y="7821"/>
                        </a:lnTo>
                        <a:lnTo>
                          <a:pt x="17275" y="30082"/>
                        </a:lnTo>
                        <a:lnTo>
                          <a:pt x="8469" y="30082"/>
                        </a:lnTo>
                        <a:lnTo>
                          <a:pt x="8469" y="7821"/>
                        </a:lnTo>
                        <a:lnTo>
                          <a:pt x="0" y="7821"/>
                        </a:lnTo>
                        <a:lnTo>
                          <a:pt x="0" y="0"/>
                        </a:lnTo>
                        <a:lnTo>
                          <a:pt x="25743" y="0"/>
                        </a:lnTo>
                        <a:lnTo>
                          <a:pt x="25743" y="7821"/>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04" name="Freeform: Shape 103">
                    <a:extLst>
                      <a:ext uri="{FF2B5EF4-FFF2-40B4-BE49-F238E27FC236}">
                        <a16:creationId xmlns:a16="http://schemas.microsoft.com/office/drawing/2014/main" id="{C5FD46E4-66E1-C418-28E6-008A8E456D97}"/>
                      </a:ext>
                    </a:extLst>
                  </p:cNvPr>
                  <p:cNvSpPr/>
                  <p:nvPr/>
                </p:nvSpPr>
                <p:spPr>
                  <a:xfrm>
                    <a:off x="8197203" y="3641334"/>
                    <a:ext cx="31622" cy="30081"/>
                  </a:xfrm>
                  <a:custGeom>
                    <a:avLst/>
                    <a:gdLst>
                      <a:gd name="connsiteX0" fmla="*/ 12331 w 31622"/>
                      <a:gd name="connsiteY0" fmla="*/ 23638 h 30081"/>
                      <a:gd name="connsiteX1" fmla="*/ 8460 w 31622"/>
                      <a:gd name="connsiteY1" fmla="*/ 12894 h 30081"/>
                      <a:gd name="connsiteX2" fmla="*/ 8460 w 31622"/>
                      <a:gd name="connsiteY2" fmla="*/ 30082 h 30081"/>
                      <a:gd name="connsiteX3" fmla="*/ 0 w 31622"/>
                      <a:gd name="connsiteY3" fmla="*/ 30082 h 30081"/>
                      <a:gd name="connsiteX4" fmla="*/ 0 w 31622"/>
                      <a:gd name="connsiteY4" fmla="*/ 0 h 30081"/>
                      <a:gd name="connsiteX5" fmla="*/ 11612 w 31622"/>
                      <a:gd name="connsiteY5" fmla="*/ 0 h 30081"/>
                      <a:gd name="connsiteX6" fmla="*/ 16002 w 31622"/>
                      <a:gd name="connsiteY6" fmla="*/ 12550 h 30081"/>
                      <a:gd name="connsiteX7" fmla="*/ 20695 w 31622"/>
                      <a:gd name="connsiteY7" fmla="*/ 0 h 30081"/>
                      <a:gd name="connsiteX8" fmla="*/ 31623 w 31622"/>
                      <a:gd name="connsiteY8" fmla="*/ 0 h 30081"/>
                      <a:gd name="connsiteX9" fmla="*/ 31623 w 31622"/>
                      <a:gd name="connsiteY9" fmla="*/ 30082 h 30081"/>
                      <a:gd name="connsiteX10" fmla="*/ 22990 w 31622"/>
                      <a:gd name="connsiteY10" fmla="*/ 30082 h 30081"/>
                      <a:gd name="connsiteX11" fmla="*/ 22990 w 31622"/>
                      <a:gd name="connsiteY11" fmla="*/ 12894 h 30081"/>
                      <a:gd name="connsiteX12" fmla="*/ 19119 w 31622"/>
                      <a:gd name="connsiteY12" fmla="*/ 23638 h 30081"/>
                      <a:gd name="connsiteX13" fmla="*/ 12331 w 31622"/>
                      <a:gd name="connsiteY13" fmla="*/ 23638 h 3008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31622" h="30081">
                        <a:moveTo>
                          <a:pt x="12331" y="23638"/>
                        </a:moveTo>
                        <a:lnTo>
                          <a:pt x="8460" y="12894"/>
                        </a:lnTo>
                        <a:lnTo>
                          <a:pt x="8460" y="30082"/>
                        </a:lnTo>
                        <a:lnTo>
                          <a:pt x="0" y="30082"/>
                        </a:lnTo>
                        <a:lnTo>
                          <a:pt x="0" y="0"/>
                        </a:lnTo>
                        <a:lnTo>
                          <a:pt x="11612" y="0"/>
                        </a:lnTo>
                        <a:lnTo>
                          <a:pt x="16002" y="12550"/>
                        </a:lnTo>
                        <a:lnTo>
                          <a:pt x="20695" y="0"/>
                        </a:lnTo>
                        <a:lnTo>
                          <a:pt x="31623" y="0"/>
                        </a:lnTo>
                        <a:lnTo>
                          <a:pt x="31623" y="30082"/>
                        </a:lnTo>
                        <a:lnTo>
                          <a:pt x="22990" y="30082"/>
                        </a:lnTo>
                        <a:lnTo>
                          <a:pt x="22990" y="12894"/>
                        </a:lnTo>
                        <a:lnTo>
                          <a:pt x="19119" y="23638"/>
                        </a:lnTo>
                        <a:lnTo>
                          <a:pt x="12331" y="23638"/>
                        </a:lnTo>
                        <a:close/>
                      </a:path>
                    </a:pathLst>
                  </a:custGeom>
                  <a:solidFill>
                    <a:srgbClr val="000000"/>
                  </a:solidFill>
                  <a:ln w="8653"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grpSp>
      </p:grpSp>
      <p:grpSp>
        <p:nvGrpSpPr>
          <p:cNvPr id="139" name="Group 138">
            <a:extLst>
              <a:ext uri="{FF2B5EF4-FFF2-40B4-BE49-F238E27FC236}">
                <a16:creationId xmlns:a16="http://schemas.microsoft.com/office/drawing/2014/main" id="{1FED1973-02C6-1115-C92E-6F9A8A104C94}"/>
              </a:ext>
            </a:extLst>
          </p:cNvPr>
          <p:cNvGrpSpPr/>
          <p:nvPr/>
        </p:nvGrpSpPr>
        <p:grpSpPr>
          <a:xfrm>
            <a:off x="535810" y="4745272"/>
            <a:ext cx="11228477" cy="503072"/>
            <a:chOff x="502559" y="4111647"/>
            <a:chExt cx="11228477" cy="553379"/>
          </a:xfrm>
        </p:grpSpPr>
        <p:sp>
          <p:nvSpPr>
            <p:cNvPr id="140" name="Rectangle 139">
              <a:extLst>
                <a:ext uri="{FF2B5EF4-FFF2-40B4-BE49-F238E27FC236}">
                  <a16:creationId xmlns:a16="http://schemas.microsoft.com/office/drawing/2014/main" id="{ECF40CEB-BEF8-6062-2D3C-3CF4D1A315B5}"/>
                </a:ext>
              </a:extLst>
            </p:cNvPr>
            <p:cNvSpPr/>
            <p:nvPr/>
          </p:nvSpPr>
          <p:spPr>
            <a:xfrm>
              <a:off x="502559" y="4116386"/>
              <a:ext cx="1590701" cy="548640"/>
            </a:xfrm>
            <a:prstGeom prst="rect">
              <a:avLst/>
            </a:prstGeom>
            <a:solidFill>
              <a:srgbClr val="0085BE"/>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defRPr/>
              </a:pPr>
              <a:r>
                <a:rPr lang="en-US" sz="1200" b="1">
                  <a:solidFill>
                    <a:prstClr val="white"/>
                  </a:solidFill>
                  <a:latin typeface="Roboto" panose="02000000000000000000" pitchFamily="2" charset="0"/>
                  <a:ea typeface="Roboto" panose="02000000000000000000" pitchFamily="2" charset="0"/>
                  <a:cs typeface="Roboto" panose="02000000000000000000" pitchFamily="2" charset="0"/>
                </a:rPr>
                <a:t>Retail</a:t>
              </a:r>
            </a:p>
          </p:txBody>
        </p:sp>
        <p:sp>
          <p:nvSpPr>
            <p:cNvPr id="141" name="Rectangle 140">
              <a:extLst>
                <a:ext uri="{FF2B5EF4-FFF2-40B4-BE49-F238E27FC236}">
                  <a16:creationId xmlns:a16="http://schemas.microsoft.com/office/drawing/2014/main" id="{6B50895F-82EA-D441-0C88-7D971A6D5596}"/>
                </a:ext>
              </a:extLst>
            </p:cNvPr>
            <p:cNvSpPr/>
            <p:nvPr/>
          </p:nvSpPr>
          <p:spPr>
            <a:xfrm rot="16200000">
              <a:off x="6637828" y="-428182"/>
              <a:ext cx="548640" cy="9637776"/>
            </a:xfrm>
            <a:prstGeom prst="rect">
              <a:avLst/>
            </a:prstGeom>
            <a:solidFill>
              <a:schemeClr val="bg1"/>
            </a:solidFill>
            <a:ln w="3175">
              <a:solidFill>
                <a:schemeClr val="bg1">
                  <a:lumMod val="65000"/>
                </a:schemeClr>
              </a:solidFill>
              <a:prstDash val="soli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a:ln>
                  <a:noFill/>
                </a:ln>
                <a:solidFill>
                  <a:prstClr val="white"/>
                </a:solidFill>
                <a:effectLst/>
                <a:uLnTx/>
                <a:uFillTx/>
                <a:latin typeface="Tahoma" pitchFamily="34" charset="0"/>
                <a:ea typeface="Tahoma" pitchFamily="34" charset="0"/>
                <a:cs typeface="Tahoma" pitchFamily="34" charset="0"/>
              </a:endParaRPr>
            </a:p>
          </p:txBody>
        </p:sp>
        <p:pic>
          <p:nvPicPr>
            <p:cNvPr id="142" name="Picture 141" descr="ABU_647037_AB_Univ_CMYK3.jpg">
              <a:extLst>
                <a:ext uri="{FF2B5EF4-FFF2-40B4-BE49-F238E27FC236}">
                  <a16:creationId xmlns:a16="http://schemas.microsoft.com/office/drawing/2014/main" id="{6B49DA10-F4AC-BB03-4924-85D1BA36445E}"/>
                </a:ext>
              </a:extLst>
            </p:cNvPr>
            <p:cNvPicPr>
              <a:picLocks noChangeAspect="1"/>
            </p:cNvPicPr>
            <p:nvPr/>
          </p:nvPicPr>
          <p:blipFill>
            <a:blip r:embed="rId40" cstate="screen">
              <a:extLst>
                <a:ext uri="{28A0092B-C50C-407E-A947-70E740481C1C}">
                  <a14:useLocalDpi xmlns:a14="http://schemas.microsoft.com/office/drawing/2010/main" val="0"/>
                </a:ext>
              </a:extLst>
            </a:blip>
            <a:stretch>
              <a:fillRect/>
            </a:stretch>
          </p:blipFill>
          <p:spPr>
            <a:xfrm>
              <a:off x="2335650" y="4156139"/>
              <a:ext cx="473825" cy="469135"/>
            </a:xfrm>
            <a:prstGeom prst="rect">
              <a:avLst/>
            </a:prstGeom>
          </p:spPr>
        </p:pic>
        <p:pic>
          <p:nvPicPr>
            <p:cNvPr id="143" name="Picture 58" descr="http://www.cleolexicom.com/img/logo/customer-logos/logo-dunkin-brands.png">
              <a:extLst>
                <a:ext uri="{FF2B5EF4-FFF2-40B4-BE49-F238E27FC236}">
                  <a16:creationId xmlns:a16="http://schemas.microsoft.com/office/drawing/2014/main" id="{F4E4A842-FD53-C8FD-899E-EF2A6279C41F}"/>
                </a:ext>
              </a:extLst>
            </p:cNvPr>
            <p:cNvPicPr>
              <a:picLocks noChangeAspect="1" noChangeArrowheads="1"/>
            </p:cNvPicPr>
            <p:nvPr/>
          </p:nvPicPr>
          <p:blipFill>
            <a:blip r:embed="rId41" cstate="screen">
              <a:lum bright="-10000"/>
              <a:extLst>
                <a:ext uri="{28A0092B-C50C-407E-A947-70E740481C1C}">
                  <a14:useLocalDpi xmlns:a14="http://schemas.microsoft.com/office/drawing/2010/main" val="0"/>
                </a:ext>
              </a:extLst>
            </a:blip>
            <a:srcRect/>
            <a:stretch>
              <a:fillRect/>
            </a:stretch>
          </p:blipFill>
          <p:spPr bwMode="auto">
            <a:xfrm>
              <a:off x="2932470" y="4111647"/>
              <a:ext cx="951432" cy="540268"/>
            </a:xfrm>
            <a:prstGeom prst="rect">
              <a:avLst/>
            </a:prstGeom>
            <a:noFill/>
          </p:spPr>
        </p:pic>
        <p:pic>
          <p:nvPicPr>
            <p:cNvPr id="144" name="Picture 12" descr="http://photos.prnewswire.com/prnfull/20130531/PH23900LOGO">
              <a:extLst>
                <a:ext uri="{FF2B5EF4-FFF2-40B4-BE49-F238E27FC236}">
                  <a16:creationId xmlns:a16="http://schemas.microsoft.com/office/drawing/2014/main" id="{3C191EDC-69DD-38EC-9B47-B6E0AF70456B}"/>
                </a:ext>
              </a:extLst>
            </p:cNvPr>
            <p:cNvPicPr>
              <a:picLocks noChangeAspect="1" noChangeArrowheads="1"/>
            </p:cNvPicPr>
            <p:nvPr/>
          </p:nvPicPr>
          <p:blipFill>
            <a:blip r:embed="rId42" cstate="screen">
              <a:extLst>
                <a:ext uri="{28A0092B-C50C-407E-A947-70E740481C1C}">
                  <a14:useLocalDpi xmlns:a14="http://schemas.microsoft.com/office/drawing/2010/main" val="0"/>
                </a:ext>
              </a:extLst>
            </a:blip>
            <a:srcRect/>
            <a:stretch>
              <a:fillRect/>
            </a:stretch>
          </p:blipFill>
          <p:spPr bwMode="auto">
            <a:xfrm>
              <a:off x="6960818" y="4277780"/>
              <a:ext cx="1175563" cy="225851"/>
            </a:xfrm>
            <a:prstGeom prst="rect">
              <a:avLst/>
            </a:prstGeom>
            <a:noFill/>
          </p:spPr>
        </p:pic>
        <p:pic>
          <p:nvPicPr>
            <p:cNvPr id="145" name="Picture 144">
              <a:extLst>
                <a:ext uri="{FF2B5EF4-FFF2-40B4-BE49-F238E27FC236}">
                  <a16:creationId xmlns:a16="http://schemas.microsoft.com/office/drawing/2014/main" id="{864F854B-11AB-AC4E-3F25-5E68EF8ADCC2}"/>
                </a:ext>
              </a:extLst>
            </p:cNvPr>
            <p:cNvPicPr>
              <a:picLocks noChangeAspect="1"/>
            </p:cNvPicPr>
            <p:nvPr/>
          </p:nvPicPr>
          <p:blipFill rotWithShape="1">
            <a:blip r:embed="rId43" cstate="screen">
              <a:extLst>
                <a:ext uri="{28A0092B-C50C-407E-A947-70E740481C1C}">
                  <a14:useLocalDpi xmlns:a14="http://schemas.microsoft.com/office/drawing/2010/main" val="0"/>
                </a:ext>
              </a:extLst>
            </a:blip>
            <a:srcRect/>
            <a:stretch/>
          </p:blipFill>
          <p:spPr>
            <a:xfrm>
              <a:off x="9643624" y="4227918"/>
              <a:ext cx="788217" cy="325574"/>
            </a:xfrm>
            <a:prstGeom prst="rect">
              <a:avLst/>
            </a:prstGeom>
          </p:spPr>
        </p:pic>
        <p:grpSp>
          <p:nvGrpSpPr>
            <p:cNvPr id="146" name="Graphic 117">
              <a:extLst>
                <a:ext uri="{FF2B5EF4-FFF2-40B4-BE49-F238E27FC236}">
                  <a16:creationId xmlns:a16="http://schemas.microsoft.com/office/drawing/2014/main" id="{D141AD6D-1FCA-B997-0926-BCF473012655}"/>
                </a:ext>
              </a:extLst>
            </p:cNvPr>
            <p:cNvGrpSpPr/>
            <p:nvPr/>
          </p:nvGrpSpPr>
          <p:grpSpPr>
            <a:xfrm>
              <a:off x="5611882" y="4285011"/>
              <a:ext cx="1165070" cy="215394"/>
              <a:chOff x="5611882" y="4285011"/>
              <a:chExt cx="1165070" cy="215394"/>
            </a:xfrm>
            <a:solidFill>
              <a:srgbClr val="FD0702"/>
            </a:solidFill>
          </p:grpSpPr>
          <p:sp>
            <p:nvSpPr>
              <p:cNvPr id="160" name="Freeform: Shape 159">
                <a:extLst>
                  <a:ext uri="{FF2B5EF4-FFF2-40B4-BE49-F238E27FC236}">
                    <a16:creationId xmlns:a16="http://schemas.microsoft.com/office/drawing/2014/main" id="{9F4B4970-4F32-43D0-56E3-B457F9455BD9}"/>
                  </a:ext>
                </a:extLst>
              </p:cNvPr>
              <p:cNvSpPr/>
              <p:nvPr/>
            </p:nvSpPr>
            <p:spPr>
              <a:xfrm>
                <a:off x="5611882" y="4285011"/>
                <a:ext cx="1123101" cy="215394"/>
              </a:xfrm>
              <a:custGeom>
                <a:avLst/>
                <a:gdLst>
                  <a:gd name="connsiteX0" fmla="*/ 145378 w 1123101"/>
                  <a:gd name="connsiteY0" fmla="*/ 153456 h 215394"/>
                  <a:gd name="connsiteX1" fmla="*/ 156147 w 1123101"/>
                  <a:gd name="connsiteY1" fmla="*/ 107237 h 215394"/>
                  <a:gd name="connsiteX2" fmla="*/ 165122 w 1123101"/>
                  <a:gd name="connsiteY2" fmla="*/ 153456 h 215394"/>
                  <a:gd name="connsiteX3" fmla="*/ 62371 w 1123101"/>
                  <a:gd name="connsiteY3" fmla="*/ 112624 h 215394"/>
                  <a:gd name="connsiteX4" fmla="*/ 41283 w 1123101"/>
                  <a:gd name="connsiteY4" fmla="*/ 139544 h 215394"/>
                  <a:gd name="connsiteX5" fmla="*/ 41283 w 1123101"/>
                  <a:gd name="connsiteY5" fmla="*/ 100060 h 215394"/>
                  <a:gd name="connsiteX6" fmla="*/ 50704 w 1123101"/>
                  <a:gd name="connsiteY6" fmla="*/ 98266 h 215394"/>
                  <a:gd name="connsiteX7" fmla="*/ 62371 w 1123101"/>
                  <a:gd name="connsiteY7" fmla="*/ 112624 h 215394"/>
                  <a:gd name="connsiteX8" fmla="*/ 385880 w 1123101"/>
                  <a:gd name="connsiteY8" fmla="*/ 144927 h 215394"/>
                  <a:gd name="connsiteX9" fmla="*/ 398443 w 1123101"/>
                  <a:gd name="connsiteY9" fmla="*/ 88394 h 215394"/>
                  <a:gd name="connsiteX10" fmla="*/ 410080 w 1123101"/>
                  <a:gd name="connsiteY10" fmla="*/ 144927 h 215394"/>
                  <a:gd name="connsiteX11" fmla="*/ 280437 w 1123101"/>
                  <a:gd name="connsiteY11" fmla="*/ 64165 h 215394"/>
                  <a:gd name="connsiteX12" fmla="*/ 298834 w 1123101"/>
                  <a:gd name="connsiteY12" fmla="*/ 83458 h 215394"/>
                  <a:gd name="connsiteX13" fmla="*/ 277295 w 1123101"/>
                  <a:gd name="connsiteY13" fmla="*/ 111727 h 215394"/>
                  <a:gd name="connsiteX14" fmla="*/ 277295 w 1123101"/>
                  <a:gd name="connsiteY14" fmla="*/ 64165 h 215394"/>
                  <a:gd name="connsiteX15" fmla="*/ 1071480 w 1123101"/>
                  <a:gd name="connsiteY15" fmla="*/ 107911 h 215394"/>
                  <a:gd name="connsiteX16" fmla="*/ 1079447 w 1123101"/>
                  <a:gd name="connsiteY16" fmla="*/ 101854 h 215394"/>
                  <a:gd name="connsiteX17" fmla="*/ 1116347 w 1123101"/>
                  <a:gd name="connsiteY17" fmla="*/ 119795 h 215394"/>
                  <a:gd name="connsiteX18" fmla="*/ 1116347 w 1123101"/>
                  <a:gd name="connsiteY18" fmla="*/ 79870 h 215394"/>
                  <a:gd name="connsiteX19" fmla="*/ 1071863 w 1123101"/>
                  <a:gd name="connsiteY19" fmla="*/ 65100 h 215394"/>
                  <a:gd name="connsiteX20" fmla="*/ 1027957 w 1123101"/>
                  <a:gd name="connsiteY20" fmla="*/ 108459 h 215394"/>
                  <a:gd name="connsiteX21" fmla="*/ 1079554 w 1123101"/>
                  <a:gd name="connsiteY21" fmla="*/ 170873 h 215394"/>
                  <a:gd name="connsiteX22" fmla="*/ 1069260 w 1123101"/>
                  <a:gd name="connsiteY22" fmla="*/ 178146 h 215394"/>
                  <a:gd name="connsiteX23" fmla="*/ 1027957 w 1123101"/>
                  <a:gd name="connsiteY23" fmla="*/ 161544 h 215394"/>
                  <a:gd name="connsiteX24" fmla="*/ 1027957 w 1123101"/>
                  <a:gd name="connsiteY24" fmla="*/ 203728 h 215394"/>
                  <a:gd name="connsiteX25" fmla="*/ 1074021 w 1123101"/>
                  <a:gd name="connsiteY25" fmla="*/ 215395 h 215394"/>
                  <a:gd name="connsiteX26" fmla="*/ 1123101 w 1123101"/>
                  <a:gd name="connsiteY26" fmla="*/ 170262 h 215394"/>
                  <a:gd name="connsiteX27" fmla="*/ 1071480 w 1123101"/>
                  <a:gd name="connsiteY27" fmla="*/ 107911 h 215394"/>
                  <a:gd name="connsiteX28" fmla="*/ 105894 w 1123101"/>
                  <a:gd name="connsiteY28" fmla="*/ 106791 h 215394"/>
                  <a:gd name="connsiteX29" fmla="*/ 58782 w 1123101"/>
                  <a:gd name="connsiteY29" fmla="*/ 61022 h 215394"/>
                  <a:gd name="connsiteX30" fmla="*/ 0 w 1123101"/>
                  <a:gd name="connsiteY30" fmla="*/ 76277 h 215394"/>
                  <a:gd name="connsiteX31" fmla="*/ 0 w 1123101"/>
                  <a:gd name="connsiteY31" fmla="*/ 211336 h 215394"/>
                  <a:gd name="connsiteX32" fmla="*/ 41283 w 1123101"/>
                  <a:gd name="connsiteY32" fmla="*/ 211336 h 215394"/>
                  <a:gd name="connsiteX33" fmla="*/ 41283 w 1123101"/>
                  <a:gd name="connsiteY33" fmla="*/ 179028 h 215394"/>
                  <a:gd name="connsiteX34" fmla="*/ 105894 w 1123101"/>
                  <a:gd name="connsiteY34" fmla="*/ 106791 h 215394"/>
                  <a:gd name="connsiteX35" fmla="*/ 664513 w 1123101"/>
                  <a:gd name="connsiteY35" fmla="*/ 53381 h 215394"/>
                  <a:gd name="connsiteX36" fmla="*/ 692336 w 1123101"/>
                  <a:gd name="connsiteY36" fmla="*/ 107688 h 215394"/>
                  <a:gd name="connsiteX37" fmla="*/ 664513 w 1123101"/>
                  <a:gd name="connsiteY37" fmla="*/ 161994 h 215394"/>
                  <a:gd name="connsiteX38" fmla="*/ 636695 w 1123101"/>
                  <a:gd name="connsiteY38" fmla="*/ 107688 h 215394"/>
                  <a:gd name="connsiteX39" fmla="*/ 664513 w 1123101"/>
                  <a:gd name="connsiteY39" fmla="*/ 53381 h 215394"/>
                  <a:gd name="connsiteX40" fmla="*/ 84801 w 1123101"/>
                  <a:gd name="connsiteY40" fmla="*/ 211336 h 215394"/>
                  <a:gd name="connsiteX41" fmla="*/ 128770 w 1123101"/>
                  <a:gd name="connsiteY41" fmla="*/ 211336 h 215394"/>
                  <a:gd name="connsiteX42" fmla="*/ 135074 w 1123101"/>
                  <a:gd name="connsiteY42" fmla="*/ 189352 h 215394"/>
                  <a:gd name="connsiteX43" fmla="*/ 173195 w 1123101"/>
                  <a:gd name="connsiteY43" fmla="*/ 189352 h 215394"/>
                  <a:gd name="connsiteX44" fmla="*/ 178582 w 1123101"/>
                  <a:gd name="connsiteY44" fmla="*/ 211336 h 215394"/>
                  <a:gd name="connsiteX45" fmla="*/ 224797 w 1123101"/>
                  <a:gd name="connsiteY45" fmla="*/ 211336 h 215394"/>
                  <a:gd name="connsiteX46" fmla="*/ 177685 w 1123101"/>
                  <a:gd name="connsiteY46" fmla="*/ 34102 h 215394"/>
                  <a:gd name="connsiteX47" fmla="*/ 138201 w 1123101"/>
                  <a:gd name="connsiteY47" fmla="*/ 40832 h 215394"/>
                  <a:gd name="connsiteX48" fmla="*/ 929691 w 1123101"/>
                  <a:gd name="connsiteY48" fmla="*/ 32754 h 215394"/>
                  <a:gd name="connsiteX49" fmla="*/ 896937 w 1123101"/>
                  <a:gd name="connsiteY49" fmla="*/ 27372 h 215394"/>
                  <a:gd name="connsiteX50" fmla="*/ 896937 w 1123101"/>
                  <a:gd name="connsiteY50" fmla="*/ 211336 h 215394"/>
                  <a:gd name="connsiteX51" fmla="*/ 939122 w 1123101"/>
                  <a:gd name="connsiteY51" fmla="*/ 211336 h 215394"/>
                  <a:gd name="connsiteX52" fmla="*/ 939122 w 1123101"/>
                  <a:gd name="connsiteY52" fmla="*/ 135505 h 215394"/>
                  <a:gd name="connsiteX53" fmla="*/ 983988 w 1123101"/>
                  <a:gd name="connsiteY53" fmla="*/ 211336 h 215394"/>
                  <a:gd name="connsiteX54" fmla="*/ 1016296 w 1123101"/>
                  <a:gd name="connsiteY54" fmla="*/ 211336 h 215394"/>
                  <a:gd name="connsiteX55" fmla="*/ 1016296 w 1123101"/>
                  <a:gd name="connsiteY55" fmla="*/ 50704 h 215394"/>
                  <a:gd name="connsiteX56" fmla="*/ 975915 w 1123101"/>
                  <a:gd name="connsiteY56" fmla="*/ 41729 h 215394"/>
                  <a:gd name="connsiteX57" fmla="*/ 975915 w 1123101"/>
                  <a:gd name="connsiteY57" fmla="*/ 120702 h 215394"/>
                  <a:gd name="connsiteX58" fmla="*/ 345945 w 1123101"/>
                  <a:gd name="connsiteY58" fmla="*/ 79419 h 215394"/>
                  <a:gd name="connsiteX59" fmla="*/ 279516 w 1123101"/>
                  <a:gd name="connsiteY59" fmla="*/ 19293 h 215394"/>
                  <a:gd name="connsiteX60" fmla="*/ 230610 w 1123101"/>
                  <a:gd name="connsiteY60" fmla="*/ 26024 h 215394"/>
                  <a:gd name="connsiteX61" fmla="*/ 230610 w 1123101"/>
                  <a:gd name="connsiteY61" fmla="*/ 211336 h 215394"/>
                  <a:gd name="connsiteX62" fmla="*/ 277300 w 1123101"/>
                  <a:gd name="connsiteY62" fmla="*/ 211336 h 215394"/>
                  <a:gd name="connsiteX63" fmla="*/ 277300 w 1123101"/>
                  <a:gd name="connsiteY63" fmla="*/ 161510 h 215394"/>
                  <a:gd name="connsiteX64" fmla="*/ 345945 w 1123101"/>
                  <a:gd name="connsiteY64" fmla="*/ 79419 h 215394"/>
                  <a:gd name="connsiteX65" fmla="*/ 800916 w 1123101"/>
                  <a:gd name="connsiteY65" fmla="*/ 96021 h 215394"/>
                  <a:gd name="connsiteX66" fmla="*/ 800916 w 1123101"/>
                  <a:gd name="connsiteY66" fmla="*/ 15705 h 215394"/>
                  <a:gd name="connsiteX67" fmla="*/ 753804 w 1123101"/>
                  <a:gd name="connsiteY67" fmla="*/ 10769 h 215394"/>
                  <a:gd name="connsiteX68" fmla="*/ 753804 w 1123101"/>
                  <a:gd name="connsiteY68" fmla="*/ 211336 h 215394"/>
                  <a:gd name="connsiteX69" fmla="*/ 800916 w 1123101"/>
                  <a:gd name="connsiteY69" fmla="*/ 211336 h 215394"/>
                  <a:gd name="connsiteX70" fmla="*/ 800916 w 1123101"/>
                  <a:gd name="connsiteY70" fmla="*/ 139544 h 215394"/>
                  <a:gd name="connsiteX71" fmla="*/ 831875 w 1123101"/>
                  <a:gd name="connsiteY71" fmla="*/ 139544 h 215394"/>
                  <a:gd name="connsiteX72" fmla="*/ 831875 w 1123101"/>
                  <a:gd name="connsiteY72" fmla="*/ 211336 h 215394"/>
                  <a:gd name="connsiteX73" fmla="*/ 878991 w 1123101"/>
                  <a:gd name="connsiteY73" fmla="*/ 211336 h 215394"/>
                  <a:gd name="connsiteX74" fmla="*/ 878991 w 1123101"/>
                  <a:gd name="connsiteY74" fmla="*/ 25141 h 215394"/>
                  <a:gd name="connsiteX75" fmla="*/ 831875 w 1123101"/>
                  <a:gd name="connsiteY75" fmla="*/ 18862 h 215394"/>
                  <a:gd name="connsiteX76" fmla="*/ 831875 w 1123101"/>
                  <a:gd name="connsiteY76" fmla="*/ 96021 h 215394"/>
                  <a:gd name="connsiteX77" fmla="*/ 319911 w 1123101"/>
                  <a:gd name="connsiteY77" fmla="*/ 211336 h 215394"/>
                  <a:gd name="connsiteX78" fmla="*/ 368371 w 1123101"/>
                  <a:gd name="connsiteY78" fmla="*/ 211336 h 215394"/>
                  <a:gd name="connsiteX79" fmla="*/ 375547 w 1123101"/>
                  <a:gd name="connsiteY79" fmla="*/ 183518 h 215394"/>
                  <a:gd name="connsiteX80" fmla="*/ 419080 w 1123101"/>
                  <a:gd name="connsiteY80" fmla="*/ 183518 h 215394"/>
                  <a:gd name="connsiteX81" fmla="*/ 427158 w 1123101"/>
                  <a:gd name="connsiteY81" fmla="*/ 211336 h 215394"/>
                  <a:gd name="connsiteX82" fmla="*/ 476514 w 1123101"/>
                  <a:gd name="connsiteY82" fmla="*/ 211336 h 215394"/>
                  <a:gd name="connsiteX83" fmla="*/ 420874 w 1123101"/>
                  <a:gd name="connsiteY83" fmla="*/ 7627 h 215394"/>
                  <a:gd name="connsiteX84" fmla="*/ 379150 w 1123101"/>
                  <a:gd name="connsiteY84" fmla="*/ 10323 h 215394"/>
                  <a:gd name="connsiteX85" fmla="*/ 527204 w 1123101"/>
                  <a:gd name="connsiteY85" fmla="*/ 153456 h 215394"/>
                  <a:gd name="connsiteX86" fmla="*/ 511503 w 1123101"/>
                  <a:gd name="connsiteY86" fmla="*/ 169607 h 215394"/>
                  <a:gd name="connsiteX87" fmla="*/ 495347 w 1123101"/>
                  <a:gd name="connsiteY87" fmla="*/ 166019 h 215394"/>
                  <a:gd name="connsiteX88" fmla="*/ 495347 w 1123101"/>
                  <a:gd name="connsiteY88" fmla="*/ 211782 h 215394"/>
                  <a:gd name="connsiteX89" fmla="*/ 521822 w 1123101"/>
                  <a:gd name="connsiteY89" fmla="*/ 215375 h 215394"/>
                  <a:gd name="connsiteX90" fmla="*/ 575644 w 1123101"/>
                  <a:gd name="connsiteY90" fmla="*/ 156593 h 215394"/>
                  <a:gd name="connsiteX91" fmla="*/ 575644 w 1123101"/>
                  <a:gd name="connsiteY91" fmla="*/ 3142 h 215394"/>
                  <a:gd name="connsiteX92" fmla="*/ 527184 w 1123101"/>
                  <a:gd name="connsiteY92" fmla="*/ 3142 h 215394"/>
                  <a:gd name="connsiteX93" fmla="*/ 664503 w 1123101"/>
                  <a:gd name="connsiteY93" fmla="*/ 215375 h 215394"/>
                  <a:gd name="connsiteX94" fmla="*/ 742128 w 1123101"/>
                  <a:gd name="connsiteY94" fmla="*/ 107688 h 215394"/>
                  <a:gd name="connsiteX95" fmla="*/ 663160 w 1123101"/>
                  <a:gd name="connsiteY95" fmla="*/ 0 h 215394"/>
                  <a:gd name="connsiteX96" fmla="*/ 586883 w 1123101"/>
                  <a:gd name="connsiteY96" fmla="*/ 107688 h 215394"/>
                  <a:gd name="connsiteX97" fmla="*/ 664513 w 1123101"/>
                  <a:gd name="connsiteY97" fmla="*/ 215375 h 21539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Lst>
                <a:rect l="l" t="t" r="r" b="b"/>
                <a:pathLst>
                  <a:path w="1123101" h="215394">
                    <a:moveTo>
                      <a:pt x="145378" y="153456"/>
                    </a:moveTo>
                    <a:lnTo>
                      <a:pt x="156147" y="107237"/>
                    </a:lnTo>
                    <a:lnTo>
                      <a:pt x="165122" y="153456"/>
                    </a:lnTo>
                    <a:close/>
                    <a:moveTo>
                      <a:pt x="62371" y="112624"/>
                    </a:moveTo>
                    <a:cubicBezTo>
                      <a:pt x="62371" y="125633"/>
                      <a:pt x="56988" y="134608"/>
                      <a:pt x="41283" y="139544"/>
                    </a:cubicBezTo>
                    <a:lnTo>
                      <a:pt x="41283" y="100060"/>
                    </a:lnTo>
                    <a:cubicBezTo>
                      <a:pt x="44425" y="99163"/>
                      <a:pt x="47586" y="98266"/>
                      <a:pt x="50704" y="98266"/>
                    </a:cubicBezTo>
                    <a:cubicBezTo>
                      <a:pt x="59228" y="98266"/>
                      <a:pt x="62371" y="104996"/>
                      <a:pt x="62371" y="112624"/>
                    </a:cubicBezTo>
                    <a:close/>
                    <a:moveTo>
                      <a:pt x="385880" y="144927"/>
                    </a:moveTo>
                    <a:lnTo>
                      <a:pt x="398443" y="88394"/>
                    </a:lnTo>
                    <a:lnTo>
                      <a:pt x="410080" y="144927"/>
                    </a:lnTo>
                    <a:close/>
                    <a:moveTo>
                      <a:pt x="280437" y="64165"/>
                    </a:moveTo>
                    <a:cubicBezTo>
                      <a:pt x="293897" y="64165"/>
                      <a:pt x="298834" y="71346"/>
                      <a:pt x="298834" y="83458"/>
                    </a:cubicBezTo>
                    <a:cubicBezTo>
                      <a:pt x="298834" y="96472"/>
                      <a:pt x="292103" y="107702"/>
                      <a:pt x="277295" y="111727"/>
                    </a:cubicBezTo>
                    <a:lnTo>
                      <a:pt x="277295" y="64165"/>
                    </a:lnTo>
                    <a:close/>
                    <a:moveTo>
                      <a:pt x="1071480" y="107911"/>
                    </a:moveTo>
                    <a:cubicBezTo>
                      <a:pt x="1071480" y="104032"/>
                      <a:pt x="1074307" y="101854"/>
                      <a:pt x="1079447" y="101854"/>
                    </a:cubicBezTo>
                    <a:cubicBezTo>
                      <a:pt x="1088980" y="101854"/>
                      <a:pt x="1105771" y="111790"/>
                      <a:pt x="1116347" y="119795"/>
                    </a:cubicBezTo>
                    <a:lnTo>
                      <a:pt x="1116347" y="79870"/>
                    </a:lnTo>
                    <a:cubicBezTo>
                      <a:pt x="1103774" y="71258"/>
                      <a:pt x="1088645" y="65100"/>
                      <a:pt x="1071863" y="65100"/>
                    </a:cubicBezTo>
                    <a:cubicBezTo>
                      <a:pt x="1044797" y="65100"/>
                      <a:pt x="1027957" y="81131"/>
                      <a:pt x="1027957" y="108459"/>
                    </a:cubicBezTo>
                    <a:cubicBezTo>
                      <a:pt x="1027957" y="155070"/>
                      <a:pt x="1079554" y="155259"/>
                      <a:pt x="1079554" y="170873"/>
                    </a:cubicBezTo>
                    <a:cubicBezTo>
                      <a:pt x="1079554" y="175615"/>
                      <a:pt x="1076717" y="178146"/>
                      <a:pt x="1069260" y="178146"/>
                    </a:cubicBezTo>
                    <a:cubicBezTo>
                      <a:pt x="1054025" y="178146"/>
                      <a:pt x="1034479" y="167798"/>
                      <a:pt x="1027957" y="161544"/>
                    </a:cubicBezTo>
                    <a:lnTo>
                      <a:pt x="1027957" y="203728"/>
                    </a:lnTo>
                    <a:cubicBezTo>
                      <a:pt x="1040380" y="211050"/>
                      <a:pt x="1058461" y="215395"/>
                      <a:pt x="1074021" y="215395"/>
                    </a:cubicBezTo>
                    <a:cubicBezTo>
                      <a:pt x="1105223" y="215395"/>
                      <a:pt x="1123101" y="198012"/>
                      <a:pt x="1123101" y="170262"/>
                    </a:cubicBezTo>
                    <a:cubicBezTo>
                      <a:pt x="1123077" y="124823"/>
                      <a:pt x="1071480" y="122685"/>
                      <a:pt x="1071480" y="107911"/>
                    </a:cubicBezTo>
                    <a:close/>
                    <a:moveTo>
                      <a:pt x="105894" y="106791"/>
                    </a:moveTo>
                    <a:cubicBezTo>
                      <a:pt x="105894" y="74037"/>
                      <a:pt x="85703" y="61022"/>
                      <a:pt x="58782" y="61022"/>
                    </a:cubicBezTo>
                    <a:cubicBezTo>
                      <a:pt x="40842" y="61022"/>
                      <a:pt x="19744" y="66841"/>
                      <a:pt x="0" y="76277"/>
                    </a:cubicBezTo>
                    <a:lnTo>
                      <a:pt x="0" y="211336"/>
                    </a:lnTo>
                    <a:lnTo>
                      <a:pt x="41283" y="211336"/>
                    </a:lnTo>
                    <a:lnTo>
                      <a:pt x="41283" y="179028"/>
                    </a:lnTo>
                    <a:cubicBezTo>
                      <a:pt x="75831" y="172298"/>
                      <a:pt x="105894" y="146275"/>
                      <a:pt x="105894" y="106791"/>
                    </a:cubicBezTo>
                    <a:close/>
                    <a:moveTo>
                      <a:pt x="664513" y="53381"/>
                    </a:moveTo>
                    <a:cubicBezTo>
                      <a:pt x="683360" y="53381"/>
                      <a:pt x="692336" y="73125"/>
                      <a:pt x="692336" y="107688"/>
                    </a:cubicBezTo>
                    <a:cubicBezTo>
                      <a:pt x="692336" y="142250"/>
                      <a:pt x="683360" y="161994"/>
                      <a:pt x="664513" y="161994"/>
                    </a:cubicBezTo>
                    <a:cubicBezTo>
                      <a:pt x="645666" y="161994"/>
                      <a:pt x="636695" y="142250"/>
                      <a:pt x="636695" y="107688"/>
                    </a:cubicBezTo>
                    <a:cubicBezTo>
                      <a:pt x="636695" y="73125"/>
                      <a:pt x="645670" y="53381"/>
                      <a:pt x="664513" y="53381"/>
                    </a:cubicBezTo>
                    <a:close/>
                    <a:moveTo>
                      <a:pt x="84801" y="211336"/>
                    </a:moveTo>
                    <a:lnTo>
                      <a:pt x="128770" y="211336"/>
                    </a:lnTo>
                    <a:lnTo>
                      <a:pt x="135074" y="189352"/>
                    </a:lnTo>
                    <a:lnTo>
                      <a:pt x="173195" y="189352"/>
                    </a:lnTo>
                    <a:lnTo>
                      <a:pt x="178582" y="211336"/>
                    </a:lnTo>
                    <a:lnTo>
                      <a:pt x="224797" y="211336"/>
                    </a:lnTo>
                    <a:lnTo>
                      <a:pt x="177685" y="34102"/>
                    </a:lnTo>
                    <a:cubicBezTo>
                      <a:pt x="164225" y="35450"/>
                      <a:pt x="149417" y="37690"/>
                      <a:pt x="138201" y="40832"/>
                    </a:cubicBezTo>
                    <a:close/>
                    <a:moveTo>
                      <a:pt x="929691" y="32754"/>
                    </a:moveTo>
                    <a:cubicBezTo>
                      <a:pt x="918475" y="30514"/>
                      <a:pt x="905932" y="28269"/>
                      <a:pt x="896937" y="27372"/>
                    </a:cubicBezTo>
                    <a:lnTo>
                      <a:pt x="896937" y="211336"/>
                    </a:lnTo>
                    <a:lnTo>
                      <a:pt x="939122" y="211336"/>
                    </a:lnTo>
                    <a:lnTo>
                      <a:pt x="939122" y="135505"/>
                    </a:lnTo>
                    <a:lnTo>
                      <a:pt x="983988" y="211336"/>
                    </a:lnTo>
                    <a:lnTo>
                      <a:pt x="1016296" y="211336"/>
                    </a:lnTo>
                    <a:lnTo>
                      <a:pt x="1016296" y="50704"/>
                    </a:lnTo>
                    <a:cubicBezTo>
                      <a:pt x="1002835" y="47116"/>
                      <a:pt x="989821" y="44401"/>
                      <a:pt x="975915" y="41729"/>
                    </a:cubicBezTo>
                    <a:lnTo>
                      <a:pt x="975915" y="120702"/>
                    </a:lnTo>
                    <a:close/>
                    <a:moveTo>
                      <a:pt x="345945" y="79419"/>
                    </a:moveTo>
                    <a:cubicBezTo>
                      <a:pt x="345945" y="40832"/>
                      <a:pt x="324406" y="19293"/>
                      <a:pt x="279516" y="19293"/>
                    </a:cubicBezTo>
                    <a:cubicBezTo>
                      <a:pt x="265158" y="19293"/>
                      <a:pt x="245865" y="21538"/>
                      <a:pt x="230610" y="26024"/>
                    </a:cubicBezTo>
                    <a:lnTo>
                      <a:pt x="230610" y="211336"/>
                    </a:lnTo>
                    <a:lnTo>
                      <a:pt x="277300" y="211336"/>
                    </a:lnTo>
                    <a:lnTo>
                      <a:pt x="277300" y="161510"/>
                    </a:lnTo>
                    <a:cubicBezTo>
                      <a:pt x="316779" y="149417"/>
                      <a:pt x="345945" y="120702"/>
                      <a:pt x="345945" y="79419"/>
                    </a:cubicBezTo>
                    <a:close/>
                    <a:moveTo>
                      <a:pt x="800916" y="96021"/>
                    </a:moveTo>
                    <a:lnTo>
                      <a:pt x="800916" y="15705"/>
                    </a:lnTo>
                    <a:cubicBezTo>
                      <a:pt x="789254" y="13460"/>
                      <a:pt x="765471" y="11220"/>
                      <a:pt x="753804" y="10769"/>
                    </a:cubicBezTo>
                    <a:lnTo>
                      <a:pt x="753804" y="211336"/>
                    </a:lnTo>
                    <a:lnTo>
                      <a:pt x="800916" y="211336"/>
                    </a:lnTo>
                    <a:lnTo>
                      <a:pt x="800916" y="139544"/>
                    </a:lnTo>
                    <a:lnTo>
                      <a:pt x="831875" y="139544"/>
                    </a:lnTo>
                    <a:lnTo>
                      <a:pt x="831875" y="211336"/>
                    </a:lnTo>
                    <a:lnTo>
                      <a:pt x="878991" y="211336"/>
                    </a:lnTo>
                    <a:lnTo>
                      <a:pt x="878991" y="25141"/>
                    </a:lnTo>
                    <a:cubicBezTo>
                      <a:pt x="864183" y="22450"/>
                      <a:pt x="846238" y="20205"/>
                      <a:pt x="831875" y="18862"/>
                    </a:cubicBezTo>
                    <a:lnTo>
                      <a:pt x="831875" y="96021"/>
                    </a:lnTo>
                    <a:close/>
                    <a:moveTo>
                      <a:pt x="319911" y="211336"/>
                    </a:moveTo>
                    <a:lnTo>
                      <a:pt x="368371" y="211336"/>
                    </a:lnTo>
                    <a:lnTo>
                      <a:pt x="375547" y="183518"/>
                    </a:lnTo>
                    <a:lnTo>
                      <a:pt x="419080" y="183518"/>
                    </a:lnTo>
                    <a:lnTo>
                      <a:pt x="427158" y="211336"/>
                    </a:lnTo>
                    <a:lnTo>
                      <a:pt x="476514" y="211336"/>
                    </a:lnTo>
                    <a:lnTo>
                      <a:pt x="420874" y="7627"/>
                    </a:lnTo>
                    <a:cubicBezTo>
                      <a:pt x="409207" y="7627"/>
                      <a:pt x="389914" y="8975"/>
                      <a:pt x="379150" y="10323"/>
                    </a:cubicBezTo>
                    <a:close/>
                    <a:moveTo>
                      <a:pt x="527204" y="153456"/>
                    </a:moveTo>
                    <a:cubicBezTo>
                      <a:pt x="527204" y="164671"/>
                      <a:pt x="520900" y="169607"/>
                      <a:pt x="511503" y="169607"/>
                    </a:cubicBezTo>
                    <a:cubicBezTo>
                      <a:pt x="506567" y="169607"/>
                      <a:pt x="501180" y="168259"/>
                      <a:pt x="495347" y="166019"/>
                    </a:cubicBezTo>
                    <a:lnTo>
                      <a:pt x="495347" y="211782"/>
                    </a:lnTo>
                    <a:cubicBezTo>
                      <a:pt x="504773" y="214924"/>
                      <a:pt x="511949" y="215375"/>
                      <a:pt x="521822" y="215375"/>
                    </a:cubicBezTo>
                    <a:cubicBezTo>
                      <a:pt x="549193" y="215375"/>
                      <a:pt x="575644" y="201464"/>
                      <a:pt x="575644" y="156593"/>
                    </a:cubicBezTo>
                    <a:lnTo>
                      <a:pt x="575644" y="3142"/>
                    </a:lnTo>
                    <a:cubicBezTo>
                      <a:pt x="562183" y="2245"/>
                      <a:pt x="540650" y="2245"/>
                      <a:pt x="527184" y="3142"/>
                    </a:cubicBezTo>
                    <a:close/>
                    <a:moveTo>
                      <a:pt x="664503" y="215375"/>
                    </a:moveTo>
                    <a:cubicBezTo>
                      <a:pt x="712507" y="215375"/>
                      <a:pt x="742128" y="173190"/>
                      <a:pt x="742128" y="107688"/>
                    </a:cubicBezTo>
                    <a:cubicBezTo>
                      <a:pt x="742128" y="48013"/>
                      <a:pt x="716556" y="0"/>
                      <a:pt x="663160" y="0"/>
                    </a:cubicBezTo>
                    <a:cubicBezTo>
                      <a:pt x="616049" y="0"/>
                      <a:pt x="586883" y="43077"/>
                      <a:pt x="586883" y="107688"/>
                    </a:cubicBezTo>
                    <a:cubicBezTo>
                      <a:pt x="586893" y="177685"/>
                      <a:pt x="616505" y="215375"/>
                      <a:pt x="664513" y="215375"/>
                    </a:cubicBezTo>
                    <a:close/>
                  </a:path>
                </a:pathLst>
              </a:custGeom>
              <a:solidFill>
                <a:srgbClr val="FD0702"/>
              </a:solidFill>
              <a:ln w="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61" name="Freeform: Shape 160">
                <a:extLst>
                  <a:ext uri="{FF2B5EF4-FFF2-40B4-BE49-F238E27FC236}">
                    <a16:creationId xmlns:a16="http://schemas.microsoft.com/office/drawing/2014/main" id="{74BB25F5-2C08-0113-3AA3-D0529261503D}"/>
                  </a:ext>
                </a:extLst>
              </p:cNvPr>
              <p:cNvSpPr/>
              <p:nvPr/>
            </p:nvSpPr>
            <p:spPr>
              <a:xfrm>
                <a:off x="6738839" y="4374330"/>
                <a:ext cx="38113" cy="37308"/>
              </a:xfrm>
              <a:custGeom>
                <a:avLst/>
                <a:gdLst>
                  <a:gd name="connsiteX0" fmla="*/ 38111 w 38113"/>
                  <a:gd name="connsiteY0" fmla="*/ 18615 h 37308"/>
                  <a:gd name="connsiteX1" fmla="*/ 32530 w 38113"/>
                  <a:gd name="connsiteY1" fmla="*/ 31853 h 37308"/>
                  <a:gd name="connsiteX2" fmla="*/ 5536 w 38113"/>
                  <a:gd name="connsiteY2" fmla="*/ 31891 h 37308"/>
                  <a:gd name="connsiteX3" fmla="*/ 5299 w 38113"/>
                  <a:gd name="connsiteY3" fmla="*/ 5732 h 37308"/>
                  <a:gd name="connsiteX4" fmla="*/ 5575 w 38113"/>
                  <a:gd name="connsiteY4" fmla="*/ 5456 h 37308"/>
                  <a:gd name="connsiteX5" fmla="*/ 32530 w 38113"/>
                  <a:gd name="connsiteY5" fmla="*/ 5417 h 37308"/>
                  <a:gd name="connsiteX6" fmla="*/ 38111 w 38113"/>
                  <a:gd name="connsiteY6" fmla="*/ 18615 h 37308"/>
                  <a:gd name="connsiteX7" fmla="*/ 35861 w 38113"/>
                  <a:gd name="connsiteY7" fmla="*/ 18693 h 37308"/>
                  <a:gd name="connsiteX8" fmla="*/ 31012 w 38113"/>
                  <a:gd name="connsiteY8" fmla="*/ 6779 h 37308"/>
                  <a:gd name="connsiteX9" fmla="*/ 18939 w 38113"/>
                  <a:gd name="connsiteY9" fmla="*/ 2008 h 37308"/>
                  <a:gd name="connsiteX10" fmla="*/ 2254 w 38113"/>
                  <a:gd name="connsiteY10" fmla="*/ 18194 h 37308"/>
                  <a:gd name="connsiteX11" fmla="*/ 2254 w 38113"/>
                  <a:gd name="connsiteY11" fmla="*/ 18693 h 37308"/>
                  <a:gd name="connsiteX12" fmla="*/ 7064 w 38113"/>
                  <a:gd name="connsiteY12" fmla="*/ 30490 h 37308"/>
                  <a:gd name="connsiteX13" fmla="*/ 19098 w 38113"/>
                  <a:gd name="connsiteY13" fmla="*/ 35223 h 37308"/>
                  <a:gd name="connsiteX14" fmla="*/ 31012 w 38113"/>
                  <a:gd name="connsiteY14" fmla="*/ 30446 h 37308"/>
                  <a:gd name="connsiteX15" fmla="*/ 35861 w 38113"/>
                  <a:gd name="connsiteY15" fmla="*/ 18693 h 37308"/>
                  <a:gd name="connsiteX16" fmla="*/ 30488 w 38113"/>
                  <a:gd name="connsiteY16" fmla="*/ 28875 h 37308"/>
                  <a:gd name="connsiteX17" fmla="*/ 23826 w 38113"/>
                  <a:gd name="connsiteY17" fmla="*/ 28875 h 37308"/>
                  <a:gd name="connsiteX18" fmla="*/ 18051 w 38113"/>
                  <a:gd name="connsiteY18" fmla="*/ 21762 h 37308"/>
                  <a:gd name="connsiteX19" fmla="*/ 16529 w 38113"/>
                  <a:gd name="connsiteY19" fmla="*/ 21762 h 37308"/>
                  <a:gd name="connsiteX20" fmla="*/ 16529 w 38113"/>
                  <a:gd name="connsiteY20" fmla="*/ 28905 h 37308"/>
                  <a:gd name="connsiteX21" fmla="*/ 10914 w 38113"/>
                  <a:gd name="connsiteY21" fmla="*/ 28905 h 37308"/>
                  <a:gd name="connsiteX22" fmla="*/ 10914 w 38113"/>
                  <a:gd name="connsiteY22" fmla="*/ 7381 h 37308"/>
                  <a:gd name="connsiteX23" fmla="*/ 19016 w 38113"/>
                  <a:gd name="connsiteY23" fmla="*/ 7381 h 37308"/>
                  <a:gd name="connsiteX24" fmla="*/ 25712 w 38113"/>
                  <a:gd name="connsiteY24" fmla="*/ 9228 h 37308"/>
                  <a:gd name="connsiteX25" fmla="*/ 28079 w 38113"/>
                  <a:gd name="connsiteY25" fmla="*/ 14440 h 37308"/>
                  <a:gd name="connsiteX26" fmla="*/ 26958 w 38113"/>
                  <a:gd name="connsiteY26" fmla="*/ 18174 h 37308"/>
                  <a:gd name="connsiteX27" fmla="*/ 23749 w 38113"/>
                  <a:gd name="connsiteY27" fmla="*/ 20700 h 37308"/>
                  <a:gd name="connsiteX28" fmla="*/ 18614 w 38113"/>
                  <a:gd name="connsiteY28" fmla="*/ 11623 h 37308"/>
                  <a:gd name="connsiteX29" fmla="*/ 16529 w 38113"/>
                  <a:gd name="connsiteY29" fmla="*/ 11623 h 37308"/>
                  <a:gd name="connsiteX30" fmla="*/ 16529 w 38113"/>
                  <a:gd name="connsiteY30" fmla="*/ 17883 h 37308"/>
                  <a:gd name="connsiteX31" fmla="*/ 18468 w 38113"/>
                  <a:gd name="connsiteY31" fmla="*/ 17883 h 37308"/>
                  <a:gd name="connsiteX32" fmla="*/ 21314 w 38113"/>
                  <a:gd name="connsiteY32" fmla="*/ 17039 h 37308"/>
                  <a:gd name="connsiteX33" fmla="*/ 22318 w 38113"/>
                  <a:gd name="connsiteY33" fmla="*/ 14756 h 37308"/>
                  <a:gd name="connsiteX34" fmla="*/ 21348 w 38113"/>
                  <a:gd name="connsiteY34" fmla="*/ 12467 h 37308"/>
                  <a:gd name="connsiteX35" fmla="*/ 18614 w 38113"/>
                  <a:gd name="connsiteY35" fmla="*/ 11633 h 373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Lst>
                <a:rect l="l" t="t" r="r" b="b"/>
                <a:pathLst>
                  <a:path w="38113" h="37308">
                    <a:moveTo>
                      <a:pt x="38111" y="18615"/>
                    </a:moveTo>
                    <a:cubicBezTo>
                      <a:pt x="38188" y="23615"/>
                      <a:pt x="36166" y="28418"/>
                      <a:pt x="32530" y="31853"/>
                    </a:cubicBezTo>
                    <a:cubicBezTo>
                      <a:pt x="25000" y="39112"/>
                      <a:pt x="13086" y="39129"/>
                      <a:pt x="5536" y="31891"/>
                    </a:cubicBezTo>
                    <a:cubicBezTo>
                      <a:pt x="-1751" y="24734"/>
                      <a:pt x="-1858" y="13022"/>
                      <a:pt x="5299" y="5732"/>
                    </a:cubicBezTo>
                    <a:cubicBezTo>
                      <a:pt x="5391" y="5639"/>
                      <a:pt x="5483" y="5547"/>
                      <a:pt x="5575" y="5456"/>
                    </a:cubicBezTo>
                    <a:cubicBezTo>
                      <a:pt x="13086" y="-1804"/>
                      <a:pt x="24995" y="-1821"/>
                      <a:pt x="32530" y="5417"/>
                    </a:cubicBezTo>
                    <a:cubicBezTo>
                      <a:pt x="36166" y="8833"/>
                      <a:pt x="38193" y="13626"/>
                      <a:pt x="38111" y="18615"/>
                    </a:cubicBezTo>
                    <a:close/>
                    <a:moveTo>
                      <a:pt x="35861" y="18693"/>
                    </a:moveTo>
                    <a:cubicBezTo>
                      <a:pt x="35861" y="13938"/>
                      <a:pt x="34246" y="9966"/>
                      <a:pt x="31012" y="6779"/>
                    </a:cubicBezTo>
                    <a:cubicBezTo>
                      <a:pt x="27778" y="3592"/>
                      <a:pt x="23753" y="2002"/>
                      <a:pt x="18939" y="2008"/>
                    </a:cubicBezTo>
                    <a:cubicBezTo>
                      <a:pt x="9861" y="1870"/>
                      <a:pt x="2389" y="9117"/>
                      <a:pt x="2254" y="18194"/>
                    </a:cubicBezTo>
                    <a:cubicBezTo>
                      <a:pt x="2254" y="18361"/>
                      <a:pt x="2254" y="18527"/>
                      <a:pt x="2254" y="18693"/>
                    </a:cubicBezTo>
                    <a:cubicBezTo>
                      <a:pt x="2254" y="23403"/>
                      <a:pt x="3859" y="27335"/>
                      <a:pt x="7064" y="30490"/>
                    </a:cubicBezTo>
                    <a:cubicBezTo>
                      <a:pt x="10269" y="33645"/>
                      <a:pt x="14284" y="35223"/>
                      <a:pt x="19098" y="35223"/>
                    </a:cubicBezTo>
                    <a:cubicBezTo>
                      <a:pt x="23555" y="35324"/>
                      <a:pt x="27860" y="33599"/>
                      <a:pt x="31012" y="30446"/>
                    </a:cubicBezTo>
                    <a:cubicBezTo>
                      <a:pt x="34203" y="27379"/>
                      <a:pt x="35958" y="23116"/>
                      <a:pt x="35861" y="18693"/>
                    </a:cubicBezTo>
                    <a:close/>
                    <a:moveTo>
                      <a:pt x="30488" y="28875"/>
                    </a:moveTo>
                    <a:lnTo>
                      <a:pt x="23826" y="28875"/>
                    </a:lnTo>
                    <a:lnTo>
                      <a:pt x="18051" y="21762"/>
                    </a:lnTo>
                    <a:lnTo>
                      <a:pt x="16529" y="21762"/>
                    </a:lnTo>
                    <a:lnTo>
                      <a:pt x="16529" y="28905"/>
                    </a:lnTo>
                    <a:lnTo>
                      <a:pt x="10914" y="28905"/>
                    </a:lnTo>
                    <a:lnTo>
                      <a:pt x="10914" y="7381"/>
                    </a:lnTo>
                    <a:lnTo>
                      <a:pt x="19016" y="7381"/>
                    </a:lnTo>
                    <a:cubicBezTo>
                      <a:pt x="21901" y="7381"/>
                      <a:pt x="24132" y="7996"/>
                      <a:pt x="25712" y="9228"/>
                    </a:cubicBezTo>
                    <a:cubicBezTo>
                      <a:pt x="27293" y="10460"/>
                      <a:pt x="28083" y="12197"/>
                      <a:pt x="28079" y="14440"/>
                    </a:cubicBezTo>
                    <a:cubicBezTo>
                      <a:pt x="28098" y="15771"/>
                      <a:pt x="27705" y="17074"/>
                      <a:pt x="26958" y="18174"/>
                    </a:cubicBezTo>
                    <a:cubicBezTo>
                      <a:pt x="26158" y="19311"/>
                      <a:pt x="25043" y="20189"/>
                      <a:pt x="23749" y="20700"/>
                    </a:cubicBezTo>
                    <a:close/>
                    <a:moveTo>
                      <a:pt x="18614" y="11623"/>
                    </a:moveTo>
                    <a:lnTo>
                      <a:pt x="16529" y="11623"/>
                    </a:lnTo>
                    <a:lnTo>
                      <a:pt x="16529" y="17883"/>
                    </a:lnTo>
                    <a:lnTo>
                      <a:pt x="18468" y="17883"/>
                    </a:lnTo>
                    <a:cubicBezTo>
                      <a:pt x="19486" y="17948"/>
                      <a:pt x="20495" y="17649"/>
                      <a:pt x="21314" y="17039"/>
                    </a:cubicBezTo>
                    <a:cubicBezTo>
                      <a:pt x="21984" y="16476"/>
                      <a:pt x="22357" y="15631"/>
                      <a:pt x="22318" y="14756"/>
                    </a:cubicBezTo>
                    <a:cubicBezTo>
                      <a:pt x="22357" y="13885"/>
                      <a:pt x="22003" y="13044"/>
                      <a:pt x="21348" y="12467"/>
                    </a:cubicBezTo>
                    <a:cubicBezTo>
                      <a:pt x="20573" y="11861"/>
                      <a:pt x="19598" y="11564"/>
                      <a:pt x="18614" y="11633"/>
                    </a:cubicBezTo>
                    <a:close/>
                  </a:path>
                </a:pathLst>
              </a:custGeom>
              <a:solidFill>
                <a:srgbClr val="FD0702"/>
              </a:solidFill>
              <a:ln w="484"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pic>
          <p:nvPicPr>
            <p:cNvPr id="147" name="Picture 146" descr="Icon&#10;&#10;Description automatically generated">
              <a:extLst>
                <a:ext uri="{FF2B5EF4-FFF2-40B4-BE49-F238E27FC236}">
                  <a16:creationId xmlns:a16="http://schemas.microsoft.com/office/drawing/2014/main" id="{11249525-78AA-9362-467E-958DB04C26B5}"/>
                </a:ext>
              </a:extLst>
            </p:cNvPr>
            <p:cNvPicPr>
              <a:picLocks noChangeAspect="1"/>
            </p:cNvPicPr>
            <p:nvPr/>
          </p:nvPicPr>
          <p:blipFill rotWithShape="1">
            <a:blip r:embed="rId44" cstate="screen">
              <a:extLst>
                <a:ext uri="{28A0092B-C50C-407E-A947-70E740481C1C}">
                  <a14:useLocalDpi xmlns:a14="http://schemas.microsoft.com/office/drawing/2010/main" val="0"/>
                </a:ext>
              </a:extLst>
            </a:blip>
            <a:srcRect/>
            <a:stretch/>
          </p:blipFill>
          <p:spPr>
            <a:xfrm>
              <a:off x="8263794" y="4293154"/>
              <a:ext cx="1292488" cy="152725"/>
            </a:xfrm>
            <a:prstGeom prst="rect">
              <a:avLst/>
            </a:prstGeom>
          </p:spPr>
        </p:pic>
        <p:grpSp>
          <p:nvGrpSpPr>
            <p:cNvPr id="148" name="Group 147">
              <a:extLst>
                <a:ext uri="{FF2B5EF4-FFF2-40B4-BE49-F238E27FC236}">
                  <a16:creationId xmlns:a16="http://schemas.microsoft.com/office/drawing/2014/main" id="{9D2FCD1A-6ABB-45F7-9C38-657D95EBF84C}"/>
                </a:ext>
              </a:extLst>
            </p:cNvPr>
            <p:cNvGrpSpPr/>
            <p:nvPr/>
          </p:nvGrpSpPr>
          <p:grpSpPr>
            <a:xfrm>
              <a:off x="4168266" y="4236090"/>
              <a:ext cx="1237963" cy="299751"/>
              <a:chOff x="5681066" y="3187401"/>
              <a:chExt cx="1237963" cy="299751"/>
            </a:xfrm>
          </p:grpSpPr>
          <p:sp>
            <p:nvSpPr>
              <p:cNvPr id="158" name="Freeform: Shape 157">
                <a:extLst>
                  <a:ext uri="{FF2B5EF4-FFF2-40B4-BE49-F238E27FC236}">
                    <a16:creationId xmlns:a16="http://schemas.microsoft.com/office/drawing/2014/main" id="{EB89AF45-D8E1-DC0A-D965-64540F94B5EC}"/>
                  </a:ext>
                </a:extLst>
              </p:cNvPr>
              <p:cNvSpPr/>
              <p:nvPr/>
            </p:nvSpPr>
            <p:spPr>
              <a:xfrm>
                <a:off x="5681066" y="3250932"/>
                <a:ext cx="897064" cy="176879"/>
              </a:xfrm>
              <a:custGeom>
                <a:avLst/>
                <a:gdLst>
                  <a:gd name="connsiteX0" fmla="*/ 687896 w 897064"/>
                  <a:gd name="connsiteY0" fmla="*/ 127159 h 176879"/>
                  <a:gd name="connsiteX1" fmla="*/ 686943 w 897064"/>
                  <a:gd name="connsiteY1" fmla="*/ 134207 h 176879"/>
                  <a:gd name="connsiteX2" fmla="*/ 663131 w 897064"/>
                  <a:gd name="connsiteY2" fmla="*/ 150971 h 176879"/>
                  <a:gd name="connsiteX3" fmla="*/ 645700 w 897064"/>
                  <a:gd name="connsiteY3" fmla="*/ 133636 h 176879"/>
                  <a:gd name="connsiteX4" fmla="*/ 687896 w 897064"/>
                  <a:gd name="connsiteY4" fmla="*/ 110871 h 176879"/>
                  <a:gd name="connsiteX5" fmla="*/ 687896 w 897064"/>
                  <a:gd name="connsiteY5" fmla="*/ 127159 h 176879"/>
                  <a:gd name="connsiteX6" fmla="*/ 723138 w 897064"/>
                  <a:gd name="connsiteY6" fmla="*/ 95917 h 176879"/>
                  <a:gd name="connsiteX7" fmla="*/ 667798 w 897064"/>
                  <a:gd name="connsiteY7" fmla="*/ 40291 h 176879"/>
                  <a:gd name="connsiteX8" fmla="*/ 618935 w 897064"/>
                  <a:gd name="connsiteY8" fmla="*/ 51911 h 176879"/>
                  <a:gd name="connsiteX9" fmla="*/ 625888 w 897064"/>
                  <a:gd name="connsiteY9" fmla="*/ 75724 h 176879"/>
                  <a:gd name="connsiteX10" fmla="*/ 661511 w 897064"/>
                  <a:gd name="connsiteY10" fmla="*/ 65723 h 176879"/>
                  <a:gd name="connsiteX11" fmla="*/ 686753 w 897064"/>
                  <a:gd name="connsiteY11" fmla="*/ 85820 h 176879"/>
                  <a:gd name="connsiteX12" fmla="*/ 686753 w 897064"/>
                  <a:gd name="connsiteY12" fmla="*/ 87725 h 176879"/>
                  <a:gd name="connsiteX13" fmla="*/ 609600 w 897064"/>
                  <a:gd name="connsiteY13" fmla="*/ 137351 h 176879"/>
                  <a:gd name="connsiteX14" fmla="*/ 651320 w 897064"/>
                  <a:gd name="connsiteY14" fmla="*/ 176784 h 176879"/>
                  <a:gd name="connsiteX15" fmla="*/ 689324 w 897064"/>
                  <a:gd name="connsiteY15" fmla="*/ 159925 h 176879"/>
                  <a:gd name="connsiteX16" fmla="*/ 690086 w 897064"/>
                  <a:gd name="connsiteY16" fmla="*/ 159925 h 176879"/>
                  <a:gd name="connsiteX17" fmla="*/ 725329 w 897064"/>
                  <a:gd name="connsiteY17" fmla="*/ 173831 h 176879"/>
                  <a:gd name="connsiteX18" fmla="*/ 723138 w 897064"/>
                  <a:gd name="connsiteY18" fmla="*/ 142399 h 176879"/>
                  <a:gd name="connsiteX19" fmla="*/ 723138 w 897064"/>
                  <a:gd name="connsiteY19" fmla="*/ 95917 h 176879"/>
                  <a:gd name="connsiteX20" fmla="*/ 0 w 897064"/>
                  <a:gd name="connsiteY20" fmla="*/ 0 h 176879"/>
                  <a:gd name="connsiteX21" fmla="*/ 35814 w 897064"/>
                  <a:gd name="connsiteY21" fmla="*/ 146971 h 176879"/>
                  <a:gd name="connsiteX22" fmla="*/ 81725 w 897064"/>
                  <a:gd name="connsiteY22" fmla="*/ 173831 h 176879"/>
                  <a:gd name="connsiteX23" fmla="*/ 101060 w 897064"/>
                  <a:gd name="connsiteY23" fmla="*/ 95441 h 176879"/>
                  <a:gd name="connsiteX24" fmla="*/ 112395 w 897064"/>
                  <a:gd name="connsiteY24" fmla="*/ 42196 h 176879"/>
                  <a:gd name="connsiteX25" fmla="*/ 112871 w 897064"/>
                  <a:gd name="connsiteY25" fmla="*/ 42196 h 176879"/>
                  <a:gd name="connsiteX26" fmla="*/ 122301 w 897064"/>
                  <a:gd name="connsiteY26" fmla="*/ 95536 h 176879"/>
                  <a:gd name="connsiteX27" fmla="*/ 134112 w 897064"/>
                  <a:gd name="connsiteY27" fmla="*/ 149828 h 176879"/>
                  <a:gd name="connsiteX28" fmla="*/ 178689 w 897064"/>
                  <a:gd name="connsiteY28" fmla="*/ 173831 h 176879"/>
                  <a:gd name="connsiteX29" fmla="*/ 224600 w 897064"/>
                  <a:gd name="connsiteY29" fmla="*/ 0 h 176879"/>
                  <a:gd name="connsiteX30" fmla="*/ 187452 w 897064"/>
                  <a:gd name="connsiteY30" fmla="*/ 0 h 176879"/>
                  <a:gd name="connsiteX31" fmla="*/ 171831 w 897064"/>
                  <a:gd name="connsiteY31" fmla="*/ 75152 h 176879"/>
                  <a:gd name="connsiteX32" fmla="*/ 160782 w 897064"/>
                  <a:gd name="connsiteY32" fmla="*/ 134207 h 176879"/>
                  <a:gd name="connsiteX33" fmla="*/ 160306 w 897064"/>
                  <a:gd name="connsiteY33" fmla="*/ 134207 h 176879"/>
                  <a:gd name="connsiteX34" fmla="*/ 149828 w 897064"/>
                  <a:gd name="connsiteY34" fmla="*/ 76581 h 176879"/>
                  <a:gd name="connsiteX35" fmla="*/ 133636 w 897064"/>
                  <a:gd name="connsiteY35" fmla="*/ 0 h 176879"/>
                  <a:gd name="connsiteX36" fmla="*/ 94964 w 897064"/>
                  <a:gd name="connsiteY36" fmla="*/ 0 h 176879"/>
                  <a:gd name="connsiteX37" fmla="*/ 77438 w 897064"/>
                  <a:gd name="connsiteY37" fmla="*/ 74581 h 176879"/>
                  <a:gd name="connsiteX38" fmla="*/ 65056 w 897064"/>
                  <a:gd name="connsiteY38" fmla="*/ 134874 h 176879"/>
                  <a:gd name="connsiteX39" fmla="*/ 64484 w 897064"/>
                  <a:gd name="connsiteY39" fmla="*/ 134874 h 176879"/>
                  <a:gd name="connsiteX40" fmla="*/ 53054 w 897064"/>
                  <a:gd name="connsiteY40" fmla="*/ 71723 h 176879"/>
                  <a:gd name="connsiteX41" fmla="*/ 39053 w 897064"/>
                  <a:gd name="connsiteY41" fmla="*/ 0 h 176879"/>
                  <a:gd name="connsiteX42" fmla="*/ 0 w 897064"/>
                  <a:gd name="connsiteY42" fmla="*/ 0 h 176879"/>
                  <a:gd name="connsiteX43" fmla="*/ 292513 w 897064"/>
                  <a:gd name="connsiteY43" fmla="*/ 127159 h 176879"/>
                  <a:gd name="connsiteX44" fmla="*/ 291560 w 897064"/>
                  <a:gd name="connsiteY44" fmla="*/ 134207 h 176879"/>
                  <a:gd name="connsiteX45" fmla="*/ 267748 w 897064"/>
                  <a:gd name="connsiteY45" fmla="*/ 150971 h 176879"/>
                  <a:gd name="connsiteX46" fmla="*/ 250317 w 897064"/>
                  <a:gd name="connsiteY46" fmla="*/ 133636 h 176879"/>
                  <a:gd name="connsiteX47" fmla="*/ 292513 w 897064"/>
                  <a:gd name="connsiteY47" fmla="*/ 110871 h 176879"/>
                  <a:gd name="connsiteX48" fmla="*/ 292513 w 897064"/>
                  <a:gd name="connsiteY48" fmla="*/ 127159 h 176879"/>
                  <a:gd name="connsiteX49" fmla="*/ 327755 w 897064"/>
                  <a:gd name="connsiteY49" fmla="*/ 95917 h 176879"/>
                  <a:gd name="connsiteX50" fmla="*/ 272510 w 897064"/>
                  <a:gd name="connsiteY50" fmla="*/ 40291 h 176879"/>
                  <a:gd name="connsiteX51" fmla="*/ 223552 w 897064"/>
                  <a:gd name="connsiteY51" fmla="*/ 51911 h 176879"/>
                  <a:gd name="connsiteX52" fmla="*/ 230505 w 897064"/>
                  <a:gd name="connsiteY52" fmla="*/ 75724 h 176879"/>
                  <a:gd name="connsiteX53" fmla="*/ 266129 w 897064"/>
                  <a:gd name="connsiteY53" fmla="*/ 65723 h 176879"/>
                  <a:gd name="connsiteX54" fmla="*/ 291370 w 897064"/>
                  <a:gd name="connsiteY54" fmla="*/ 85820 h 176879"/>
                  <a:gd name="connsiteX55" fmla="*/ 291370 w 897064"/>
                  <a:gd name="connsiteY55" fmla="*/ 87725 h 176879"/>
                  <a:gd name="connsiteX56" fmla="*/ 214217 w 897064"/>
                  <a:gd name="connsiteY56" fmla="*/ 137351 h 176879"/>
                  <a:gd name="connsiteX57" fmla="*/ 255937 w 897064"/>
                  <a:gd name="connsiteY57" fmla="*/ 176784 h 176879"/>
                  <a:gd name="connsiteX58" fmla="*/ 293942 w 897064"/>
                  <a:gd name="connsiteY58" fmla="*/ 159925 h 176879"/>
                  <a:gd name="connsiteX59" fmla="*/ 294704 w 897064"/>
                  <a:gd name="connsiteY59" fmla="*/ 159925 h 176879"/>
                  <a:gd name="connsiteX60" fmla="*/ 329946 w 897064"/>
                  <a:gd name="connsiteY60" fmla="*/ 173831 h 176879"/>
                  <a:gd name="connsiteX61" fmla="*/ 327755 w 897064"/>
                  <a:gd name="connsiteY61" fmla="*/ 142399 h 176879"/>
                  <a:gd name="connsiteX62" fmla="*/ 327755 w 897064"/>
                  <a:gd name="connsiteY62" fmla="*/ 95917 h 176879"/>
                  <a:gd name="connsiteX63" fmla="*/ 382334 w 897064"/>
                  <a:gd name="connsiteY63" fmla="*/ 136874 h 176879"/>
                  <a:gd name="connsiteX64" fmla="*/ 382334 w 897064"/>
                  <a:gd name="connsiteY64" fmla="*/ 95 h 176879"/>
                  <a:gd name="connsiteX65" fmla="*/ 347091 w 897064"/>
                  <a:gd name="connsiteY65" fmla="*/ 95 h 176879"/>
                  <a:gd name="connsiteX66" fmla="*/ 347091 w 897064"/>
                  <a:gd name="connsiteY66" fmla="*/ 173927 h 176879"/>
                  <a:gd name="connsiteX67" fmla="*/ 382334 w 897064"/>
                  <a:gd name="connsiteY67" fmla="*/ 173927 h 176879"/>
                  <a:gd name="connsiteX68" fmla="*/ 382334 w 897064"/>
                  <a:gd name="connsiteY68" fmla="*/ 136969 h 176879"/>
                  <a:gd name="connsiteX69" fmla="*/ 831533 w 897064"/>
                  <a:gd name="connsiteY69" fmla="*/ 95 h 176879"/>
                  <a:gd name="connsiteX70" fmla="*/ 831533 w 897064"/>
                  <a:gd name="connsiteY70" fmla="*/ 128302 h 176879"/>
                  <a:gd name="connsiteX71" fmla="*/ 842010 w 897064"/>
                  <a:gd name="connsiteY71" fmla="*/ 165926 h 176879"/>
                  <a:gd name="connsiteX72" fmla="*/ 870680 w 897064"/>
                  <a:gd name="connsiteY72" fmla="*/ 176879 h 176879"/>
                  <a:gd name="connsiteX73" fmla="*/ 896207 w 897064"/>
                  <a:gd name="connsiteY73" fmla="*/ 173069 h 176879"/>
                  <a:gd name="connsiteX74" fmla="*/ 895826 w 897064"/>
                  <a:gd name="connsiteY74" fmla="*/ 145447 h 176879"/>
                  <a:gd name="connsiteX75" fmla="*/ 882396 w 897064"/>
                  <a:gd name="connsiteY75" fmla="*/ 147066 h 176879"/>
                  <a:gd name="connsiteX76" fmla="*/ 866299 w 897064"/>
                  <a:gd name="connsiteY76" fmla="*/ 123539 h 176879"/>
                  <a:gd name="connsiteX77" fmla="*/ 866299 w 897064"/>
                  <a:gd name="connsiteY77" fmla="*/ 74486 h 176879"/>
                  <a:gd name="connsiteX78" fmla="*/ 897065 w 897064"/>
                  <a:gd name="connsiteY78" fmla="*/ 74486 h 176879"/>
                  <a:gd name="connsiteX79" fmla="*/ 897065 w 897064"/>
                  <a:gd name="connsiteY79" fmla="*/ 41148 h 176879"/>
                  <a:gd name="connsiteX80" fmla="*/ 866299 w 897064"/>
                  <a:gd name="connsiteY80" fmla="*/ 41148 h 176879"/>
                  <a:gd name="connsiteX81" fmla="*/ 866299 w 897064"/>
                  <a:gd name="connsiteY81" fmla="*/ 0 h 176879"/>
                  <a:gd name="connsiteX82" fmla="*/ 831533 w 897064"/>
                  <a:gd name="connsiteY82" fmla="*/ 0 h 176879"/>
                  <a:gd name="connsiteX83" fmla="*/ 740378 w 897064"/>
                  <a:gd name="connsiteY83" fmla="*/ 43244 h 176879"/>
                  <a:gd name="connsiteX84" fmla="*/ 740378 w 897064"/>
                  <a:gd name="connsiteY84" fmla="*/ 173831 h 176879"/>
                  <a:gd name="connsiteX85" fmla="*/ 776764 w 897064"/>
                  <a:gd name="connsiteY85" fmla="*/ 173831 h 176879"/>
                  <a:gd name="connsiteX86" fmla="*/ 776764 w 897064"/>
                  <a:gd name="connsiteY86" fmla="*/ 106966 h 176879"/>
                  <a:gd name="connsiteX87" fmla="*/ 777621 w 897064"/>
                  <a:gd name="connsiteY87" fmla="*/ 97345 h 176879"/>
                  <a:gd name="connsiteX88" fmla="*/ 806387 w 897064"/>
                  <a:gd name="connsiteY88" fmla="*/ 74390 h 176879"/>
                  <a:gd name="connsiteX89" fmla="*/ 816864 w 897064"/>
                  <a:gd name="connsiteY89" fmla="*/ 75343 h 176879"/>
                  <a:gd name="connsiteX90" fmla="*/ 816864 w 897064"/>
                  <a:gd name="connsiteY90" fmla="*/ 41053 h 176879"/>
                  <a:gd name="connsiteX91" fmla="*/ 808863 w 897064"/>
                  <a:gd name="connsiteY91" fmla="*/ 40291 h 176879"/>
                  <a:gd name="connsiteX92" fmla="*/ 773335 w 897064"/>
                  <a:gd name="connsiteY92" fmla="*/ 67913 h 176879"/>
                  <a:gd name="connsiteX93" fmla="*/ 772382 w 897064"/>
                  <a:gd name="connsiteY93" fmla="*/ 67913 h 176879"/>
                  <a:gd name="connsiteX94" fmla="*/ 772382 w 897064"/>
                  <a:gd name="connsiteY94" fmla="*/ 43148 h 176879"/>
                  <a:gd name="connsiteX95" fmla="*/ 740378 w 897064"/>
                  <a:gd name="connsiteY95" fmla="*/ 43148 h 176879"/>
                  <a:gd name="connsiteX96" fmla="*/ 402908 w 897064"/>
                  <a:gd name="connsiteY96" fmla="*/ 43148 h 176879"/>
                  <a:gd name="connsiteX97" fmla="*/ 402908 w 897064"/>
                  <a:gd name="connsiteY97" fmla="*/ 173831 h 176879"/>
                  <a:gd name="connsiteX98" fmla="*/ 438150 w 897064"/>
                  <a:gd name="connsiteY98" fmla="*/ 173831 h 176879"/>
                  <a:gd name="connsiteX99" fmla="*/ 438150 w 897064"/>
                  <a:gd name="connsiteY99" fmla="*/ 97250 h 176879"/>
                  <a:gd name="connsiteX100" fmla="*/ 439865 w 897064"/>
                  <a:gd name="connsiteY100" fmla="*/ 86582 h 176879"/>
                  <a:gd name="connsiteX101" fmla="*/ 461391 w 897064"/>
                  <a:gd name="connsiteY101" fmla="*/ 69818 h 176879"/>
                  <a:gd name="connsiteX102" fmla="*/ 482441 w 897064"/>
                  <a:gd name="connsiteY102" fmla="*/ 99346 h 176879"/>
                  <a:gd name="connsiteX103" fmla="*/ 482441 w 897064"/>
                  <a:gd name="connsiteY103" fmla="*/ 173831 h 176879"/>
                  <a:gd name="connsiteX104" fmla="*/ 517874 w 897064"/>
                  <a:gd name="connsiteY104" fmla="*/ 173831 h 176879"/>
                  <a:gd name="connsiteX105" fmla="*/ 517874 w 897064"/>
                  <a:gd name="connsiteY105" fmla="*/ 96298 h 176879"/>
                  <a:gd name="connsiteX106" fmla="*/ 519398 w 897064"/>
                  <a:gd name="connsiteY106" fmla="*/ 85725 h 176879"/>
                  <a:gd name="connsiteX107" fmla="*/ 540830 w 897064"/>
                  <a:gd name="connsiteY107" fmla="*/ 69818 h 176879"/>
                  <a:gd name="connsiteX108" fmla="*/ 562261 w 897064"/>
                  <a:gd name="connsiteY108" fmla="*/ 102203 h 176879"/>
                  <a:gd name="connsiteX109" fmla="*/ 562261 w 897064"/>
                  <a:gd name="connsiteY109" fmla="*/ 173831 h 176879"/>
                  <a:gd name="connsiteX110" fmla="*/ 597789 w 897064"/>
                  <a:gd name="connsiteY110" fmla="*/ 173831 h 176879"/>
                  <a:gd name="connsiteX111" fmla="*/ 597789 w 897064"/>
                  <a:gd name="connsiteY111" fmla="*/ 96869 h 176879"/>
                  <a:gd name="connsiteX112" fmla="*/ 553974 w 897064"/>
                  <a:gd name="connsiteY112" fmla="*/ 40291 h 176879"/>
                  <a:gd name="connsiteX113" fmla="*/ 528161 w 897064"/>
                  <a:gd name="connsiteY113" fmla="*/ 47339 h 176879"/>
                  <a:gd name="connsiteX114" fmla="*/ 511588 w 897064"/>
                  <a:gd name="connsiteY114" fmla="*/ 63627 h 176879"/>
                  <a:gd name="connsiteX115" fmla="*/ 511016 w 897064"/>
                  <a:gd name="connsiteY115" fmla="*/ 63627 h 176879"/>
                  <a:gd name="connsiteX116" fmla="*/ 475107 w 897064"/>
                  <a:gd name="connsiteY116" fmla="*/ 40291 h 176879"/>
                  <a:gd name="connsiteX117" fmla="*/ 437007 w 897064"/>
                  <a:gd name="connsiteY117" fmla="*/ 60960 h 176879"/>
                  <a:gd name="connsiteX118" fmla="*/ 436531 w 897064"/>
                  <a:gd name="connsiteY118" fmla="*/ 60960 h 176879"/>
                  <a:gd name="connsiteX119" fmla="*/ 436531 w 897064"/>
                  <a:gd name="connsiteY119" fmla="*/ 43244 h 176879"/>
                  <a:gd name="connsiteX120" fmla="*/ 402812 w 897064"/>
                  <a:gd name="connsiteY120" fmla="*/ 43244 h 1768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Lst>
                <a:rect l="l" t="t" r="r" b="b"/>
                <a:pathLst>
                  <a:path w="897064" h="176879">
                    <a:moveTo>
                      <a:pt x="687896" y="127159"/>
                    </a:moveTo>
                    <a:cubicBezTo>
                      <a:pt x="687896" y="129635"/>
                      <a:pt x="687705" y="132112"/>
                      <a:pt x="686943" y="134207"/>
                    </a:cubicBezTo>
                    <a:cubicBezTo>
                      <a:pt x="683477" y="144365"/>
                      <a:pt x="673862" y="151133"/>
                      <a:pt x="663131" y="150971"/>
                    </a:cubicBezTo>
                    <a:cubicBezTo>
                      <a:pt x="653415" y="150971"/>
                      <a:pt x="645700" y="145447"/>
                      <a:pt x="645700" y="133636"/>
                    </a:cubicBezTo>
                    <a:cubicBezTo>
                      <a:pt x="645700" y="115729"/>
                      <a:pt x="665417" y="110776"/>
                      <a:pt x="687896" y="110871"/>
                    </a:cubicBezTo>
                    <a:lnTo>
                      <a:pt x="687896" y="127159"/>
                    </a:lnTo>
                    <a:close/>
                    <a:moveTo>
                      <a:pt x="723138" y="95917"/>
                    </a:moveTo>
                    <a:cubicBezTo>
                      <a:pt x="723138" y="66389"/>
                      <a:pt x="710470" y="40291"/>
                      <a:pt x="667798" y="40291"/>
                    </a:cubicBezTo>
                    <a:cubicBezTo>
                      <a:pt x="645890" y="40291"/>
                      <a:pt x="628460" y="46387"/>
                      <a:pt x="618935" y="51911"/>
                    </a:cubicBezTo>
                    <a:lnTo>
                      <a:pt x="625888" y="75724"/>
                    </a:lnTo>
                    <a:cubicBezTo>
                      <a:pt x="636680" y="69324"/>
                      <a:pt x="648965" y="65874"/>
                      <a:pt x="661511" y="65723"/>
                    </a:cubicBezTo>
                    <a:cubicBezTo>
                      <a:pt x="683228" y="65723"/>
                      <a:pt x="686753" y="78010"/>
                      <a:pt x="686753" y="85820"/>
                    </a:cubicBezTo>
                    <a:lnTo>
                      <a:pt x="686753" y="87725"/>
                    </a:lnTo>
                    <a:cubicBezTo>
                      <a:pt x="639509" y="87725"/>
                      <a:pt x="609600" y="104013"/>
                      <a:pt x="609600" y="137351"/>
                    </a:cubicBezTo>
                    <a:cubicBezTo>
                      <a:pt x="609600" y="157734"/>
                      <a:pt x="624840" y="176784"/>
                      <a:pt x="651320" y="176784"/>
                    </a:cubicBezTo>
                    <a:cubicBezTo>
                      <a:pt x="667512" y="176784"/>
                      <a:pt x="681133" y="170307"/>
                      <a:pt x="689324" y="159925"/>
                    </a:cubicBezTo>
                    <a:lnTo>
                      <a:pt x="690086" y="159925"/>
                    </a:lnTo>
                    <a:cubicBezTo>
                      <a:pt x="690086" y="159925"/>
                      <a:pt x="695515" y="182499"/>
                      <a:pt x="725329" y="173831"/>
                    </a:cubicBezTo>
                    <a:cubicBezTo>
                      <a:pt x="723710" y="164402"/>
                      <a:pt x="723138" y="154400"/>
                      <a:pt x="723138" y="142399"/>
                    </a:cubicBezTo>
                    <a:lnTo>
                      <a:pt x="723138" y="95917"/>
                    </a:lnTo>
                    <a:close/>
                    <a:moveTo>
                      <a:pt x="0" y="0"/>
                    </a:moveTo>
                    <a:lnTo>
                      <a:pt x="35814" y="146971"/>
                    </a:lnTo>
                    <a:cubicBezTo>
                      <a:pt x="41529" y="170974"/>
                      <a:pt x="51911" y="179832"/>
                      <a:pt x="81725" y="173831"/>
                    </a:cubicBezTo>
                    <a:lnTo>
                      <a:pt x="101060" y="95441"/>
                    </a:lnTo>
                    <a:cubicBezTo>
                      <a:pt x="105918" y="75914"/>
                      <a:pt x="109252" y="62103"/>
                      <a:pt x="112395" y="42196"/>
                    </a:cubicBezTo>
                    <a:lnTo>
                      <a:pt x="112871" y="42196"/>
                    </a:lnTo>
                    <a:cubicBezTo>
                      <a:pt x="115157" y="62198"/>
                      <a:pt x="118301" y="76009"/>
                      <a:pt x="122301" y="95536"/>
                    </a:cubicBezTo>
                    <a:lnTo>
                      <a:pt x="134112" y="149828"/>
                    </a:lnTo>
                    <a:cubicBezTo>
                      <a:pt x="138208" y="168497"/>
                      <a:pt x="149352" y="180308"/>
                      <a:pt x="178689" y="173831"/>
                    </a:cubicBezTo>
                    <a:lnTo>
                      <a:pt x="224600" y="0"/>
                    </a:lnTo>
                    <a:lnTo>
                      <a:pt x="187452" y="0"/>
                    </a:lnTo>
                    <a:lnTo>
                      <a:pt x="171831" y="75152"/>
                    </a:lnTo>
                    <a:cubicBezTo>
                      <a:pt x="167545" y="97060"/>
                      <a:pt x="163735" y="114205"/>
                      <a:pt x="160782" y="134207"/>
                    </a:cubicBezTo>
                    <a:lnTo>
                      <a:pt x="160306" y="134207"/>
                    </a:lnTo>
                    <a:cubicBezTo>
                      <a:pt x="157639" y="114300"/>
                      <a:pt x="154210" y="97917"/>
                      <a:pt x="149828" y="76581"/>
                    </a:cubicBezTo>
                    <a:lnTo>
                      <a:pt x="133636" y="0"/>
                    </a:lnTo>
                    <a:lnTo>
                      <a:pt x="94964" y="0"/>
                    </a:lnTo>
                    <a:lnTo>
                      <a:pt x="77438" y="74581"/>
                    </a:lnTo>
                    <a:cubicBezTo>
                      <a:pt x="72581" y="97250"/>
                      <a:pt x="67913" y="115538"/>
                      <a:pt x="65056" y="134874"/>
                    </a:cubicBezTo>
                    <a:lnTo>
                      <a:pt x="64484" y="134874"/>
                    </a:lnTo>
                    <a:cubicBezTo>
                      <a:pt x="61436" y="116777"/>
                      <a:pt x="57436" y="93631"/>
                      <a:pt x="53054" y="71723"/>
                    </a:cubicBezTo>
                    <a:lnTo>
                      <a:pt x="39053" y="0"/>
                    </a:lnTo>
                    <a:lnTo>
                      <a:pt x="0" y="0"/>
                    </a:lnTo>
                    <a:moveTo>
                      <a:pt x="292513" y="127159"/>
                    </a:moveTo>
                    <a:cubicBezTo>
                      <a:pt x="292513" y="129635"/>
                      <a:pt x="292322" y="132112"/>
                      <a:pt x="291560" y="134207"/>
                    </a:cubicBezTo>
                    <a:cubicBezTo>
                      <a:pt x="288094" y="144365"/>
                      <a:pt x="278480" y="151133"/>
                      <a:pt x="267748" y="150971"/>
                    </a:cubicBezTo>
                    <a:cubicBezTo>
                      <a:pt x="258032" y="150971"/>
                      <a:pt x="250317" y="145447"/>
                      <a:pt x="250317" y="133636"/>
                    </a:cubicBezTo>
                    <a:cubicBezTo>
                      <a:pt x="250317" y="115729"/>
                      <a:pt x="270034" y="110776"/>
                      <a:pt x="292513" y="110871"/>
                    </a:cubicBezTo>
                    <a:lnTo>
                      <a:pt x="292513" y="127159"/>
                    </a:lnTo>
                    <a:close/>
                    <a:moveTo>
                      <a:pt x="327755" y="95917"/>
                    </a:moveTo>
                    <a:cubicBezTo>
                      <a:pt x="327755" y="66389"/>
                      <a:pt x="315182" y="40291"/>
                      <a:pt x="272510" y="40291"/>
                    </a:cubicBezTo>
                    <a:cubicBezTo>
                      <a:pt x="250603" y="40291"/>
                      <a:pt x="233077" y="46387"/>
                      <a:pt x="223552" y="51911"/>
                    </a:cubicBezTo>
                    <a:lnTo>
                      <a:pt x="230505" y="75724"/>
                    </a:lnTo>
                    <a:cubicBezTo>
                      <a:pt x="241299" y="69328"/>
                      <a:pt x="253583" y="65879"/>
                      <a:pt x="266129" y="65723"/>
                    </a:cubicBezTo>
                    <a:cubicBezTo>
                      <a:pt x="287846" y="65723"/>
                      <a:pt x="291370" y="78010"/>
                      <a:pt x="291370" y="85820"/>
                    </a:cubicBezTo>
                    <a:lnTo>
                      <a:pt x="291370" y="87725"/>
                    </a:lnTo>
                    <a:cubicBezTo>
                      <a:pt x="244126" y="87725"/>
                      <a:pt x="214217" y="104013"/>
                      <a:pt x="214217" y="137351"/>
                    </a:cubicBezTo>
                    <a:cubicBezTo>
                      <a:pt x="214217" y="157734"/>
                      <a:pt x="229457" y="176784"/>
                      <a:pt x="255937" y="176784"/>
                    </a:cubicBezTo>
                    <a:cubicBezTo>
                      <a:pt x="272129" y="176784"/>
                      <a:pt x="285750" y="170307"/>
                      <a:pt x="293942" y="159925"/>
                    </a:cubicBezTo>
                    <a:lnTo>
                      <a:pt x="294704" y="159925"/>
                    </a:lnTo>
                    <a:cubicBezTo>
                      <a:pt x="294704" y="159925"/>
                      <a:pt x="300133" y="182499"/>
                      <a:pt x="329946" y="173831"/>
                    </a:cubicBezTo>
                    <a:cubicBezTo>
                      <a:pt x="328327" y="164402"/>
                      <a:pt x="327755" y="154400"/>
                      <a:pt x="327755" y="142399"/>
                    </a:cubicBezTo>
                    <a:lnTo>
                      <a:pt x="327755" y="95917"/>
                    </a:lnTo>
                    <a:close/>
                    <a:moveTo>
                      <a:pt x="382334" y="136874"/>
                    </a:moveTo>
                    <a:lnTo>
                      <a:pt x="382334" y="95"/>
                    </a:lnTo>
                    <a:lnTo>
                      <a:pt x="347091" y="95"/>
                    </a:lnTo>
                    <a:lnTo>
                      <a:pt x="347091" y="173927"/>
                    </a:lnTo>
                    <a:lnTo>
                      <a:pt x="382334" y="173927"/>
                    </a:lnTo>
                    <a:lnTo>
                      <a:pt x="382334" y="136969"/>
                    </a:lnTo>
                    <a:moveTo>
                      <a:pt x="831533" y="95"/>
                    </a:moveTo>
                    <a:lnTo>
                      <a:pt x="831533" y="128302"/>
                    </a:lnTo>
                    <a:cubicBezTo>
                      <a:pt x="831533" y="146018"/>
                      <a:pt x="834866" y="158401"/>
                      <a:pt x="842010" y="165926"/>
                    </a:cubicBezTo>
                    <a:cubicBezTo>
                      <a:pt x="848201" y="172593"/>
                      <a:pt x="858393" y="176879"/>
                      <a:pt x="870680" y="176879"/>
                    </a:cubicBezTo>
                    <a:cubicBezTo>
                      <a:pt x="881158" y="176879"/>
                      <a:pt x="891350" y="174974"/>
                      <a:pt x="896207" y="173069"/>
                    </a:cubicBezTo>
                    <a:lnTo>
                      <a:pt x="895826" y="145447"/>
                    </a:lnTo>
                    <a:cubicBezTo>
                      <a:pt x="892207" y="146399"/>
                      <a:pt x="888016" y="147066"/>
                      <a:pt x="882396" y="147066"/>
                    </a:cubicBezTo>
                    <a:cubicBezTo>
                      <a:pt x="870395" y="147066"/>
                      <a:pt x="866299" y="139446"/>
                      <a:pt x="866299" y="123539"/>
                    </a:cubicBezTo>
                    <a:lnTo>
                      <a:pt x="866299" y="74486"/>
                    </a:lnTo>
                    <a:lnTo>
                      <a:pt x="897065" y="74486"/>
                    </a:lnTo>
                    <a:lnTo>
                      <a:pt x="897065" y="41148"/>
                    </a:lnTo>
                    <a:lnTo>
                      <a:pt x="866299" y="41148"/>
                    </a:lnTo>
                    <a:lnTo>
                      <a:pt x="866299" y="0"/>
                    </a:lnTo>
                    <a:lnTo>
                      <a:pt x="831533" y="0"/>
                    </a:lnTo>
                    <a:moveTo>
                      <a:pt x="740378" y="43244"/>
                    </a:moveTo>
                    <a:lnTo>
                      <a:pt x="740378" y="173831"/>
                    </a:lnTo>
                    <a:lnTo>
                      <a:pt x="776764" y="173831"/>
                    </a:lnTo>
                    <a:lnTo>
                      <a:pt x="776764" y="106966"/>
                    </a:lnTo>
                    <a:cubicBezTo>
                      <a:pt x="776764" y="103346"/>
                      <a:pt x="777050" y="100298"/>
                      <a:pt x="777621" y="97345"/>
                    </a:cubicBezTo>
                    <a:cubicBezTo>
                      <a:pt x="780288" y="83344"/>
                      <a:pt x="790956" y="74390"/>
                      <a:pt x="806387" y="74390"/>
                    </a:cubicBezTo>
                    <a:cubicBezTo>
                      <a:pt x="810578" y="74390"/>
                      <a:pt x="813626" y="74771"/>
                      <a:pt x="816864" y="75343"/>
                    </a:cubicBezTo>
                    <a:lnTo>
                      <a:pt x="816864" y="41053"/>
                    </a:lnTo>
                    <a:cubicBezTo>
                      <a:pt x="814235" y="40493"/>
                      <a:pt x="811550" y="40237"/>
                      <a:pt x="808863" y="40291"/>
                    </a:cubicBezTo>
                    <a:cubicBezTo>
                      <a:pt x="795242" y="40291"/>
                      <a:pt x="779812" y="49054"/>
                      <a:pt x="773335" y="67913"/>
                    </a:cubicBezTo>
                    <a:lnTo>
                      <a:pt x="772382" y="67913"/>
                    </a:lnTo>
                    <a:lnTo>
                      <a:pt x="772382" y="43148"/>
                    </a:lnTo>
                    <a:lnTo>
                      <a:pt x="740378" y="43148"/>
                    </a:lnTo>
                    <a:moveTo>
                      <a:pt x="402908" y="43148"/>
                    </a:moveTo>
                    <a:lnTo>
                      <a:pt x="402908" y="173831"/>
                    </a:lnTo>
                    <a:lnTo>
                      <a:pt x="438150" y="173831"/>
                    </a:lnTo>
                    <a:lnTo>
                      <a:pt x="438150" y="97250"/>
                    </a:lnTo>
                    <a:cubicBezTo>
                      <a:pt x="438150" y="93631"/>
                      <a:pt x="438626" y="89821"/>
                      <a:pt x="439865" y="86582"/>
                    </a:cubicBezTo>
                    <a:cubicBezTo>
                      <a:pt x="442722" y="78867"/>
                      <a:pt x="449961" y="69818"/>
                      <a:pt x="461391" y="69818"/>
                    </a:cubicBezTo>
                    <a:cubicBezTo>
                      <a:pt x="475679" y="69818"/>
                      <a:pt x="482441" y="81915"/>
                      <a:pt x="482441" y="99346"/>
                    </a:cubicBezTo>
                    <a:lnTo>
                      <a:pt x="482441" y="173831"/>
                    </a:lnTo>
                    <a:lnTo>
                      <a:pt x="517874" y="173831"/>
                    </a:lnTo>
                    <a:lnTo>
                      <a:pt x="517874" y="96298"/>
                    </a:lnTo>
                    <a:cubicBezTo>
                      <a:pt x="517874" y="92869"/>
                      <a:pt x="518350" y="88678"/>
                      <a:pt x="519398" y="85725"/>
                    </a:cubicBezTo>
                    <a:cubicBezTo>
                      <a:pt x="522254" y="76278"/>
                      <a:pt x="530961" y="69816"/>
                      <a:pt x="540830" y="69818"/>
                    </a:cubicBezTo>
                    <a:cubicBezTo>
                      <a:pt x="555308" y="69818"/>
                      <a:pt x="562261" y="81725"/>
                      <a:pt x="562261" y="102203"/>
                    </a:cubicBezTo>
                    <a:lnTo>
                      <a:pt x="562261" y="173831"/>
                    </a:lnTo>
                    <a:lnTo>
                      <a:pt x="597789" y="173831"/>
                    </a:lnTo>
                    <a:lnTo>
                      <a:pt x="597789" y="96869"/>
                    </a:lnTo>
                    <a:cubicBezTo>
                      <a:pt x="597789" y="56388"/>
                      <a:pt x="577120" y="40291"/>
                      <a:pt x="553974" y="40291"/>
                    </a:cubicBezTo>
                    <a:cubicBezTo>
                      <a:pt x="543592" y="40291"/>
                      <a:pt x="535496" y="42863"/>
                      <a:pt x="528161" y="47339"/>
                    </a:cubicBezTo>
                    <a:cubicBezTo>
                      <a:pt x="521970" y="51149"/>
                      <a:pt x="516350" y="56578"/>
                      <a:pt x="511588" y="63627"/>
                    </a:cubicBezTo>
                    <a:lnTo>
                      <a:pt x="511016" y="63627"/>
                    </a:lnTo>
                    <a:cubicBezTo>
                      <a:pt x="505186" y="49037"/>
                      <a:pt x="490807" y="39693"/>
                      <a:pt x="475107" y="40291"/>
                    </a:cubicBezTo>
                    <a:cubicBezTo>
                      <a:pt x="459508" y="39368"/>
                      <a:pt x="444738" y="47381"/>
                      <a:pt x="437007" y="60960"/>
                    </a:cubicBezTo>
                    <a:lnTo>
                      <a:pt x="436531" y="60960"/>
                    </a:lnTo>
                    <a:lnTo>
                      <a:pt x="436531" y="43244"/>
                    </a:lnTo>
                    <a:lnTo>
                      <a:pt x="402812" y="43244"/>
                    </a:lnTo>
                  </a:path>
                </a:pathLst>
              </a:custGeom>
              <a:solidFill>
                <a:srgbClr val="0071DC"/>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59" name="Freeform: Shape 158">
                <a:extLst>
                  <a:ext uri="{FF2B5EF4-FFF2-40B4-BE49-F238E27FC236}">
                    <a16:creationId xmlns:a16="http://schemas.microsoft.com/office/drawing/2014/main" id="{8E69B6EA-A0AE-50E3-B4CD-EAECC5A7404F}"/>
                  </a:ext>
                </a:extLst>
              </p:cNvPr>
              <p:cNvSpPr/>
              <p:nvPr/>
            </p:nvSpPr>
            <p:spPr>
              <a:xfrm>
                <a:off x="6635337" y="3187401"/>
                <a:ext cx="283692" cy="299751"/>
              </a:xfrm>
              <a:custGeom>
                <a:avLst/>
                <a:gdLst>
                  <a:gd name="connsiteX0" fmla="*/ 133483 w 283692"/>
                  <a:gd name="connsiteY0" fmla="*/ 100965 h 299751"/>
                  <a:gd name="connsiteX1" fmla="*/ 147104 w 283692"/>
                  <a:gd name="connsiteY1" fmla="*/ 92583 h 299751"/>
                  <a:gd name="connsiteX2" fmla="*/ 153962 w 283692"/>
                  <a:gd name="connsiteY2" fmla="*/ 14097 h 299751"/>
                  <a:gd name="connsiteX3" fmla="*/ 133483 w 283692"/>
                  <a:gd name="connsiteY3" fmla="*/ 0 h 299751"/>
                  <a:gd name="connsiteX4" fmla="*/ 113004 w 283692"/>
                  <a:gd name="connsiteY4" fmla="*/ 14097 h 299751"/>
                  <a:gd name="connsiteX5" fmla="*/ 119958 w 283692"/>
                  <a:gd name="connsiteY5" fmla="*/ 92583 h 299751"/>
                  <a:gd name="connsiteX6" fmla="*/ 133483 w 283692"/>
                  <a:gd name="connsiteY6" fmla="*/ 100870 h 299751"/>
                  <a:gd name="connsiteX7" fmla="*/ 91097 w 283692"/>
                  <a:gd name="connsiteY7" fmla="*/ 125444 h 299751"/>
                  <a:gd name="connsiteX8" fmla="*/ 90621 w 283692"/>
                  <a:gd name="connsiteY8" fmla="*/ 109442 h 299751"/>
                  <a:gd name="connsiteX9" fmla="*/ 26136 w 283692"/>
                  <a:gd name="connsiteY9" fmla="*/ 64294 h 299751"/>
                  <a:gd name="connsiteX10" fmla="*/ 3753 w 283692"/>
                  <a:gd name="connsiteY10" fmla="*/ 74962 h 299751"/>
                  <a:gd name="connsiteX11" fmla="*/ 5658 w 283692"/>
                  <a:gd name="connsiteY11" fmla="*/ 99727 h 299751"/>
                  <a:gd name="connsiteX12" fmla="*/ 77095 w 283692"/>
                  <a:gd name="connsiteY12" fmla="*/ 132969 h 299751"/>
                  <a:gd name="connsiteX13" fmla="*/ 91097 w 283692"/>
                  <a:gd name="connsiteY13" fmla="*/ 125349 h 299751"/>
                  <a:gd name="connsiteX14" fmla="*/ 175869 w 283692"/>
                  <a:gd name="connsiteY14" fmla="*/ 125349 h 299751"/>
                  <a:gd name="connsiteX15" fmla="*/ 189966 w 283692"/>
                  <a:gd name="connsiteY15" fmla="*/ 132969 h 299751"/>
                  <a:gd name="connsiteX16" fmla="*/ 261309 w 283692"/>
                  <a:gd name="connsiteY16" fmla="*/ 99727 h 299751"/>
                  <a:gd name="connsiteX17" fmla="*/ 263309 w 283692"/>
                  <a:gd name="connsiteY17" fmla="*/ 74962 h 299751"/>
                  <a:gd name="connsiteX18" fmla="*/ 240830 w 283692"/>
                  <a:gd name="connsiteY18" fmla="*/ 64294 h 299751"/>
                  <a:gd name="connsiteX19" fmla="*/ 176346 w 283692"/>
                  <a:gd name="connsiteY19" fmla="*/ 109442 h 299751"/>
                  <a:gd name="connsiteX20" fmla="*/ 175965 w 283692"/>
                  <a:gd name="connsiteY20" fmla="*/ 125444 h 299751"/>
                  <a:gd name="connsiteX21" fmla="*/ 133483 w 283692"/>
                  <a:gd name="connsiteY21" fmla="*/ 198787 h 299751"/>
                  <a:gd name="connsiteX22" fmla="*/ 147104 w 283692"/>
                  <a:gd name="connsiteY22" fmla="*/ 207169 h 299751"/>
                  <a:gd name="connsiteX23" fmla="*/ 153962 w 283692"/>
                  <a:gd name="connsiteY23" fmla="*/ 285655 h 299751"/>
                  <a:gd name="connsiteX24" fmla="*/ 133483 w 283692"/>
                  <a:gd name="connsiteY24" fmla="*/ 299752 h 299751"/>
                  <a:gd name="connsiteX25" fmla="*/ 113004 w 283692"/>
                  <a:gd name="connsiteY25" fmla="*/ 285655 h 299751"/>
                  <a:gd name="connsiteX26" fmla="*/ 119958 w 283692"/>
                  <a:gd name="connsiteY26" fmla="*/ 207169 h 299751"/>
                  <a:gd name="connsiteX27" fmla="*/ 133483 w 283692"/>
                  <a:gd name="connsiteY27" fmla="*/ 198882 h 299751"/>
                  <a:gd name="connsiteX28" fmla="*/ 175869 w 283692"/>
                  <a:gd name="connsiteY28" fmla="*/ 174403 h 299751"/>
                  <a:gd name="connsiteX29" fmla="*/ 189966 w 283692"/>
                  <a:gd name="connsiteY29" fmla="*/ 166783 h 299751"/>
                  <a:gd name="connsiteX30" fmla="*/ 261309 w 283692"/>
                  <a:gd name="connsiteY30" fmla="*/ 200025 h 299751"/>
                  <a:gd name="connsiteX31" fmla="*/ 263309 w 283692"/>
                  <a:gd name="connsiteY31" fmla="*/ 224790 h 299751"/>
                  <a:gd name="connsiteX32" fmla="*/ 240830 w 283692"/>
                  <a:gd name="connsiteY32" fmla="*/ 235458 h 299751"/>
                  <a:gd name="connsiteX33" fmla="*/ 176346 w 283692"/>
                  <a:gd name="connsiteY33" fmla="*/ 190310 h 299751"/>
                  <a:gd name="connsiteX34" fmla="*/ 175965 w 283692"/>
                  <a:gd name="connsiteY34" fmla="*/ 174403 h 299751"/>
                  <a:gd name="connsiteX35" fmla="*/ 91097 w 283692"/>
                  <a:gd name="connsiteY35" fmla="*/ 174403 h 299751"/>
                  <a:gd name="connsiteX36" fmla="*/ 90621 w 283692"/>
                  <a:gd name="connsiteY36" fmla="*/ 190310 h 299751"/>
                  <a:gd name="connsiteX37" fmla="*/ 26136 w 283692"/>
                  <a:gd name="connsiteY37" fmla="*/ 235458 h 299751"/>
                  <a:gd name="connsiteX38" fmla="*/ 3753 w 283692"/>
                  <a:gd name="connsiteY38" fmla="*/ 224790 h 299751"/>
                  <a:gd name="connsiteX39" fmla="*/ 5658 w 283692"/>
                  <a:gd name="connsiteY39" fmla="*/ 200025 h 299751"/>
                  <a:gd name="connsiteX40" fmla="*/ 77095 w 283692"/>
                  <a:gd name="connsiteY40" fmla="*/ 166783 h 299751"/>
                  <a:gd name="connsiteX41" fmla="*/ 91097 w 283692"/>
                  <a:gd name="connsiteY41" fmla="*/ 174403 h 299751"/>
                  <a:gd name="connsiteX42" fmla="*/ 276358 w 283692"/>
                  <a:gd name="connsiteY42" fmla="*/ 228600 h 299751"/>
                  <a:gd name="connsiteX43" fmla="*/ 277025 w 283692"/>
                  <a:gd name="connsiteY43" fmla="*/ 228600 h 299751"/>
                  <a:gd name="connsiteX44" fmla="*/ 278454 w 283692"/>
                  <a:gd name="connsiteY44" fmla="*/ 227648 h 299751"/>
                  <a:gd name="connsiteX45" fmla="*/ 277120 w 283692"/>
                  <a:gd name="connsiteY45" fmla="*/ 226695 h 299751"/>
                  <a:gd name="connsiteX46" fmla="*/ 276358 w 283692"/>
                  <a:gd name="connsiteY46" fmla="*/ 226695 h 299751"/>
                  <a:gd name="connsiteX47" fmla="*/ 276358 w 283692"/>
                  <a:gd name="connsiteY47" fmla="*/ 228600 h 299751"/>
                  <a:gd name="connsiteX48" fmla="*/ 276358 w 283692"/>
                  <a:gd name="connsiteY48" fmla="*/ 232029 h 299751"/>
                  <a:gd name="connsiteX49" fmla="*/ 274834 w 283692"/>
                  <a:gd name="connsiteY49" fmla="*/ 232029 h 299751"/>
                  <a:gd name="connsiteX50" fmla="*/ 274834 w 283692"/>
                  <a:gd name="connsiteY50" fmla="*/ 225838 h 299751"/>
                  <a:gd name="connsiteX51" fmla="*/ 277215 w 283692"/>
                  <a:gd name="connsiteY51" fmla="*/ 225647 h 299751"/>
                  <a:gd name="connsiteX52" fmla="*/ 279406 w 283692"/>
                  <a:gd name="connsiteY52" fmla="*/ 226124 h 299751"/>
                  <a:gd name="connsiteX53" fmla="*/ 280073 w 283692"/>
                  <a:gd name="connsiteY53" fmla="*/ 227457 h 299751"/>
                  <a:gd name="connsiteX54" fmla="*/ 278739 w 283692"/>
                  <a:gd name="connsiteY54" fmla="*/ 228981 h 299751"/>
                  <a:gd name="connsiteX55" fmla="*/ 279882 w 283692"/>
                  <a:gd name="connsiteY55" fmla="*/ 230505 h 299751"/>
                  <a:gd name="connsiteX56" fmla="*/ 280359 w 283692"/>
                  <a:gd name="connsiteY56" fmla="*/ 232029 h 299751"/>
                  <a:gd name="connsiteX57" fmla="*/ 278835 w 283692"/>
                  <a:gd name="connsiteY57" fmla="*/ 232029 h 299751"/>
                  <a:gd name="connsiteX58" fmla="*/ 278263 w 283692"/>
                  <a:gd name="connsiteY58" fmla="*/ 230600 h 299751"/>
                  <a:gd name="connsiteX59" fmla="*/ 277025 w 283692"/>
                  <a:gd name="connsiteY59" fmla="*/ 229648 h 299751"/>
                  <a:gd name="connsiteX60" fmla="*/ 276263 w 283692"/>
                  <a:gd name="connsiteY60" fmla="*/ 229648 h 299751"/>
                  <a:gd name="connsiteX61" fmla="*/ 276263 w 283692"/>
                  <a:gd name="connsiteY61" fmla="*/ 232124 h 299751"/>
                  <a:gd name="connsiteX62" fmla="*/ 277311 w 283692"/>
                  <a:gd name="connsiteY62" fmla="*/ 223838 h 299751"/>
                  <a:gd name="connsiteX63" fmla="*/ 272453 w 283692"/>
                  <a:gd name="connsiteY63" fmla="*/ 228886 h 299751"/>
                  <a:gd name="connsiteX64" fmla="*/ 277311 w 283692"/>
                  <a:gd name="connsiteY64" fmla="*/ 233839 h 299751"/>
                  <a:gd name="connsiteX65" fmla="*/ 282073 w 283692"/>
                  <a:gd name="connsiteY65" fmla="*/ 228886 h 299751"/>
                  <a:gd name="connsiteX66" fmla="*/ 277606 w 283692"/>
                  <a:gd name="connsiteY66" fmla="*/ 223846 h 299751"/>
                  <a:gd name="connsiteX67" fmla="*/ 277311 w 283692"/>
                  <a:gd name="connsiteY67" fmla="*/ 223838 h 299751"/>
                  <a:gd name="connsiteX68" fmla="*/ 277311 w 283692"/>
                  <a:gd name="connsiteY68" fmla="*/ 222599 h 299751"/>
                  <a:gd name="connsiteX69" fmla="*/ 283692 w 283692"/>
                  <a:gd name="connsiteY69" fmla="*/ 228886 h 299751"/>
                  <a:gd name="connsiteX70" fmla="*/ 277311 w 283692"/>
                  <a:gd name="connsiteY70" fmla="*/ 235172 h 299751"/>
                  <a:gd name="connsiteX71" fmla="*/ 270834 w 283692"/>
                  <a:gd name="connsiteY71" fmla="*/ 229079 h 299751"/>
                  <a:gd name="connsiteX72" fmla="*/ 270834 w 283692"/>
                  <a:gd name="connsiteY72" fmla="*/ 228886 h 299751"/>
                  <a:gd name="connsiteX73" fmla="*/ 277311 w 283692"/>
                  <a:gd name="connsiteY73" fmla="*/ 222599 h 2997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Lst>
                <a:rect l="l" t="t" r="r" b="b"/>
                <a:pathLst>
                  <a:path w="283692" h="299751">
                    <a:moveTo>
                      <a:pt x="133483" y="100965"/>
                    </a:moveTo>
                    <a:cubicBezTo>
                      <a:pt x="140532" y="100965"/>
                      <a:pt x="146247" y="97250"/>
                      <a:pt x="147104" y="92583"/>
                    </a:cubicBezTo>
                    <a:lnTo>
                      <a:pt x="153962" y="14097"/>
                    </a:lnTo>
                    <a:cubicBezTo>
                      <a:pt x="153962" y="6382"/>
                      <a:pt x="144913" y="0"/>
                      <a:pt x="133483" y="0"/>
                    </a:cubicBezTo>
                    <a:cubicBezTo>
                      <a:pt x="122053" y="0"/>
                      <a:pt x="113004" y="6382"/>
                      <a:pt x="113004" y="14097"/>
                    </a:cubicBezTo>
                    <a:lnTo>
                      <a:pt x="119958" y="92583"/>
                    </a:lnTo>
                    <a:cubicBezTo>
                      <a:pt x="120720" y="97346"/>
                      <a:pt x="126530" y="100870"/>
                      <a:pt x="133483" y="100870"/>
                    </a:cubicBezTo>
                    <a:moveTo>
                      <a:pt x="91097" y="125444"/>
                    </a:moveTo>
                    <a:cubicBezTo>
                      <a:pt x="94621" y="119348"/>
                      <a:pt x="94335" y="112490"/>
                      <a:pt x="90621" y="109442"/>
                    </a:cubicBezTo>
                    <a:lnTo>
                      <a:pt x="26136" y="64294"/>
                    </a:lnTo>
                    <a:cubicBezTo>
                      <a:pt x="19469" y="60389"/>
                      <a:pt x="9468" y="65056"/>
                      <a:pt x="3753" y="74962"/>
                    </a:cubicBezTo>
                    <a:cubicBezTo>
                      <a:pt x="-1962" y="84868"/>
                      <a:pt x="-1010" y="95917"/>
                      <a:pt x="5658" y="99727"/>
                    </a:cubicBezTo>
                    <a:lnTo>
                      <a:pt x="77095" y="132969"/>
                    </a:lnTo>
                    <a:cubicBezTo>
                      <a:pt x="81572" y="134588"/>
                      <a:pt x="87573" y="131445"/>
                      <a:pt x="91097" y="125349"/>
                    </a:cubicBezTo>
                    <a:moveTo>
                      <a:pt x="175869" y="125349"/>
                    </a:moveTo>
                    <a:cubicBezTo>
                      <a:pt x="179394" y="131445"/>
                      <a:pt x="185394" y="134588"/>
                      <a:pt x="189966" y="132969"/>
                    </a:cubicBezTo>
                    <a:lnTo>
                      <a:pt x="261309" y="99727"/>
                    </a:lnTo>
                    <a:cubicBezTo>
                      <a:pt x="267976" y="95917"/>
                      <a:pt x="268929" y="84868"/>
                      <a:pt x="263309" y="74962"/>
                    </a:cubicBezTo>
                    <a:cubicBezTo>
                      <a:pt x="257594" y="65056"/>
                      <a:pt x="247497" y="60389"/>
                      <a:pt x="240830" y="64294"/>
                    </a:cubicBezTo>
                    <a:lnTo>
                      <a:pt x="176346" y="109442"/>
                    </a:lnTo>
                    <a:cubicBezTo>
                      <a:pt x="172726" y="112490"/>
                      <a:pt x="172440" y="119348"/>
                      <a:pt x="175965" y="125444"/>
                    </a:cubicBezTo>
                    <a:moveTo>
                      <a:pt x="133483" y="198787"/>
                    </a:moveTo>
                    <a:cubicBezTo>
                      <a:pt x="140532" y="198787"/>
                      <a:pt x="146247" y="202502"/>
                      <a:pt x="147104" y="207169"/>
                    </a:cubicBezTo>
                    <a:lnTo>
                      <a:pt x="153962" y="285655"/>
                    </a:lnTo>
                    <a:cubicBezTo>
                      <a:pt x="153962" y="293370"/>
                      <a:pt x="144913" y="299752"/>
                      <a:pt x="133483" y="299752"/>
                    </a:cubicBezTo>
                    <a:cubicBezTo>
                      <a:pt x="122053" y="299752"/>
                      <a:pt x="113004" y="293370"/>
                      <a:pt x="113004" y="285655"/>
                    </a:cubicBezTo>
                    <a:lnTo>
                      <a:pt x="119958" y="207169"/>
                    </a:lnTo>
                    <a:cubicBezTo>
                      <a:pt x="120720" y="202406"/>
                      <a:pt x="126530" y="198882"/>
                      <a:pt x="133483" y="198882"/>
                    </a:cubicBezTo>
                    <a:moveTo>
                      <a:pt x="175869" y="174403"/>
                    </a:moveTo>
                    <a:cubicBezTo>
                      <a:pt x="179394" y="168307"/>
                      <a:pt x="185394" y="165164"/>
                      <a:pt x="189966" y="166783"/>
                    </a:cubicBezTo>
                    <a:lnTo>
                      <a:pt x="261309" y="200025"/>
                    </a:lnTo>
                    <a:cubicBezTo>
                      <a:pt x="267976" y="203835"/>
                      <a:pt x="268929" y="214979"/>
                      <a:pt x="263309" y="224790"/>
                    </a:cubicBezTo>
                    <a:cubicBezTo>
                      <a:pt x="257594" y="234696"/>
                      <a:pt x="247497" y="239363"/>
                      <a:pt x="240830" y="235458"/>
                    </a:cubicBezTo>
                    <a:lnTo>
                      <a:pt x="176346" y="190310"/>
                    </a:lnTo>
                    <a:cubicBezTo>
                      <a:pt x="172726" y="187262"/>
                      <a:pt x="172440" y="180404"/>
                      <a:pt x="175965" y="174403"/>
                    </a:cubicBezTo>
                    <a:moveTo>
                      <a:pt x="91097" y="174403"/>
                    </a:moveTo>
                    <a:cubicBezTo>
                      <a:pt x="94621" y="180404"/>
                      <a:pt x="94335" y="187262"/>
                      <a:pt x="90621" y="190310"/>
                    </a:cubicBezTo>
                    <a:lnTo>
                      <a:pt x="26136" y="235458"/>
                    </a:lnTo>
                    <a:cubicBezTo>
                      <a:pt x="19469" y="239268"/>
                      <a:pt x="9468" y="234696"/>
                      <a:pt x="3753" y="224790"/>
                    </a:cubicBezTo>
                    <a:cubicBezTo>
                      <a:pt x="-1962" y="214884"/>
                      <a:pt x="-1010" y="203835"/>
                      <a:pt x="5658" y="200025"/>
                    </a:cubicBezTo>
                    <a:lnTo>
                      <a:pt x="77095" y="166783"/>
                    </a:lnTo>
                    <a:cubicBezTo>
                      <a:pt x="81572" y="165164"/>
                      <a:pt x="87573" y="168307"/>
                      <a:pt x="91097" y="174403"/>
                    </a:cubicBezTo>
                    <a:moveTo>
                      <a:pt x="276358" y="228600"/>
                    </a:moveTo>
                    <a:lnTo>
                      <a:pt x="277025" y="228600"/>
                    </a:lnTo>
                    <a:cubicBezTo>
                      <a:pt x="277787" y="228600"/>
                      <a:pt x="278454" y="228314"/>
                      <a:pt x="278454" y="227648"/>
                    </a:cubicBezTo>
                    <a:cubicBezTo>
                      <a:pt x="278454" y="227076"/>
                      <a:pt x="278073" y="226695"/>
                      <a:pt x="277120" y="226695"/>
                    </a:cubicBezTo>
                    <a:lnTo>
                      <a:pt x="276358" y="226695"/>
                    </a:lnTo>
                    <a:lnTo>
                      <a:pt x="276358" y="228600"/>
                    </a:lnTo>
                    <a:close/>
                    <a:moveTo>
                      <a:pt x="276358" y="232029"/>
                    </a:moveTo>
                    <a:lnTo>
                      <a:pt x="274834" y="232029"/>
                    </a:lnTo>
                    <a:lnTo>
                      <a:pt x="274834" y="225838"/>
                    </a:lnTo>
                    <a:lnTo>
                      <a:pt x="277215" y="225647"/>
                    </a:lnTo>
                    <a:cubicBezTo>
                      <a:pt x="278454" y="225647"/>
                      <a:pt x="278930" y="225838"/>
                      <a:pt x="279406" y="226124"/>
                    </a:cubicBezTo>
                    <a:cubicBezTo>
                      <a:pt x="279787" y="226409"/>
                      <a:pt x="280073" y="226886"/>
                      <a:pt x="280073" y="227457"/>
                    </a:cubicBezTo>
                    <a:cubicBezTo>
                      <a:pt x="280073" y="228219"/>
                      <a:pt x="279501" y="228695"/>
                      <a:pt x="278739" y="228981"/>
                    </a:cubicBezTo>
                    <a:cubicBezTo>
                      <a:pt x="279311" y="229172"/>
                      <a:pt x="279692" y="229743"/>
                      <a:pt x="279882" y="230505"/>
                    </a:cubicBezTo>
                    <a:cubicBezTo>
                      <a:pt x="280073" y="231458"/>
                      <a:pt x="280168" y="231839"/>
                      <a:pt x="280359" y="232029"/>
                    </a:cubicBezTo>
                    <a:lnTo>
                      <a:pt x="278835" y="232029"/>
                    </a:lnTo>
                    <a:cubicBezTo>
                      <a:pt x="278644" y="231839"/>
                      <a:pt x="278454" y="231267"/>
                      <a:pt x="278263" y="230600"/>
                    </a:cubicBezTo>
                    <a:cubicBezTo>
                      <a:pt x="278168" y="229934"/>
                      <a:pt x="277787" y="229648"/>
                      <a:pt x="277025" y="229648"/>
                    </a:cubicBezTo>
                    <a:lnTo>
                      <a:pt x="276263" y="229648"/>
                    </a:lnTo>
                    <a:lnTo>
                      <a:pt x="276263" y="232124"/>
                    </a:lnTo>
                    <a:close/>
                    <a:moveTo>
                      <a:pt x="277311" y="223838"/>
                    </a:moveTo>
                    <a:cubicBezTo>
                      <a:pt x="274453" y="223838"/>
                      <a:pt x="272453" y="226124"/>
                      <a:pt x="272453" y="228886"/>
                    </a:cubicBezTo>
                    <a:cubicBezTo>
                      <a:pt x="272453" y="231648"/>
                      <a:pt x="274548" y="233839"/>
                      <a:pt x="277311" y="233839"/>
                    </a:cubicBezTo>
                    <a:cubicBezTo>
                      <a:pt x="280073" y="233839"/>
                      <a:pt x="282073" y="231648"/>
                      <a:pt x="282073" y="228886"/>
                    </a:cubicBezTo>
                    <a:cubicBezTo>
                      <a:pt x="282235" y="226261"/>
                      <a:pt x="280235" y="224004"/>
                      <a:pt x="277606" y="223846"/>
                    </a:cubicBezTo>
                    <a:cubicBezTo>
                      <a:pt x="277511" y="223840"/>
                      <a:pt x="277406" y="223838"/>
                      <a:pt x="277311" y="223838"/>
                    </a:cubicBezTo>
                    <a:close/>
                    <a:moveTo>
                      <a:pt x="277311" y="222599"/>
                    </a:moveTo>
                    <a:cubicBezTo>
                      <a:pt x="280930" y="222599"/>
                      <a:pt x="283692" y="225362"/>
                      <a:pt x="283692" y="228886"/>
                    </a:cubicBezTo>
                    <a:cubicBezTo>
                      <a:pt x="283692" y="232410"/>
                      <a:pt x="280835" y="235172"/>
                      <a:pt x="277311" y="235172"/>
                    </a:cubicBezTo>
                    <a:cubicBezTo>
                      <a:pt x="273844" y="235277"/>
                      <a:pt x="270938" y="232549"/>
                      <a:pt x="270834" y="229079"/>
                    </a:cubicBezTo>
                    <a:cubicBezTo>
                      <a:pt x="270834" y="229014"/>
                      <a:pt x="270834" y="228951"/>
                      <a:pt x="270834" y="228886"/>
                    </a:cubicBezTo>
                    <a:cubicBezTo>
                      <a:pt x="270834" y="225362"/>
                      <a:pt x="273691" y="222599"/>
                      <a:pt x="277311" y="222599"/>
                    </a:cubicBezTo>
                    <a:close/>
                  </a:path>
                </a:pathLst>
              </a:custGeom>
              <a:solidFill>
                <a:srgbClr val="F3B53B"/>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49" name="Graphic 62">
              <a:extLst>
                <a:ext uri="{FF2B5EF4-FFF2-40B4-BE49-F238E27FC236}">
                  <a16:creationId xmlns:a16="http://schemas.microsoft.com/office/drawing/2014/main" id="{37B24B02-72A4-0D2E-CD77-DD4F4B6DEBF3}"/>
                </a:ext>
              </a:extLst>
            </p:cNvPr>
            <p:cNvGrpSpPr/>
            <p:nvPr/>
          </p:nvGrpSpPr>
          <p:grpSpPr>
            <a:xfrm>
              <a:off x="10718912" y="4227918"/>
              <a:ext cx="894077" cy="331977"/>
              <a:chOff x="8663441" y="3608455"/>
              <a:chExt cx="894077" cy="331977"/>
            </a:xfrm>
          </p:grpSpPr>
          <p:sp>
            <p:nvSpPr>
              <p:cNvPr id="150" name="Freeform: Shape 149">
                <a:extLst>
                  <a:ext uri="{FF2B5EF4-FFF2-40B4-BE49-F238E27FC236}">
                    <a16:creationId xmlns:a16="http://schemas.microsoft.com/office/drawing/2014/main" id="{313AA23C-9D3E-0D8B-7377-0274DAD162E5}"/>
                  </a:ext>
                </a:extLst>
              </p:cNvPr>
              <p:cNvSpPr/>
              <p:nvPr/>
            </p:nvSpPr>
            <p:spPr>
              <a:xfrm flipV="1">
                <a:off x="8663441" y="3608455"/>
                <a:ext cx="894077" cy="331977"/>
              </a:xfrm>
              <a:custGeom>
                <a:avLst/>
                <a:gdLst>
                  <a:gd name="connsiteX0" fmla="*/ 14748 w 894077"/>
                  <a:gd name="connsiteY0" fmla="*/ 314654 h 331977"/>
                  <a:gd name="connsiteX1" fmla="*/ 878346 w 894077"/>
                  <a:gd name="connsiteY1" fmla="*/ 314654 h 331977"/>
                  <a:gd name="connsiteX2" fmla="*/ 878346 w 894077"/>
                  <a:gd name="connsiteY2" fmla="*/ 13030 h 331977"/>
                  <a:gd name="connsiteX3" fmla="*/ 14748 w 894077"/>
                  <a:gd name="connsiteY3" fmla="*/ 13030 h 331977"/>
                  <a:gd name="connsiteX4" fmla="*/ 14748 w 894077"/>
                  <a:gd name="connsiteY4" fmla="*/ 314654 h 331977"/>
                  <a:gd name="connsiteX5" fmla="*/ -365 w 894077"/>
                  <a:gd name="connsiteY5" fmla="*/ -2210 h 331977"/>
                  <a:gd name="connsiteX6" fmla="*/ 893713 w 894077"/>
                  <a:gd name="connsiteY6" fmla="*/ -2210 h 331977"/>
                  <a:gd name="connsiteX7" fmla="*/ 893713 w 894077"/>
                  <a:gd name="connsiteY7" fmla="*/ 329767 h 331977"/>
                  <a:gd name="connsiteX8" fmla="*/ -365 w 894077"/>
                  <a:gd name="connsiteY8" fmla="*/ 329767 h 331977"/>
                  <a:gd name="connsiteX9" fmla="*/ -365 w 894077"/>
                  <a:gd name="connsiteY9" fmla="*/ -2210 h 3319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894077" h="331977">
                    <a:moveTo>
                      <a:pt x="14748" y="314654"/>
                    </a:moveTo>
                    <a:lnTo>
                      <a:pt x="878346" y="314654"/>
                    </a:lnTo>
                    <a:lnTo>
                      <a:pt x="878346" y="13030"/>
                    </a:lnTo>
                    <a:lnTo>
                      <a:pt x="14748" y="13030"/>
                    </a:lnTo>
                    <a:lnTo>
                      <a:pt x="14748" y="314654"/>
                    </a:lnTo>
                    <a:close/>
                    <a:moveTo>
                      <a:pt x="-365" y="-2210"/>
                    </a:moveTo>
                    <a:lnTo>
                      <a:pt x="893713" y="-2210"/>
                    </a:lnTo>
                    <a:lnTo>
                      <a:pt x="893713" y="329767"/>
                    </a:lnTo>
                    <a:lnTo>
                      <a:pt x="-365" y="329767"/>
                    </a:lnTo>
                    <a:lnTo>
                      <a:pt x="-365" y="-2210"/>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51" name="Freeform: Shape 150">
                <a:extLst>
                  <a:ext uri="{FF2B5EF4-FFF2-40B4-BE49-F238E27FC236}">
                    <a16:creationId xmlns:a16="http://schemas.microsoft.com/office/drawing/2014/main" id="{F3D9A59D-40BA-8532-08A6-5268E9756305}"/>
                  </a:ext>
                </a:extLst>
              </p:cNvPr>
              <p:cNvSpPr/>
              <p:nvPr/>
            </p:nvSpPr>
            <p:spPr>
              <a:xfrm flipV="1">
                <a:off x="8740276" y="3684528"/>
                <a:ext cx="174878" cy="179704"/>
              </a:xfrm>
              <a:custGeom>
                <a:avLst/>
                <a:gdLst>
                  <a:gd name="connsiteX0" fmla="*/ 162261 w 174878"/>
                  <a:gd name="connsiteY0" fmla="*/ 166826 h 179704"/>
                  <a:gd name="connsiteX1" fmla="*/ 162261 w 174878"/>
                  <a:gd name="connsiteY1" fmla="*/ 8712 h 179704"/>
                  <a:gd name="connsiteX2" fmla="*/ 174707 w 174878"/>
                  <a:gd name="connsiteY2" fmla="*/ 7061 h 179704"/>
                  <a:gd name="connsiteX3" fmla="*/ 174707 w 174878"/>
                  <a:gd name="connsiteY3" fmla="*/ -2210 h 179704"/>
                  <a:gd name="connsiteX4" fmla="*/ 113366 w 174878"/>
                  <a:gd name="connsiteY4" fmla="*/ -2210 h 179704"/>
                  <a:gd name="connsiteX5" fmla="*/ 113366 w 174878"/>
                  <a:gd name="connsiteY5" fmla="*/ 7061 h 179704"/>
                  <a:gd name="connsiteX6" fmla="*/ 126574 w 174878"/>
                  <a:gd name="connsiteY6" fmla="*/ 8712 h 179704"/>
                  <a:gd name="connsiteX7" fmla="*/ 126574 w 174878"/>
                  <a:gd name="connsiteY7" fmla="*/ 80721 h 179704"/>
                  <a:gd name="connsiteX8" fmla="*/ 48088 w 174878"/>
                  <a:gd name="connsiteY8" fmla="*/ 80721 h 179704"/>
                  <a:gd name="connsiteX9" fmla="*/ 48088 w 174878"/>
                  <a:gd name="connsiteY9" fmla="*/ 8712 h 179704"/>
                  <a:gd name="connsiteX10" fmla="*/ 60153 w 174878"/>
                  <a:gd name="connsiteY10" fmla="*/ 7061 h 179704"/>
                  <a:gd name="connsiteX11" fmla="*/ 60153 w 174878"/>
                  <a:gd name="connsiteY11" fmla="*/ -2210 h 179704"/>
                  <a:gd name="connsiteX12" fmla="*/ -172 w 174878"/>
                  <a:gd name="connsiteY12" fmla="*/ -2210 h 179704"/>
                  <a:gd name="connsiteX13" fmla="*/ -172 w 174878"/>
                  <a:gd name="connsiteY13" fmla="*/ 7061 h 179704"/>
                  <a:gd name="connsiteX14" fmla="*/ 11893 w 174878"/>
                  <a:gd name="connsiteY14" fmla="*/ 8712 h 179704"/>
                  <a:gd name="connsiteX15" fmla="*/ 11893 w 174878"/>
                  <a:gd name="connsiteY15" fmla="*/ 166826 h 179704"/>
                  <a:gd name="connsiteX16" fmla="*/ -172 w 174878"/>
                  <a:gd name="connsiteY16" fmla="*/ 168477 h 179704"/>
                  <a:gd name="connsiteX17" fmla="*/ -172 w 174878"/>
                  <a:gd name="connsiteY17" fmla="*/ 177494 h 179704"/>
                  <a:gd name="connsiteX18" fmla="*/ 60153 w 174878"/>
                  <a:gd name="connsiteY18" fmla="*/ 177494 h 179704"/>
                  <a:gd name="connsiteX19" fmla="*/ 60153 w 174878"/>
                  <a:gd name="connsiteY19" fmla="*/ 168477 h 179704"/>
                  <a:gd name="connsiteX20" fmla="*/ 48088 w 174878"/>
                  <a:gd name="connsiteY20" fmla="*/ 166826 h 179704"/>
                  <a:gd name="connsiteX21" fmla="*/ 48088 w 174878"/>
                  <a:gd name="connsiteY21" fmla="*/ 99263 h 179704"/>
                  <a:gd name="connsiteX22" fmla="*/ 126574 w 174878"/>
                  <a:gd name="connsiteY22" fmla="*/ 99263 h 179704"/>
                  <a:gd name="connsiteX23" fmla="*/ 126574 w 174878"/>
                  <a:gd name="connsiteY23" fmla="*/ 166826 h 179704"/>
                  <a:gd name="connsiteX24" fmla="*/ 113366 w 174878"/>
                  <a:gd name="connsiteY24" fmla="*/ 168477 h 179704"/>
                  <a:gd name="connsiteX25" fmla="*/ 113366 w 174878"/>
                  <a:gd name="connsiteY25" fmla="*/ 177494 h 179704"/>
                  <a:gd name="connsiteX26" fmla="*/ 174707 w 174878"/>
                  <a:gd name="connsiteY26" fmla="*/ 177494 h 179704"/>
                  <a:gd name="connsiteX27" fmla="*/ 174707 w 174878"/>
                  <a:gd name="connsiteY27" fmla="*/ 168477 h 179704"/>
                  <a:gd name="connsiteX28" fmla="*/ 162261 w 174878"/>
                  <a:gd name="connsiteY28" fmla="*/ 166826 h 1797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Lst>
                <a:rect l="l" t="t" r="r" b="b"/>
                <a:pathLst>
                  <a:path w="174878" h="179704">
                    <a:moveTo>
                      <a:pt x="162261" y="166826"/>
                    </a:moveTo>
                    <a:lnTo>
                      <a:pt x="162261" y="8712"/>
                    </a:lnTo>
                    <a:lnTo>
                      <a:pt x="174707" y="7061"/>
                    </a:lnTo>
                    <a:lnTo>
                      <a:pt x="174707" y="-2210"/>
                    </a:lnTo>
                    <a:lnTo>
                      <a:pt x="113366" y="-2210"/>
                    </a:lnTo>
                    <a:lnTo>
                      <a:pt x="113366" y="7061"/>
                    </a:lnTo>
                    <a:lnTo>
                      <a:pt x="126574" y="8712"/>
                    </a:lnTo>
                    <a:lnTo>
                      <a:pt x="126574" y="80721"/>
                    </a:lnTo>
                    <a:lnTo>
                      <a:pt x="48088" y="80721"/>
                    </a:lnTo>
                    <a:lnTo>
                      <a:pt x="48088" y="8712"/>
                    </a:lnTo>
                    <a:lnTo>
                      <a:pt x="60153" y="7061"/>
                    </a:lnTo>
                    <a:lnTo>
                      <a:pt x="60153" y="-2210"/>
                    </a:lnTo>
                    <a:lnTo>
                      <a:pt x="-172" y="-2210"/>
                    </a:lnTo>
                    <a:lnTo>
                      <a:pt x="-172" y="7061"/>
                    </a:lnTo>
                    <a:lnTo>
                      <a:pt x="11893" y="8712"/>
                    </a:lnTo>
                    <a:lnTo>
                      <a:pt x="11893" y="166826"/>
                    </a:lnTo>
                    <a:lnTo>
                      <a:pt x="-172" y="168477"/>
                    </a:lnTo>
                    <a:lnTo>
                      <a:pt x="-172" y="177494"/>
                    </a:lnTo>
                    <a:lnTo>
                      <a:pt x="60153" y="177494"/>
                    </a:lnTo>
                    <a:lnTo>
                      <a:pt x="60153" y="168477"/>
                    </a:lnTo>
                    <a:lnTo>
                      <a:pt x="48088" y="166826"/>
                    </a:lnTo>
                    <a:lnTo>
                      <a:pt x="48088" y="99263"/>
                    </a:lnTo>
                    <a:lnTo>
                      <a:pt x="126574" y="99263"/>
                    </a:lnTo>
                    <a:lnTo>
                      <a:pt x="126574" y="166826"/>
                    </a:lnTo>
                    <a:lnTo>
                      <a:pt x="113366" y="168477"/>
                    </a:lnTo>
                    <a:lnTo>
                      <a:pt x="113366" y="177494"/>
                    </a:lnTo>
                    <a:lnTo>
                      <a:pt x="174707" y="177494"/>
                    </a:lnTo>
                    <a:lnTo>
                      <a:pt x="174707" y="168477"/>
                    </a:lnTo>
                    <a:lnTo>
                      <a:pt x="162261" y="166826"/>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52" name="Freeform: Shape 151">
                <a:extLst>
                  <a:ext uri="{FF2B5EF4-FFF2-40B4-BE49-F238E27FC236}">
                    <a16:creationId xmlns:a16="http://schemas.microsoft.com/office/drawing/2014/main" id="{1A387A77-6079-297E-5FA6-C519775E8FD5}"/>
                  </a:ext>
                </a:extLst>
              </p:cNvPr>
              <p:cNvSpPr/>
              <p:nvPr/>
            </p:nvSpPr>
            <p:spPr>
              <a:xfrm flipV="1">
                <a:off x="8941571" y="3736344"/>
                <a:ext cx="56387" cy="127888"/>
              </a:xfrm>
              <a:custGeom>
                <a:avLst/>
                <a:gdLst>
                  <a:gd name="connsiteX0" fmla="*/ 44562 w 56387"/>
                  <a:gd name="connsiteY0" fmla="*/ 7592 h 127888"/>
                  <a:gd name="connsiteX1" fmla="*/ 56119 w 56387"/>
                  <a:gd name="connsiteY1" fmla="*/ 5941 h 127888"/>
                  <a:gd name="connsiteX2" fmla="*/ 56119 w 56387"/>
                  <a:gd name="connsiteY2" fmla="*/ -2187 h 127888"/>
                  <a:gd name="connsiteX3" fmla="*/ -268 w 56387"/>
                  <a:gd name="connsiteY3" fmla="*/ -2187 h 127888"/>
                  <a:gd name="connsiteX4" fmla="*/ -268 w 56387"/>
                  <a:gd name="connsiteY4" fmla="*/ 5941 h 127888"/>
                  <a:gd name="connsiteX5" fmla="*/ 11288 w 56387"/>
                  <a:gd name="connsiteY5" fmla="*/ 7592 h 127888"/>
                  <a:gd name="connsiteX6" fmla="*/ 11288 w 56387"/>
                  <a:gd name="connsiteY6" fmla="*/ 115922 h 127888"/>
                  <a:gd name="connsiteX7" fmla="*/ -268 w 56387"/>
                  <a:gd name="connsiteY7" fmla="*/ 117574 h 127888"/>
                  <a:gd name="connsiteX8" fmla="*/ -268 w 56387"/>
                  <a:gd name="connsiteY8" fmla="*/ 125701 h 127888"/>
                  <a:gd name="connsiteX9" fmla="*/ 44562 w 56387"/>
                  <a:gd name="connsiteY9" fmla="*/ 125701 h 127888"/>
                  <a:gd name="connsiteX10" fmla="*/ 44562 w 56387"/>
                  <a:gd name="connsiteY10" fmla="*/ 7592 h 1278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6387" h="127888">
                    <a:moveTo>
                      <a:pt x="44562" y="7592"/>
                    </a:moveTo>
                    <a:lnTo>
                      <a:pt x="56119" y="5941"/>
                    </a:lnTo>
                    <a:lnTo>
                      <a:pt x="56119" y="-2187"/>
                    </a:lnTo>
                    <a:lnTo>
                      <a:pt x="-268" y="-2187"/>
                    </a:lnTo>
                    <a:lnTo>
                      <a:pt x="-268" y="5941"/>
                    </a:lnTo>
                    <a:lnTo>
                      <a:pt x="11288" y="7592"/>
                    </a:lnTo>
                    <a:lnTo>
                      <a:pt x="11288" y="115922"/>
                    </a:lnTo>
                    <a:lnTo>
                      <a:pt x="-268" y="117574"/>
                    </a:lnTo>
                    <a:lnTo>
                      <a:pt x="-268" y="125701"/>
                    </a:lnTo>
                    <a:lnTo>
                      <a:pt x="44562" y="125701"/>
                    </a:lnTo>
                    <a:lnTo>
                      <a:pt x="44562" y="7592"/>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53" name="Freeform: Shape 152">
                <a:extLst>
                  <a:ext uri="{FF2B5EF4-FFF2-40B4-BE49-F238E27FC236}">
                    <a16:creationId xmlns:a16="http://schemas.microsoft.com/office/drawing/2014/main" id="{D7342B8A-C8F9-D6DE-D166-828A7991BEB1}"/>
                  </a:ext>
                </a:extLst>
              </p:cNvPr>
              <p:cNvSpPr/>
              <p:nvPr/>
            </p:nvSpPr>
            <p:spPr>
              <a:xfrm flipV="1">
                <a:off x="9022469" y="3684655"/>
                <a:ext cx="56387" cy="179704"/>
              </a:xfrm>
              <a:custGeom>
                <a:avLst/>
                <a:gdLst>
                  <a:gd name="connsiteX0" fmla="*/ -324 w 56387"/>
                  <a:gd name="connsiteY0" fmla="*/ 5791 h 179704"/>
                  <a:gd name="connsiteX1" fmla="*/ 10979 w 56387"/>
                  <a:gd name="connsiteY1" fmla="*/ 7315 h 179704"/>
                  <a:gd name="connsiteX2" fmla="*/ 10979 w 56387"/>
                  <a:gd name="connsiteY2" fmla="*/ 167969 h 179704"/>
                  <a:gd name="connsiteX3" fmla="*/ -324 w 56387"/>
                  <a:gd name="connsiteY3" fmla="*/ 169620 h 179704"/>
                  <a:gd name="connsiteX4" fmla="*/ -324 w 56387"/>
                  <a:gd name="connsiteY4" fmla="*/ 177494 h 179704"/>
                  <a:gd name="connsiteX5" fmla="*/ 44507 w 56387"/>
                  <a:gd name="connsiteY5" fmla="*/ 177494 h 179704"/>
                  <a:gd name="connsiteX6" fmla="*/ 44507 w 56387"/>
                  <a:gd name="connsiteY6" fmla="*/ 7315 h 179704"/>
                  <a:gd name="connsiteX7" fmla="*/ 56064 w 56387"/>
                  <a:gd name="connsiteY7" fmla="*/ 5791 h 179704"/>
                  <a:gd name="connsiteX8" fmla="*/ 56064 w 56387"/>
                  <a:gd name="connsiteY8" fmla="*/ -2210 h 179704"/>
                  <a:gd name="connsiteX9" fmla="*/ -324 w 56387"/>
                  <a:gd name="connsiteY9" fmla="*/ -2210 h 179704"/>
                  <a:gd name="connsiteX10" fmla="*/ -324 w 56387"/>
                  <a:gd name="connsiteY10" fmla="*/ 5791 h 1797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6387" h="179704">
                    <a:moveTo>
                      <a:pt x="-324" y="5791"/>
                    </a:moveTo>
                    <a:lnTo>
                      <a:pt x="10979" y="7315"/>
                    </a:lnTo>
                    <a:lnTo>
                      <a:pt x="10979" y="167969"/>
                    </a:lnTo>
                    <a:lnTo>
                      <a:pt x="-324" y="169620"/>
                    </a:lnTo>
                    <a:lnTo>
                      <a:pt x="-324" y="177494"/>
                    </a:lnTo>
                    <a:lnTo>
                      <a:pt x="44507" y="177494"/>
                    </a:lnTo>
                    <a:lnTo>
                      <a:pt x="44507" y="7315"/>
                    </a:lnTo>
                    <a:lnTo>
                      <a:pt x="56064" y="5791"/>
                    </a:lnTo>
                    <a:lnTo>
                      <a:pt x="56064" y="-2210"/>
                    </a:lnTo>
                    <a:lnTo>
                      <a:pt x="-324" y="-2210"/>
                    </a:lnTo>
                    <a:lnTo>
                      <a:pt x="-324" y="5791"/>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54" name="Freeform: Shape 153">
                <a:extLst>
                  <a:ext uri="{FF2B5EF4-FFF2-40B4-BE49-F238E27FC236}">
                    <a16:creationId xmlns:a16="http://schemas.microsoft.com/office/drawing/2014/main" id="{70635937-FF2B-0D50-8061-FBAA078A1E94}"/>
                  </a:ext>
                </a:extLst>
              </p:cNvPr>
              <p:cNvSpPr/>
              <p:nvPr/>
            </p:nvSpPr>
            <p:spPr>
              <a:xfrm flipV="1">
                <a:off x="9090287" y="3699895"/>
                <a:ext cx="97027" cy="165861"/>
              </a:xfrm>
              <a:custGeom>
                <a:avLst/>
                <a:gdLst>
                  <a:gd name="connsiteX0" fmla="*/ 56766 w 97027"/>
                  <a:gd name="connsiteY0" fmla="*/ 127210 h 165861"/>
                  <a:gd name="connsiteX1" fmla="*/ 86992 w 97027"/>
                  <a:gd name="connsiteY1" fmla="*/ 127210 h 165861"/>
                  <a:gd name="connsiteX2" fmla="*/ 86992 w 97027"/>
                  <a:gd name="connsiteY2" fmla="*/ 115272 h 165861"/>
                  <a:gd name="connsiteX3" fmla="*/ 56766 w 97027"/>
                  <a:gd name="connsiteY3" fmla="*/ 115272 h 165861"/>
                  <a:gd name="connsiteX4" fmla="*/ 56766 w 97027"/>
                  <a:gd name="connsiteY4" fmla="*/ 39199 h 165861"/>
                  <a:gd name="connsiteX5" fmla="*/ 78737 w 97027"/>
                  <a:gd name="connsiteY5" fmla="*/ 13291 h 165861"/>
                  <a:gd name="connsiteX6" fmla="*/ 96644 w 97027"/>
                  <a:gd name="connsiteY6" fmla="*/ 14688 h 165861"/>
                  <a:gd name="connsiteX7" fmla="*/ 96644 w 97027"/>
                  <a:gd name="connsiteY7" fmla="*/ 5925 h 165861"/>
                  <a:gd name="connsiteX8" fmla="*/ 55115 w 97027"/>
                  <a:gd name="connsiteY8" fmla="*/ -2203 h 165861"/>
                  <a:gd name="connsiteX9" fmla="*/ 23238 w 97027"/>
                  <a:gd name="connsiteY9" fmla="*/ 31833 h 165861"/>
                  <a:gd name="connsiteX10" fmla="*/ 23238 w 97027"/>
                  <a:gd name="connsiteY10" fmla="*/ 115272 h 165861"/>
                  <a:gd name="connsiteX11" fmla="*/ -384 w 97027"/>
                  <a:gd name="connsiteY11" fmla="*/ 115272 h 165861"/>
                  <a:gd name="connsiteX12" fmla="*/ -384 w 97027"/>
                  <a:gd name="connsiteY12" fmla="*/ 127210 h 165861"/>
                  <a:gd name="connsiteX13" fmla="*/ 24127 w 97027"/>
                  <a:gd name="connsiteY13" fmla="*/ 127210 h 165861"/>
                  <a:gd name="connsiteX14" fmla="*/ 24127 w 97027"/>
                  <a:gd name="connsiteY14" fmla="*/ 153880 h 165861"/>
                  <a:gd name="connsiteX15" fmla="*/ 56893 w 97027"/>
                  <a:gd name="connsiteY15" fmla="*/ 163659 h 165861"/>
                  <a:gd name="connsiteX16" fmla="*/ 56893 w 97027"/>
                  <a:gd name="connsiteY16" fmla="*/ 127210 h 16586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97027" h="165861">
                    <a:moveTo>
                      <a:pt x="56766" y="127210"/>
                    </a:moveTo>
                    <a:lnTo>
                      <a:pt x="86992" y="127210"/>
                    </a:lnTo>
                    <a:lnTo>
                      <a:pt x="86992" y="115272"/>
                    </a:lnTo>
                    <a:lnTo>
                      <a:pt x="56766" y="115272"/>
                    </a:lnTo>
                    <a:lnTo>
                      <a:pt x="56766" y="39199"/>
                    </a:lnTo>
                    <a:cubicBezTo>
                      <a:pt x="56766" y="19514"/>
                      <a:pt x="60830" y="13291"/>
                      <a:pt x="78737" y="13291"/>
                    </a:cubicBezTo>
                    <a:cubicBezTo>
                      <a:pt x="85341" y="13291"/>
                      <a:pt x="91183" y="13291"/>
                      <a:pt x="96644" y="14688"/>
                    </a:cubicBezTo>
                    <a:lnTo>
                      <a:pt x="96644" y="5925"/>
                    </a:lnTo>
                    <a:cubicBezTo>
                      <a:pt x="80388" y="210"/>
                      <a:pt x="66672" y="-2203"/>
                      <a:pt x="55115" y="-2203"/>
                    </a:cubicBezTo>
                    <a:cubicBezTo>
                      <a:pt x="29207" y="-2203"/>
                      <a:pt x="23238" y="9481"/>
                      <a:pt x="23238" y="31833"/>
                    </a:cubicBezTo>
                    <a:lnTo>
                      <a:pt x="23238" y="115272"/>
                    </a:lnTo>
                    <a:lnTo>
                      <a:pt x="-384" y="115272"/>
                    </a:lnTo>
                    <a:lnTo>
                      <a:pt x="-384" y="127210"/>
                    </a:lnTo>
                    <a:lnTo>
                      <a:pt x="24127" y="127210"/>
                    </a:lnTo>
                    <a:lnTo>
                      <a:pt x="24127" y="153880"/>
                    </a:lnTo>
                    <a:lnTo>
                      <a:pt x="56893" y="163659"/>
                    </a:lnTo>
                    <a:lnTo>
                      <a:pt x="56893" y="127210"/>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55" name="Freeform: Shape 154">
                <a:extLst>
                  <a:ext uri="{FF2B5EF4-FFF2-40B4-BE49-F238E27FC236}">
                    <a16:creationId xmlns:a16="http://schemas.microsoft.com/office/drawing/2014/main" id="{544A9D0C-1DFB-22A7-2FAF-0E6B1DA7767E}"/>
                  </a:ext>
                </a:extLst>
              </p:cNvPr>
              <p:cNvSpPr/>
              <p:nvPr/>
            </p:nvSpPr>
            <p:spPr>
              <a:xfrm flipV="1">
                <a:off x="9192903" y="3732788"/>
                <a:ext cx="136524" cy="135254"/>
              </a:xfrm>
              <a:custGeom>
                <a:avLst/>
                <a:gdLst>
                  <a:gd name="connsiteX0" fmla="*/ 136057 w 136524"/>
                  <a:gd name="connsiteY0" fmla="*/ 64361 h 135254"/>
                  <a:gd name="connsiteX1" fmla="*/ 66716 w 136524"/>
                  <a:gd name="connsiteY1" fmla="*/ -2187 h 135254"/>
                  <a:gd name="connsiteX2" fmla="*/ -467 w 136524"/>
                  <a:gd name="connsiteY2" fmla="*/ 64361 h 135254"/>
                  <a:gd name="connsiteX3" fmla="*/ 68874 w 136524"/>
                  <a:gd name="connsiteY3" fmla="*/ 133068 h 135254"/>
                  <a:gd name="connsiteX4" fmla="*/ 136057 w 136524"/>
                  <a:gd name="connsiteY4" fmla="*/ 64361 h 135254"/>
                  <a:gd name="connsiteX5" fmla="*/ 99227 w 136524"/>
                  <a:gd name="connsiteY5" fmla="*/ 65123 h 135254"/>
                  <a:gd name="connsiteX6" fmla="*/ 67604 w 136524"/>
                  <a:gd name="connsiteY6" fmla="*/ 123162 h 135254"/>
                  <a:gd name="connsiteX7" fmla="*/ 36490 w 136524"/>
                  <a:gd name="connsiteY7" fmla="*/ 65123 h 135254"/>
                  <a:gd name="connsiteX8" fmla="*/ 67604 w 136524"/>
                  <a:gd name="connsiteY8" fmla="*/ 7592 h 135254"/>
                  <a:gd name="connsiteX9" fmla="*/ 99227 w 136524"/>
                  <a:gd name="connsiteY9" fmla="*/ 65123 h 1352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36524" h="135254">
                    <a:moveTo>
                      <a:pt x="136057" y="64361"/>
                    </a:moveTo>
                    <a:cubicBezTo>
                      <a:pt x="136057" y="24483"/>
                      <a:pt x="109133" y="-2187"/>
                      <a:pt x="66716" y="-2187"/>
                    </a:cubicBezTo>
                    <a:cubicBezTo>
                      <a:pt x="25695" y="-2187"/>
                      <a:pt x="-467" y="15212"/>
                      <a:pt x="-467" y="64361"/>
                    </a:cubicBezTo>
                    <a:cubicBezTo>
                      <a:pt x="-467" y="105509"/>
                      <a:pt x="26457" y="133068"/>
                      <a:pt x="68874" y="133068"/>
                    </a:cubicBezTo>
                    <a:cubicBezTo>
                      <a:pt x="110784" y="133068"/>
                      <a:pt x="136057" y="108176"/>
                      <a:pt x="136057" y="64361"/>
                    </a:cubicBezTo>
                    <a:moveTo>
                      <a:pt x="99227" y="65123"/>
                    </a:moveTo>
                    <a:cubicBezTo>
                      <a:pt x="99227" y="105509"/>
                      <a:pt x="87162" y="123162"/>
                      <a:pt x="67604" y="123162"/>
                    </a:cubicBezTo>
                    <a:cubicBezTo>
                      <a:pt x="48554" y="123162"/>
                      <a:pt x="36490" y="106271"/>
                      <a:pt x="36490" y="65123"/>
                    </a:cubicBezTo>
                    <a:cubicBezTo>
                      <a:pt x="36490" y="24483"/>
                      <a:pt x="48554" y="7592"/>
                      <a:pt x="67604" y="7592"/>
                    </a:cubicBezTo>
                    <a:cubicBezTo>
                      <a:pt x="87924" y="7592"/>
                      <a:pt x="99227" y="23721"/>
                      <a:pt x="99227" y="65123"/>
                    </a:cubicBez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56" name="Freeform: Shape 155">
                <a:extLst>
                  <a:ext uri="{FF2B5EF4-FFF2-40B4-BE49-F238E27FC236}">
                    <a16:creationId xmlns:a16="http://schemas.microsoft.com/office/drawing/2014/main" id="{84420C87-FEA3-E05F-31DF-834A0ADC1B4B}"/>
                  </a:ext>
                </a:extLst>
              </p:cNvPr>
              <p:cNvSpPr/>
              <p:nvPr/>
            </p:nvSpPr>
            <p:spPr>
              <a:xfrm flipV="1">
                <a:off x="9342890" y="3733931"/>
                <a:ext cx="139699" cy="130301"/>
              </a:xfrm>
              <a:custGeom>
                <a:avLst/>
                <a:gdLst>
                  <a:gd name="connsiteX0" fmla="*/ 139129 w 139699"/>
                  <a:gd name="connsiteY0" fmla="*/ 5940 h 130301"/>
                  <a:gd name="connsiteX1" fmla="*/ 139129 w 139699"/>
                  <a:gd name="connsiteY1" fmla="*/ -2188 h 130301"/>
                  <a:gd name="connsiteX2" fmla="*/ 82741 w 139699"/>
                  <a:gd name="connsiteY2" fmla="*/ -2188 h 130301"/>
                  <a:gd name="connsiteX3" fmla="*/ 82741 w 139699"/>
                  <a:gd name="connsiteY3" fmla="*/ 5940 h 130301"/>
                  <a:gd name="connsiteX4" fmla="*/ 94044 w 139699"/>
                  <a:gd name="connsiteY4" fmla="*/ 7591 h 130301"/>
                  <a:gd name="connsiteX5" fmla="*/ 94044 w 139699"/>
                  <a:gd name="connsiteY5" fmla="*/ 80361 h 130301"/>
                  <a:gd name="connsiteX6" fmla="*/ 71184 w 139699"/>
                  <a:gd name="connsiteY6" fmla="*/ 109571 h 130301"/>
                  <a:gd name="connsiteX7" fmla="*/ 44514 w 139699"/>
                  <a:gd name="connsiteY7" fmla="*/ 98904 h 130301"/>
                  <a:gd name="connsiteX8" fmla="*/ 44514 w 139699"/>
                  <a:gd name="connsiteY8" fmla="*/ 7591 h 130301"/>
                  <a:gd name="connsiteX9" fmla="*/ 56071 w 139699"/>
                  <a:gd name="connsiteY9" fmla="*/ 5940 h 130301"/>
                  <a:gd name="connsiteX10" fmla="*/ 56071 w 139699"/>
                  <a:gd name="connsiteY10" fmla="*/ -2188 h 130301"/>
                  <a:gd name="connsiteX11" fmla="*/ -571 w 139699"/>
                  <a:gd name="connsiteY11" fmla="*/ -2188 h 130301"/>
                  <a:gd name="connsiteX12" fmla="*/ -571 w 139699"/>
                  <a:gd name="connsiteY12" fmla="*/ 5940 h 130301"/>
                  <a:gd name="connsiteX13" fmla="*/ 10986 w 139699"/>
                  <a:gd name="connsiteY13" fmla="*/ 7591 h 130301"/>
                  <a:gd name="connsiteX14" fmla="*/ 10986 w 139699"/>
                  <a:gd name="connsiteY14" fmla="*/ 115032 h 130301"/>
                  <a:gd name="connsiteX15" fmla="*/ -571 w 139699"/>
                  <a:gd name="connsiteY15" fmla="*/ 116684 h 130301"/>
                  <a:gd name="connsiteX16" fmla="*/ -571 w 139699"/>
                  <a:gd name="connsiteY16" fmla="*/ 125700 h 130301"/>
                  <a:gd name="connsiteX17" fmla="*/ 44514 w 139699"/>
                  <a:gd name="connsiteY17" fmla="*/ 125700 h 130301"/>
                  <a:gd name="connsiteX18" fmla="*/ 44514 w 139699"/>
                  <a:gd name="connsiteY18" fmla="*/ 107920 h 130301"/>
                  <a:gd name="connsiteX19" fmla="*/ 90996 w 139699"/>
                  <a:gd name="connsiteY19" fmla="*/ 128114 h 130301"/>
                  <a:gd name="connsiteX20" fmla="*/ 127572 w 139699"/>
                  <a:gd name="connsiteY20" fmla="*/ 84425 h 130301"/>
                  <a:gd name="connsiteX21" fmla="*/ 127572 w 139699"/>
                  <a:gd name="connsiteY21" fmla="*/ 7464 h 130301"/>
                  <a:gd name="connsiteX22" fmla="*/ 139129 w 139699"/>
                  <a:gd name="connsiteY22" fmla="*/ 5940 h 1303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139699" h="130301">
                    <a:moveTo>
                      <a:pt x="139129" y="5940"/>
                    </a:moveTo>
                    <a:lnTo>
                      <a:pt x="139129" y="-2188"/>
                    </a:lnTo>
                    <a:lnTo>
                      <a:pt x="82741" y="-2188"/>
                    </a:lnTo>
                    <a:lnTo>
                      <a:pt x="82741" y="5940"/>
                    </a:lnTo>
                    <a:lnTo>
                      <a:pt x="94044" y="7591"/>
                    </a:lnTo>
                    <a:lnTo>
                      <a:pt x="94044" y="80361"/>
                    </a:lnTo>
                    <a:cubicBezTo>
                      <a:pt x="94044" y="100555"/>
                      <a:pt x="86551" y="109571"/>
                      <a:pt x="71184" y="109571"/>
                    </a:cubicBezTo>
                    <a:cubicBezTo>
                      <a:pt x="64072" y="109571"/>
                      <a:pt x="52769" y="104619"/>
                      <a:pt x="44514" y="98904"/>
                    </a:cubicBezTo>
                    <a:lnTo>
                      <a:pt x="44514" y="7591"/>
                    </a:lnTo>
                    <a:lnTo>
                      <a:pt x="56071" y="5940"/>
                    </a:lnTo>
                    <a:lnTo>
                      <a:pt x="56071" y="-2188"/>
                    </a:lnTo>
                    <a:lnTo>
                      <a:pt x="-571" y="-2188"/>
                    </a:lnTo>
                    <a:lnTo>
                      <a:pt x="-571" y="5940"/>
                    </a:lnTo>
                    <a:lnTo>
                      <a:pt x="10986" y="7591"/>
                    </a:lnTo>
                    <a:lnTo>
                      <a:pt x="10986" y="115032"/>
                    </a:lnTo>
                    <a:lnTo>
                      <a:pt x="-571" y="116684"/>
                    </a:lnTo>
                    <a:lnTo>
                      <a:pt x="-571" y="125700"/>
                    </a:lnTo>
                    <a:lnTo>
                      <a:pt x="44514" y="125700"/>
                    </a:lnTo>
                    <a:lnTo>
                      <a:pt x="44514" y="107920"/>
                    </a:lnTo>
                    <a:cubicBezTo>
                      <a:pt x="58484" y="119096"/>
                      <a:pt x="72073" y="128114"/>
                      <a:pt x="90996" y="128114"/>
                    </a:cubicBezTo>
                    <a:cubicBezTo>
                      <a:pt x="116269" y="128114"/>
                      <a:pt x="127572" y="113381"/>
                      <a:pt x="127572" y="84425"/>
                    </a:cubicBezTo>
                    <a:lnTo>
                      <a:pt x="127572" y="7464"/>
                    </a:lnTo>
                    <a:lnTo>
                      <a:pt x="139129" y="5940"/>
                    </a:ln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57" name="Freeform: Shape 156">
                <a:extLst>
                  <a:ext uri="{FF2B5EF4-FFF2-40B4-BE49-F238E27FC236}">
                    <a16:creationId xmlns:a16="http://schemas.microsoft.com/office/drawing/2014/main" id="{CD2EDFE1-ED1D-A4C1-29A3-5A9948E95F68}"/>
                  </a:ext>
                </a:extLst>
              </p:cNvPr>
              <p:cNvSpPr/>
              <p:nvPr/>
            </p:nvSpPr>
            <p:spPr>
              <a:xfrm flipV="1">
                <a:off x="8951731" y="3684528"/>
                <a:ext cx="36321" cy="36067"/>
              </a:xfrm>
              <a:custGeom>
                <a:avLst/>
                <a:gdLst>
                  <a:gd name="connsiteX0" fmla="*/ 36053 w 36321"/>
                  <a:gd name="connsiteY0" fmla="*/ 15759 h 36067"/>
                  <a:gd name="connsiteX1" fmla="*/ 17892 w 36321"/>
                  <a:gd name="connsiteY1" fmla="*/ -2274 h 36067"/>
                  <a:gd name="connsiteX2" fmla="*/ -269 w 36321"/>
                  <a:gd name="connsiteY2" fmla="*/ 15759 h 36067"/>
                  <a:gd name="connsiteX3" fmla="*/ 17892 w 36321"/>
                  <a:gd name="connsiteY3" fmla="*/ 33793 h 36067"/>
                  <a:gd name="connsiteX4" fmla="*/ 36053 w 36321"/>
                  <a:gd name="connsiteY4" fmla="*/ 15759 h 3606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6321" h="36067">
                    <a:moveTo>
                      <a:pt x="36053" y="15759"/>
                    </a:moveTo>
                    <a:cubicBezTo>
                      <a:pt x="36053" y="5853"/>
                      <a:pt x="27925" y="-2274"/>
                      <a:pt x="17892" y="-2274"/>
                    </a:cubicBezTo>
                    <a:cubicBezTo>
                      <a:pt x="7859" y="-2274"/>
                      <a:pt x="-269" y="5727"/>
                      <a:pt x="-269" y="15759"/>
                    </a:cubicBezTo>
                    <a:cubicBezTo>
                      <a:pt x="-269" y="25665"/>
                      <a:pt x="7859" y="33793"/>
                      <a:pt x="17892" y="33793"/>
                    </a:cubicBezTo>
                    <a:cubicBezTo>
                      <a:pt x="27925" y="33793"/>
                      <a:pt x="36053" y="25665"/>
                      <a:pt x="36053" y="15759"/>
                    </a:cubicBezTo>
                  </a:path>
                </a:pathLst>
              </a:custGeom>
              <a:solidFill>
                <a:srgbClr val="231F20"/>
              </a:solidFill>
              <a:ln w="1270"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grpSp>
        <p:nvGrpSpPr>
          <p:cNvPr id="162" name="Group 161">
            <a:extLst>
              <a:ext uri="{FF2B5EF4-FFF2-40B4-BE49-F238E27FC236}">
                <a16:creationId xmlns:a16="http://schemas.microsoft.com/office/drawing/2014/main" id="{ADFB8960-2924-A362-4969-BAA73611C590}"/>
              </a:ext>
            </a:extLst>
          </p:cNvPr>
          <p:cNvGrpSpPr/>
          <p:nvPr/>
        </p:nvGrpSpPr>
        <p:grpSpPr>
          <a:xfrm>
            <a:off x="535810" y="2970391"/>
            <a:ext cx="11229202" cy="498764"/>
            <a:chOff x="502559" y="2153473"/>
            <a:chExt cx="11229202" cy="548640"/>
          </a:xfrm>
        </p:grpSpPr>
        <p:sp>
          <p:nvSpPr>
            <p:cNvPr id="163" name="Rectangle 162">
              <a:extLst>
                <a:ext uri="{FF2B5EF4-FFF2-40B4-BE49-F238E27FC236}">
                  <a16:creationId xmlns:a16="http://schemas.microsoft.com/office/drawing/2014/main" id="{50C64A2A-E69B-95AB-4CCB-9E6CBD99F9C6}"/>
                </a:ext>
              </a:extLst>
            </p:cNvPr>
            <p:cNvSpPr/>
            <p:nvPr/>
          </p:nvSpPr>
          <p:spPr>
            <a:xfrm>
              <a:off x="502559" y="2153473"/>
              <a:ext cx="1590701" cy="548640"/>
            </a:xfrm>
            <a:prstGeom prst="rect">
              <a:avLst/>
            </a:prstGeom>
            <a:solidFill>
              <a:srgbClr val="0085BE"/>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R="0" lvl="0" indent="0" algn="ctr" fontAlgn="auto">
                <a:lnSpc>
                  <a:spcPct val="100000"/>
                </a:lnSpc>
                <a:spcBef>
                  <a:spcPts val="0"/>
                </a:spcBef>
                <a:spcAft>
                  <a:spcPts val="0"/>
                </a:spcAft>
                <a:buClrTx/>
                <a:buSzTx/>
                <a:buFontTx/>
                <a:buNone/>
                <a:tabLst/>
                <a:defRPr/>
              </a:pPr>
              <a:r>
                <a:rPr lang="en-US" sz="1200" b="1">
                  <a:solidFill>
                    <a:prstClr val="white"/>
                  </a:solidFill>
                  <a:latin typeface="Roboto" panose="02000000000000000000" pitchFamily="2" charset="0"/>
                  <a:ea typeface="Roboto" panose="02000000000000000000" pitchFamily="2" charset="0"/>
                  <a:cs typeface="Roboto" panose="02000000000000000000" pitchFamily="2" charset="0"/>
                </a:rPr>
                <a:t>Insurance</a:t>
              </a:r>
            </a:p>
          </p:txBody>
        </p:sp>
        <p:sp>
          <p:nvSpPr>
            <p:cNvPr id="164" name="Rectangle 163">
              <a:extLst>
                <a:ext uri="{FF2B5EF4-FFF2-40B4-BE49-F238E27FC236}">
                  <a16:creationId xmlns:a16="http://schemas.microsoft.com/office/drawing/2014/main" id="{9FFA19F4-369F-6DED-19C9-D1810F55A4D9}"/>
                </a:ext>
              </a:extLst>
            </p:cNvPr>
            <p:cNvSpPr/>
            <p:nvPr/>
          </p:nvSpPr>
          <p:spPr>
            <a:xfrm rot="16200000">
              <a:off x="6638553" y="-2391095"/>
              <a:ext cx="548640" cy="9637776"/>
            </a:xfrm>
            <a:prstGeom prst="rect">
              <a:avLst/>
            </a:prstGeom>
            <a:solidFill>
              <a:schemeClr val="bg1"/>
            </a:solidFill>
            <a:ln w="3175">
              <a:solidFill>
                <a:schemeClr val="bg1">
                  <a:lumMod val="65000"/>
                </a:schemeClr>
              </a:solidFill>
              <a:prstDash val="soli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Tahoma" pitchFamily="34" charset="0"/>
                <a:ea typeface="Tahoma" pitchFamily="34" charset="0"/>
                <a:cs typeface="Tahoma" pitchFamily="34" charset="0"/>
              </a:endParaRPr>
            </a:p>
          </p:txBody>
        </p:sp>
        <p:pic>
          <p:nvPicPr>
            <p:cNvPr id="165" name="Picture 2" descr="Cambia Health Solutions">
              <a:extLst>
                <a:ext uri="{FF2B5EF4-FFF2-40B4-BE49-F238E27FC236}">
                  <a16:creationId xmlns:a16="http://schemas.microsoft.com/office/drawing/2014/main" id="{E6AB56F8-2609-E78D-EAA5-4D5663A85ED9}"/>
                </a:ext>
              </a:extLst>
            </p:cNvPr>
            <p:cNvPicPr>
              <a:picLocks noChangeAspect="1" noChangeArrowheads="1"/>
            </p:cNvPicPr>
            <p:nvPr/>
          </p:nvPicPr>
          <p:blipFill>
            <a:blip r:embed="rId45" cstate="screen">
              <a:extLst>
                <a:ext uri="{28A0092B-C50C-407E-A947-70E740481C1C}">
                  <a14:useLocalDpi xmlns:a14="http://schemas.microsoft.com/office/drawing/2010/main" val="0"/>
                </a:ext>
              </a:extLst>
            </a:blip>
            <a:srcRect/>
            <a:stretch>
              <a:fillRect/>
            </a:stretch>
          </p:blipFill>
          <p:spPr bwMode="auto">
            <a:xfrm>
              <a:off x="4033571" y="2319852"/>
              <a:ext cx="787967" cy="215882"/>
            </a:xfrm>
            <a:prstGeom prst="rect">
              <a:avLst/>
            </a:prstGeom>
            <a:noFill/>
          </p:spPr>
        </p:pic>
        <p:pic>
          <p:nvPicPr>
            <p:cNvPr id="166" name="Picture 165">
              <a:extLst>
                <a:ext uri="{FF2B5EF4-FFF2-40B4-BE49-F238E27FC236}">
                  <a16:creationId xmlns:a16="http://schemas.microsoft.com/office/drawing/2014/main" id="{F11F12DC-D1D2-5D37-7151-8E84F966E456}"/>
                </a:ext>
              </a:extLst>
            </p:cNvPr>
            <p:cNvPicPr>
              <a:picLocks noChangeAspect="1" noChangeArrowheads="1"/>
            </p:cNvPicPr>
            <p:nvPr/>
          </p:nvPicPr>
          <p:blipFill>
            <a:blip r:embed="rId46" cstate="screen">
              <a:extLst>
                <a:ext uri="{28A0092B-C50C-407E-A947-70E740481C1C}">
                  <a14:useLocalDpi xmlns:a14="http://schemas.microsoft.com/office/drawing/2010/main" val="0"/>
                </a:ext>
              </a:extLst>
            </a:blip>
            <a:srcRect/>
            <a:stretch>
              <a:fillRect/>
            </a:stretch>
          </p:blipFill>
          <p:spPr bwMode="auto">
            <a:xfrm>
              <a:off x="2205117" y="2260579"/>
              <a:ext cx="1554480" cy="334429"/>
            </a:xfrm>
            <a:prstGeom prst="rect">
              <a:avLst/>
            </a:prstGeom>
            <a:noFill/>
            <a:ln w="9525">
              <a:noFill/>
              <a:miter lim="800000"/>
              <a:headEnd/>
              <a:tailEnd/>
            </a:ln>
          </p:spPr>
        </p:pic>
        <p:pic>
          <p:nvPicPr>
            <p:cNvPr id="167" name="Picture 166" descr="285ff5f.png">
              <a:extLst>
                <a:ext uri="{FF2B5EF4-FFF2-40B4-BE49-F238E27FC236}">
                  <a16:creationId xmlns:a16="http://schemas.microsoft.com/office/drawing/2014/main" id="{1091DFC1-5061-023E-AA2A-099FE208DD4F}"/>
                </a:ext>
              </a:extLst>
            </p:cNvPr>
            <p:cNvPicPr>
              <a:picLocks noChangeAspect="1"/>
            </p:cNvPicPr>
            <p:nvPr/>
          </p:nvPicPr>
          <p:blipFill>
            <a:blip r:embed="rId47" cstate="screen">
              <a:extLst>
                <a:ext uri="{28A0092B-C50C-407E-A947-70E740481C1C}">
                  <a14:useLocalDpi xmlns:a14="http://schemas.microsoft.com/office/drawing/2010/main" val="0"/>
                </a:ext>
              </a:extLst>
            </a:blip>
            <a:stretch>
              <a:fillRect/>
            </a:stretch>
          </p:blipFill>
          <p:spPr>
            <a:xfrm>
              <a:off x="9374824" y="2312064"/>
              <a:ext cx="857256" cy="231459"/>
            </a:xfrm>
            <a:prstGeom prst="rect">
              <a:avLst/>
            </a:prstGeom>
          </p:spPr>
        </p:pic>
        <p:pic>
          <p:nvPicPr>
            <p:cNvPr id="168" name="Picture 167" descr="Untitled-1.jpg">
              <a:extLst>
                <a:ext uri="{FF2B5EF4-FFF2-40B4-BE49-F238E27FC236}">
                  <a16:creationId xmlns:a16="http://schemas.microsoft.com/office/drawing/2014/main" id="{CFFD16E2-FAC8-3EDC-539E-DDE81AC5EF57}"/>
                </a:ext>
              </a:extLst>
            </p:cNvPr>
            <p:cNvPicPr>
              <a:picLocks noChangeAspect="1"/>
            </p:cNvPicPr>
            <p:nvPr/>
          </p:nvPicPr>
          <p:blipFill>
            <a:blip r:embed="rId48" cstate="screen">
              <a:extLst>
                <a:ext uri="{28A0092B-C50C-407E-A947-70E740481C1C}">
                  <a14:useLocalDpi xmlns:a14="http://schemas.microsoft.com/office/drawing/2010/main" val="0"/>
                </a:ext>
              </a:extLst>
            </a:blip>
            <a:stretch>
              <a:fillRect/>
            </a:stretch>
          </p:blipFill>
          <p:spPr>
            <a:xfrm>
              <a:off x="8466348" y="2241280"/>
              <a:ext cx="640080" cy="373027"/>
            </a:xfrm>
            <a:prstGeom prst="rect">
              <a:avLst/>
            </a:prstGeom>
          </p:spPr>
        </p:pic>
        <p:pic>
          <p:nvPicPr>
            <p:cNvPr id="169" name="Picture 168" descr="Untitled-2.jpg">
              <a:extLst>
                <a:ext uri="{FF2B5EF4-FFF2-40B4-BE49-F238E27FC236}">
                  <a16:creationId xmlns:a16="http://schemas.microsoft.com/office/drawing/2014/main" id="{C85DF271-325C-6D90-EA37-E012928DBDDF}"/>
                </a:ext>
              </a:extLst>
            </p:cNvPr>
            <p:cNvPicPr>
              <a:picLocks noChangeAspect="1"/>
            </p:cNvPicPr>
            <p:nvPr/>
          </p:nvPicPr>
          <p:blipFill>
            <a:blip r:embed="rId49" cstate="screen">
              <a:extLst>
                <a:ext uri="{28A0092B-C50C-407E-A947-70E740481C1C}">
                  <a14:useLocalDpi xmlns:a14="http://schemas.microsoft.com/office/drawing/2010/main" val="0"/>
                </a:ext>
              </a:extLst>
            </a:blip>
            <a:stretch>
              <a:fillRect/>
            </a:stretch>
          </p:blipFill>
          <p:spPr>
            <a:xfrm>
              <a:off x="10560414" y="2284062"/>
              <a:ext cx="960127" cy="287463"/>
            </a:xfrm>
            <a:prstGeom prst="rect">
              <a:avLst/>
            </a:prstGeom>
          </p:spPr>
        </p:pic>
        <p:pic>
          <p:nvPicPr>
            <p:cNvPr id="170" name="Picture 169" descr="RGAlogo.png">
              <a:extLst>
                <a:ext uri="{FF2B5EF4-FFF2-40B4-BE49-F238E27FC236}">
                  <a16:creationId xmlns:a16="http://schemas.microsoft.com/office/drawing/2014/main" id="{76DC57A6-6902-E717-DAA8-574761A253A1}"/>
                </a:ext>
              </a:extLst>
            </p:cNvPr>
            <p:cNvPicPr>
              <a:picLocks noChangeAspect="1"/>
            </p:cNvPicPr>
            <p:nvPr/>
          </p:nvPicPr>
          <p:blipFill>
            <a:blip r:embed="rId50" cstate="screen">
              <a:extLst>
                <a:ext uri="{28A0092B-C50C-407E-A947-70E740481C1C}">
                  <a14:useLocalDpi xmlns:a14="http://schemas.microsoft.com/office/drawing/2010/main" val="0"/>
                </a:ext>
              </a:extLst>
            </a:blip>
            <a:stretch>
              <a:fillRect/>
            </a:stretch>
          </p:blipFill>
          <p:spPr>
            <a:xfrm>
              <a:off x="7485942" y="2298574"/>
              <a:ext cx="642942" cy="258438"/>
            </a:xfrm>
            <a:prstGeom prst="rect">
              <a:avLst/>
            </a:prstGeom>
          </p:spPr>
        </p:pic>
        <p:pic>
          <p:nvPicPr>
            <p:cNvPr id="171" name="Picture 170" descr="logo.jpg">
              <a:extLst>
                <a:ext uri="{FF2B5EF4-FFF2-40B4-BE49-F238E27FC236}">
                  <a16:creationId xmlns:a16="http://schemas.microsoft.com/office/drawing/2014/main" id="{A9D4CAF5-6205-A115-9A38-1B39049D54DE}"/>
                </a:ext>
              </a:extLst>
            </p:cNvPr>
            <p:cNvPicPr>
              <a:picLocks noChangeAspect="1"/>
            </p:cNvPicPr>
            <p:nvPr/>
          </p:nvPicPr>
          <p:blipFill>
            <a:blip r:embed="rId51" cstate="screen">
              <a:extLst>
                <a:ext uri="{28A0092B-C50C-407E-A947-70E740481C1C}">
                  <a14:useLocalDpi xmlns:a14="http://schemas.microsoft.com/office/drawing/2010/main" val="0"/>
                </a:ext>
              </a:extLst>
            </a:blip>
            <a:stretch>
              <a:fillRect/>
            </a:stretch>
          </p:blipFill>
          <p:spPr>
            <a:xfrm>
              <a:off x="5117289" y="2199193"/>
              <a:ext cx="1145894" cy="457200"/>
            </a:xfrm>
            <a:prstGeom prst="rect">
              <a:avLst/>
            </a:prstGeom>
          </p:spPr>
        </p:pic>
        <p:pic>
          <p:nvPicPr>
            <p:cNvPr id="172" name="Picture 3">
              <a:extLst>
                <a:ext uri="{FF2B5EF4-FFF2-40B4-BE49-F238E27FC236}">
                  <a16:creationId xmlns:a16="http://schemas.microsoft.com/office/drawing/2014/main" id="{7DE1941F-98A6-CD1D-09D6-1C1A150E2948}"/>
                </a:ext>
              </a:extLst>
            </p:cNvPr>
            <p:cNvPicPr>
              <a:picLocks noChangeAspect="1" noChangeArrowheads="1"/>
            </p:cNvPicPr>
            <p:nvPr/>
          </p:nvPicPr>
          <p:blipFill>
            <a:blip r:embed="rId52" cstate="screen">
              <a:extLst>
                <a:ext uri="{28A0092B-C50C-407E-A947-70E740481C1C}">
                  <a14:useLocalDpi xmlns:a14="http://schemas.microsoft.com/office/drawing/2010/main" val="0"/>
                </a:ext>
              </a:extLst>
            </a:blip>
            <a:srcRect/>
            <a:stretch>
              <a:fillRect/>
            </a:stretch>
          </p:blipFill>
          <p:spPr bwMode="auto">
            <a:xfrm>
              <a:off x="6635338" y="2278991"/>
              <a:ext cx="571504" cy="297604"/>
            </a:xfrm>
            <a:prstGeom prst="rect">
              <a:avLst/>
            </a:prstGeom>
            <a:noFill/>
            <a:ln w="9525">
              <a:noFill/>
              <a:miter lim="800000"/>
              <a:headEnd/>
              <a:tailEnd/>
            </a:ln>
            <a:effectLst/>
          </p:spPr>
        </p:pic>
      </p:grpSp>
      <p:sp>
        <p:nvSpPr>
          <p:cNvPr id="174" name="Rectangle 173">
            <a:extLst>
              <a:ext uri="{FF2B5EF4-FFF2-40B4-BE49-F238E27FC236}">
                <a16:creationId xmlns:a16="http://schemas.microsoft.com/office/drawing/2014/main" id="{9635A0BC-AF58-17D7-061B-CCBEF1D237DD}"/>
              </a:ext>
            </a:extLst>
          </p:cNvPr>
          <p:cNvSpPr/>
          <p:nvPr/>
        </p:nvSpPr>
        <p:spPr>
          <a:xfrm>
            <a:off x="535810" y="3561946"/>
            <a:ext cx="1590701" cy="498764"/>
          </a:xfrm>
          <a:prstGeom prst="rect">
            <a:avLst/>
          </a:prstGeom>
          <a:solidFill>
            <a:srgbClr val="0085BE"/>
          </a:solidFill>
          <a:ln w="3175">
            <a:solidFill>
              <a:srgbClr val="01597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defRPr/>
            </a:pPr>
            <a:r>
              <a:rPr lang="en-US" sz="1200" b="1">
                <a:solidFill>
                  <a:prstClr val="white"/>
                </a:solidFill>
                <a:latin typeface="Roboto" panose="02000000000000000000" pitchFamily="2" charset="0"/>
                <a:ea typeface="Roboto" panose="02000000000000000000" pitchFamily="2" charset="0"/>
                <a:cs typeface="Roboto" panose="02000000000000000000" pitchFamily="2" charset="0"/>
              </a:rPr>
              <a:t>BFSI</a:t>
            </a:r>
          </a:p>
        </p:txBody>
      </p:sp>
      <p:sp>
        <p:nvSpPr>
          <p:cNvPr id="175" name="Rectangle 174">
            <a:extLst>
              <a:ext uri="{FF2B5EF4-FFF2-40B4-BE49-F238E27FC236}">
                <a16:creationId xmlns:a16="http://schemas.microsoft.com/office/drawing/2014/main" id="{63B6CB78-E204-0B0D-B13D-00C0C2E8D58D}"/>
              </a:ext>
            </a:extLst>
          </p:cNvPr>
          <p:cNvSpPr/>
          <p:nvPr/>
        </p:nvSpPr>
        <p:spPr>
          <a:xfrm rot="16200000">
            <a:off x="6696018" y="-1007559"/>
            <a:ext cx="498764" cy="9637776"/>
          </a:xfrm>
          <a:prstGeom prst="rect">
            <a:avLst/>
          </a:prstGeom>
          <a:solidFill>
            <a:schemeClr val="bg1"/>
          </a:solidFill>
          <a:ln w="3175">
            <a:solidFill>
              <a:schemeClr val="bg1">
                <a:lumMod val="65000"/>
              </a:schemeClr>
            </a:solidFill>
            <a:prstDash val="soli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Tahoma" pitchFamily="34" charset="0"/>
              <a:ea typeface="Tahoma" pitchFamily="34" charset="0"/>
              <a:cs typeface="Tahoma" pitchFamily="34" charset="0"/>
            </a:endParaRPr>
          </a:p>
        </p:txBody>
      </p:sp>
      <p:pic>
        <p:nvPicPr>
          <p:cNvPr id="177" name="Picture 176" descr="Logo&#10;&#10;Description automatically generated">
            <a:extLst>
              <a:ext uri="{FF2B5EF4-FFF2-40B4-BE49-F238E27FC236}">
                <a16:creationId xmlns:a16="http://schemas.microsoft.com/office/drawing/2014/main" id="{754FDBF1-A51E-7056-2864-08AAD1AC6912}"/>
              </a:ext>
            </a:extLst>
          </p:cNvPr>
          <p:cNvPicPr>
            <a:picLocks noChangeAspect="1"/>
          </p:cNvPicPr>
          <p:nvPr/>
        </p:nvPicPr>
        <p:blipFill>
          <a:blip r:embed="rId53" cstate="screen">
            <a:extLst>
              <a:ext uri="{28A0092B-C50C-407E-A947-70E740481C1C}">
                <a14:useLocalDpi xmlns:a14="http://schemas.microsoft.com/office/drawing/2010/main" val="0"/>
              </a:ext>
            </a:extLst>
          </a:blip>
          <a:stretch>
            <a:fillRect/>
          </a:stretch>
        </p:blipFill>
        <p:spPr>
          <a:xfrm>
            <a:off x="7273913" y="3689320"/>
            <a:ext cx="832238" cy="225727"/>
          </a:xfrm>
          <a:prstGeom prst="rect">
            <a:avLst/>
          </a:prstGeom>
        </p:spPr>
      </p:pic>
      <p:grpSp>
        <p:nvGrpSpPr>
          <p:cNvPr id="178" name="Graphic 43">
            <a:extLst>
              <a:ext uri="{FF2B5EF4-FFF2-40B4-BE49-F238E27FC236}">
                <a16:creationId xmlns:a16="http://schemas.microsoft.com/office/drawing/2014/main" id="{7C8A6B6E-2FC5-F064-AD0D-043405914884}"/>
              </a:ext>
            </a:extLst>
          </p:cNvPr>
          <p:cNvGrpSpPr/>
          <p:nvPr/>
        </p:nvGrpSpPr>
        <p:grpSpPr>
          <a:xfrm>
            <a:off x="8308003" y="3698793"/>
            <a:ext cx="1201458" cy="243874"/>
            <a:chOff x="3920543" y="2929152"/>
            <a:chExt cx="1493544" cy="333478"/>
          </a:xfrm>
        </p:grpSpPr>
        <p:grpSp>
          <p:nvGrpSpPr>
            <p:cNvPr id="198" name="Graphic 43">
              <a:extLst>
                <a:ext uri="{FF2B5EF4-FFF2-40B4-BE49-F238E27FC236}">
                  <a16:creationId xmlns:a16="http://schemas.microsoft.com/office/drawing/2014/main" id="{4C4C6314-E30B-AA72-5276-B65042259184}"/>
                </a:ext>
              </a:extLst>
            </p:cNvPr>
            <p:cNvGrpSpPr/>
            <p:nvPr/>
          </p:nvGrpSpPr>
          <p:grpSpPr>
            <a:xfrm>
              <a:off x="4255457" y="2984894"/>
              <a:ext cx="1158630" cy="192147"/>
              <a:chOff x="4255457" y="2984894"/>
              <a:chExt cx="1158630" cy="192147"/>
            </a:xfrm>
            <a:solidFill>
              <a:srgbClr val="000000"/>
            </a:solidFill>
          </p:grpSpPr>
          <p:sp>
            <p:nvSpPr>
              <p:cNvPr id="205" name="Freeform: Shape 204">
                <a:extLst>
                  <a:ext uri="{FF2B5EF4-FFF2-40B4-BE49-F238E27FC236}">
                    <a16:creationId xmlns:a16="http://schemas.microsoft.com/office/drawing/2014/main" id="{72215408-CC65-BFCF-3464-DBE0B68872D9}"/>
                  </a:ext>
                </a:extLst>
              </p:cNvPr>
              <p:cNvSpPr/>
              <p:nvPr/>
            </p:nvSpPr>
            <p:spPr>
              <a:xfrm>
                <a:off x="4366833" y="3014736"/>
                <a:ext cx="101307" cy="159734"/>
              </a:xfrm>
              <a:custGeom>
                <a:avLst/>
                <a:gdLst>
                  <a:gd name="connsiteX0" fmla="*/ 20317 w 101307"/>
                  <a:gd name="connsiteY0" fmla="*/ 0 h 159734"/>
                  <a:gd name="connsiteX1" fmla="*/ 0 w 101307"/>
                  <a:gd name="connsiteY1" fmla="*/ 0 h 159734"/>
                  <a:gd name="connsiteX2" fmla="*/ 0 w 101307"/>
                  <a:gd name="connsiteY2" fmla="*/ 159734 h 159734"/>
                  <a:gd name="connsiteX3" fmla="*/ 101308 w 101307"/>
                  <a:gd name="connsiteY3" fmla="*/ 159734 h 159734"/>
                  <a:gd name="connsiteX4" fmla="*/ 101308 w 101307"/>
                  <a:gd name="connsiteY4" fmla="*/ 139865 h 159734"/>
                  <a:gd name="connsiteX5" fmla="*/ 20317 w 101307"/>
                  <a:gd name="connsiteY5" fmla="*/ 139865 h 15973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1307" h="159734">
                    <a:moveTo>
                      <a:pt x="20317" y="0"/>
                    </a:moveTo>
                    <a:lnTo>
                      <a:pt x="0" y="0"/>
                    </a:lnTo>
                    <a:lnTo>
                      <a:pt x="0" y="159734"/>
                    </a:lnTo>
                    <a:lnTo>
                      <a:pt x="101308" y="159734"/>
                    </a:lnTo>
                    <a:lnTo>
                      <a:pt x="101308" y="139865"/>
                    </a:lnTo>
                    <a:lnTo>
                      <a:pt x="20317" y="139865"/>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06" name="Freeform: Shape 205">
                <a:extLst>
                  <a:ext uri="{FF2B5EF4-FFF2-40B4-BE49-F238E27FC236}">
                    <a16:creationId xmlns:a16="http://schemas.microsoft.com/office/drawing/2014/main" id="{0A11AF02-F77E-6DF7-8B8F-469D28D44217}"/>
                  </a:ext>
                </a:extLst>
              </p:cNvPr>
              <p:cNvSpPr/>
              <p:nvPr/>
            </p:nvSpPr>
            <p:spPr>
              <a:xfrm>
                <a:off x="5138215" y="3060275"/>
                <a:ext cx="104813" cy="116766"/>
              </a:xfrm>
              <a:custGeom>
                <a:avLst/>
                <a:gdLst>
                  <a:gd name="connsiteX0" fmla="*/ 104813 w 104813"/>
                  <a:gd name="connsiteY0" fmla="*/ 11773 h 116766"/>
                  <a:gd name="connsiteX1" fmla="*/ 91269 w 104813"/>
                  <a:gd name="connsiteY1" fmla="*/ 0 h 116766"/>
                  <a:gd name="connsiteX2" fmla="*/ 52407 w 104813"/>
                  <a:gd name="connsiteY2" fmla="*/ 44710 h 116766"/>
                  <a:gd name="connsiteX3" fmla="*/ 13878 w 104813"/>
                  <a:gd name="connsiteY3" fmla="*/ 381 h 116766"/>
                  <a:gd name="connsiteX4" fmla="*/ 13535 w 104813"/>
                  <a:gd name="connsiteY4" fmla="*/ 0 h 116766"/>
                  <a:gd name="connsiteX5" fmla="*/ 0 w 104813"/>
                  <a:gd name="connsiteY5" fmla="*/ 11773 h 116766"/>
                  <a:gd name="connsiteX6" fmla="*/ 40519 w 104813"/>
                  <a:gd name="connsiteY6" fmla="*/ 58388 h 116766"/>
                  <a:gd name="connsiteX7" fmla="*/ 333 w 104813"/>
                  <a:gd name="connsiteY7" fmla="*/ 104604 h 116766"/>
                  <a:gd name="connsiteX8" fmla="*/ 0 w 104813"/>
                  <a:gd name="connsiteY8" fmla="*/ 104994 h 116766"/>
                  <a:gd name="connsiteX9" fmla="*/ 13535 w 104813"/>
                  <a:gd name="connsiteY9" fmla="*/ 116767 h 116766"/>
                  <a:gd name="connsiteX10" fmla="*/ 52407 w 104813"/>
                  <a:gd name="connsiteY10" fmla="*/ 72057 h 116766"/>
                  <a:gd name="connsiteX11" fmla="*/ 90935 w 104813"/>
                  <a:gd name="connsiteY11" fmla="*/ 116376 h 116766"/>
                  <a:gd name="connsiteX12" fmla="*/ 91269 w 104813"/>
                  <a:gd name="connsiteY12" fmla="*/ 116767 h 116766"/>
                  <a:gd name="connsiteX13" fmla="*/ 104813 w 104813"/>
                  <a:gd name="connsiteY13" fmla="*/ 104994 h 116766"/>
                  <a:gd name="connsiteX14" fmla="*/ 64294 w 104813"/>
                  <a:gd name="connsiteY14" fmla="*/ 58388 h 116766"/>
                  <a:gd name="connsiteX15" fmla="*/ 104480 w 104813"/>
                  <a:gd name="connsiteY15" fmla="*/ 12163 h 1167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104813" h="116766">
                    <a:moveTo>
                      <a:pt x="104813" y="11773"/>
                    </a:moveTo>
                    <a:lnTo>
                      <a:pt x="91269" y="0"/>
                    </a:lnTo>
                    <a:lnTo>
                      <a:pt x="52407" y="44710"/>
                    </a:lnTo>
                    <a:lnTo>
                      <a:pt x="13878" y="381"/>
                    </a:lnTo>
                    <a:lnTo>
                      <a:pt x="13535" y="0"/>
                    </a:lnTo>
                    <a:lnTo>
                      <a:pt x="0" y="11773"/>
                    </a:lnTo>
                    <a:lnTo>
                      <a:pt x="40519" y="58388"/>
                    </a:lnTo>
                    <a:lnTo>
                      <a:pt x="333" y="104604"/>
                    </a:lnTo>
                    <a:lnTo>
                      <a:pt x="0" y="104994"/>
                    </a:lnTo>
                    <a:lnTo>
                      <a:pt x="13535" y="116767"/>
                    </a:lnTo>
                    <a:lnTo>
                      <a:pt x="52407" y="72057"/>
                    </a:lnTo>
                    <a:lnTo>
                      <a:pt x="90935" y="116376"/>
                    </a:lnTo>
                    <a:lnTo>
                      <a:pt x="91269" y="116767"/>
                    </a:lnTo>
                    <a:lnTo>
                      <a:pt x="104813" y="104994"/>
                    </a:lnTo>
                    <a:lnTo>
                      <a:pt x="64294" y="58388"/>
                    </a:lnTo>
                    <a:lnTo>
                      <a:pt x="104480" y="12163"/>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07" name="Freeform: Shape 206">
                <a:extLst>
                  <a:ext uri="{FF2B5EF4-FFF2-40B4-BE49-F238E27FC236}">
                    <a16:creationId xmlns:a16="http://schemas.microsoft.com/office/drawing/2014/main" id="{3A3AC1DB-C6C3-420B-A213-FABC009F35FA}"/>
                  </a:ext>
                </a:extLst>
              </p:cNvPr>
              <p:cNvSpPr/>
              <p:nvPr/>
            </p:nvSpPr>
            <p:spPr>
              <a:xfrm>
                <a:off x="4864552" y="3014736"/>
                <a:ext cx="133273" cy="159734"/>
              </a:xfrm>
              <a:custGeom>
                <a:avLst/>
                <a:gdLst>
                  <a:gd name="connsiteX0" fmla="*/ 112967 w 133273"/>
                  <a:gd name="connsiteY0" fmla="*/ 114824 h 159734"/>
                  <a:gd name="connsiteX1" fmla="*/ 4020 w 133273"/>
                  <a:gd name="connsiteY1" fmla="*/ 0 h 159734"/>
                  <a:gd name="connsiteX2" fmla="*/ 0 w 133273"/>
                  <a:gd name="connsiteY2" fmla="*/ 0 h 159734"/>
                  <a:gd name="connsiteX3" fmla="*/ 0 w 133273"/>
                  <a:gd name="connsiteY3" fmla="*/ 159734 h 159734"/>
                  <a:gd name="connsiteX4" fmla="*/ 20317 w 133273"/>
                  <a:gd name="connsiteY4" fmla="*/ 159734 h 159734"/>
                  <a:gd name="connsiteX5" fmla="*/ 20317 w 133273"/>
                  <a:gd name="connsiteY5" fmla="*/ 44910 h 159734"/>
                  <a:gd name="connsiteX6" fmla="*/ 129264 w 133273"/>
                  <a:gd name="connsiteY6" fmla="*/ 159734 h 159734"/>
                  <a:gd name="connsiteX7" fmla="*/ 133274 w 133273"/>
                  <a:gd name="connsiteY7" fmla="*/ 159734 h 159734"/>
                  <a:gd name="connsiteX8" fmla="*/ 133274 w 133273"/>
                  <a:gd name="connsiteY8" fmla="*/ 0 h 159734"/>
                  <a:gd name="connsiteX9" fmla="*/ 112967 w 133273"/>
                  <a:gd name="connsiteY9" fmla="*/ 0 h 15973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33273" h="159734">
                    <a:moveTo>
                      <a:pt x="112967" y="114824"/>
                    </a:moveTo>
                    <a:lnTo>
                      <a:pt x="4020" y="0"/>
                    </a:lnTo>
                    <a:lnTo>
                      <a:pt x="0" y="0"/>
                    </a:lnTo>
                    <a:lnTo>
                      <a:pt x="0" y="159734"/>
                    </a:lnTo>
                    <a:lnTo>
                      <a:pt x="20317" y="159734"/>
                    </a:lnTo>
                    <a:lnTo>
                      <a:pt x="20317" y="44910"/>
                    </a:lnTo>
                    <a:lnTo>
                      <a:pt x="129264" y="159734"/>
                    </a:lnTo>
                    <a:lnTo>
                      <a:pt x="133274" y="159734"/>
                    </a:lnTo>
                    <a:lnTo>
                      <a:pt x="133274" y="0"/>
                    </a:lnTo>
                    <a:lnTo>
                      <a:pt x="112967" y="0"/>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08" name="Freeform: Shape 207">
                <a:extLst>
                  <a:ext uri="{FF2B5EF4-FFF2-40B4-BE49-F238E27FC236}">
                    <a16:creationId xmlns:a16="http://schemas.microsoft.com/office/drawing/2014/main" id="{C95593D9-46E8-22AB-B33D-11E66B4257CB}"/>
                  </a:ext>
                </a:extLst>
              </p:cNvPr>
              <p:cNvSpPr/>
              <p:nvPr/>
            </p:nvSpPr>
            <p:spPr>
              <a:xfrm>
                <a:off x="5263364" y="3062846"/>
                <a:ext cx="19202" cy="111623"/>
              </a:xfrm>
              <a:custGeom>
                <a:avLst/>
                <a:gdLst>
                  <a:gd name="connsiteX0" fmla="*/ 0 w 19202"/>
                  <a:gd name="connsiteY0" fmla="*/ 0 h 111623"/>
                  <a:gd name="connsiteX1" fmla="*/ 19202 w 19202"/>
                  <a:gd name="connsiteY1" fmla="*/ 0 h 111623"/>
                  <a:gd name="connsiteX2" fmla="*/ 19202 w 19202"/>
                  <a:gd name="connsiteY2" fmla="*/ 111623 h 111623"/>
                  <a:gd name="connsiteX3" fmla="*/ 0 w 19202"/>
                  <a:gd name="connsiteY3" fmla="*/ 111623 h 111623"/>
                </a:gdLst>
                <a:ahLst/>
                <a:cxnLst>
                  <a:cxn ang="0">
                    <a:pos x="connsiteX0" y="connsiteY0"/>
                  </a:cxn>
                  <a:cxn ang="0">
                    <a:pos x="connsiteX1" y="connsiteY1"/>
                  </a:cxn>
                  <a:cxn ang="0">
                    <a:pos x="connsiteX2" y="connsiteY2"/>
                  </a:cxn>
                  <a:cxn ang="0">
                    <a:pos x="connsiteX3" y="connsiteY3"/>
                  </a:cxn>
                </a:cxnLst>
                <a:rect l="l" t="t" r="r" b="b"/>
                <a:pathLst>
                  <a:path w="19202" h="111623">
                    <a:moveTo>
                      <a:pt x="0" y="0"/>
                    </a:moveTo>
                    <a:lnTo>
                      <a:pt x="19202" y="0"/>
                    </a:lnTo>
                    <a:lnTo>
                      <a:pt x="19202" y="111623"/>
                    </a:lnTo>
                    <a:lnTo>
                      <a:pt x="0" y="111623"/>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09" name="Freeform: Shape 208">
                <a:extLst>
                  <a:ext uri="{FF2B5EF4-FFF2-40B4-BE49-F238E27FC236}">
                    <a16:creationId xmlns:a16="http://schemas.microsoft.com/office/drawing/2014/main" id="{5D7F7CFC-FE3D-000E-A8C0-1B3E19DE7E0C}"/>
                  </a:ext>
                </a:extLst>
              </p:cNvPr>
              <p:cNvSpPr/>
              <p:nvPr/>
            </p:nvSpPr>
            <p:spPr>
              <a:xfrm>
                <a:off x="5262459" y="3014736"/>
                <a:ext cx="21002" cy="17973"/>
              </a:xfrm>
              <a:custGeom>
                <a:avLst/>
                <a:gdLst>
                  <a:gd name="connsiteX0" fmla="*/ 0 w 21002"/>
                  <a:gd name="connsiteY0" fmla="*/ 0 h 17973"/>
                  <a:gd name="connsiteX1" fmla="*/ 21003 w 21002"/>
                  <a:gd name="connsiteY1" fmla="*/ 0 h 17973"/>
                  <a:gd name="connsiteX2" fmla="*/ 21003 w 21002"/>
                  <a:gd name="connsiteY2" fmla="*/ 17974 h 17973"/>
                  <a:gd name="connsiteX3" fmla="*/ 0 w 21002"/>
                  <a:gd name="connsiteY3" fmla="*/ 17974 h 17973"/>
                </a:gdLst>
                <a:ahLst/>
                <a:cxnLst>
                  <a:cxn ang="0">
                    <a:pos x="connsiteX0" y="connsiteY0"/>
                  </a:cxn>
                  <a:cxn ang="0">
                    <a:pos x="connsiteX1" y="connsiteY1"/>
                  </a:cxn>
                  <a:cxn ang="0">
                    <a:pos x="connsiteX2" y="connsiteY2"/>
                  </a:cxn>
                  <a:cxn ang="0">
                    <a:pos x="connsiteX3" y="connsiteY3"/>
                  </a:cxn>
                </a:cxnLst>
                <a:rect l="l" t="t" r="r" b="b"/>
                <a:pathLst>
                  <a:path w="21002" h="17973">
                    <a:moveTo>
                      <a:pt x="0" y="0"/>
                    </a:moveTo>
                    <a:lnTo>
                      <a:pt x="21003" y="0"/>
                    </a:lnTo>
                    <a:lnTo>
                      <a:pt x="21003" y="17974"/>
                    </a:lnTo>
                    <a:lnTo>
                      <a:pt x="0" y="17974"/>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0" name="Freeform: Shape 209">
                <a:extLst>
                  <a:ext uri="{FF2B5EF4-FFF2-40B4-BE49-F238E27FC236}">
                    <a16:creationId xmlns:a16="http://schemas.microsoft.com/office/drawing/2014/main" id="{598F1C67-7022-FC26-E865-E4EFAA34F858}"/>
                  </a:ext>
                </a:extLst>
              </p:cNvPr>
              <p:cNvSpPr/>
              <p:nvPr/>
            </p:nvSpPr>
            <p:spPr>
              <a:xfrm>
                <a:off x="5021686" y="3061056"/>
                <a:ext cx="110509" cy="115195"/>
              </a:xfrm>
              <a:custGeom>
                <a:avLst/>
                <a:gdLst>
                  <a:gd name="connsiteX0" fmla="*/ 56036 w 110509"/>
                  <a:gd name="connsiteY0" fmla="*/ 0 h 115195"/>
                  <a:gd name="connsiteX1" fmla="*/ 0 w 110509"/>
                  <a:gd name="connsiteY1" fmla="*/ 57598 h 115195"/>
                  <a:gd name="connsiteX2" fmla="*/ 57379 w 110509"/>
                  <a:gd name="connsiteY2" fmla="*/ 115195 h 115195"/>
                  <a:gd name="connsiteX3" fmla="*/ 102251 w 110509"/>
                  <a:gd name="connsiteY3" fmla="*/ 97107 h 115195"/>
                  <a:gd name="connsiteX4" fmla="*/ 102156 w 110509"/>
                  <a:gd name="connsiteY4" fmla="*/ 97003 h 115195"/>
                  <a:gd name="connsiteX5" fmla="*/ 88487 w 110509"/>
                  <a:gd name="connsiteY5" fmla="*/ 85125 h 115195"/>
                  <a:gd name="connsiteX6" fmla="*/ 57379 w 110509"/>
                  <a:gd name="connsiteY6" fmla="*/ 97107 h 115195"/>
                  <a:gd name="connsiteX7" fmla="*/ 19869 w 110509"/>
                  <a:gd name="connsiteY7" fmla="*/ 62284 h 115195"/>
                  <a:gd name="connsiteX8" fmla="*/ 110509 w 110509"/>
                  <a:gd name="connsiteY8" fmla="*/ 62284 h 115195"/>
                  <a:gd name="connsiteX9" fmla="*/ 56036 w 110509"/>
                  <a:gd name="connsiteY9" fmla="*/ 0 h 115195"/>
                  <a:gd name="connsiteX10" fmla="*/ 20765 w 110509"/>
                  <a:gd name="connsiteY10" fmla="*/ 45549 h 115195"/>
                  <a:gd name="connsiteX11" fmla="*/ 54921 w 110509"/>
                  <a:gd name="connsiteY11" fmla="*/ 17640 h 115195"/>
                  <a:gd name="connsiteX12" fmla="*/ 88859 w 110509"/>
                  <a:gd name="connsiteY12" fmla="*/ 45549 h 115195"/>
                  <a:gd name="connsiteX13" fmla="*/ 20765 w 110509"/>
                  <a:gd name="connsiteY13" fmla="*/ 45549 h 1151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10509" h="115195">
                    <a:moveTo>
                      <a:pt x="56036" y="0"/>
                    </a:moveTo>
                    <a:cubicBezTo>
                      <a:pt x="24784" y="0"/>
                      <a:pt x="0" y="25232"/>
                      <a:pt x="0" y="57598"/>
                    </a:cubicBezTo>
                    <a:cubicBezTo>
                      <a:pt x="0" y="89745"/>
                      <a:pt x="24327" y="115195"/>
                      <a:pt x="57379" y="115195"/>
                    </a:cubicBezTo>
                    <a:cubicBezTo>
                      <a:pt x="76800" y="115195"/>
                      <a:pt x="92650" y="107156"/>
                      <a:pt x="102251" y="97107"/>
                    </a:cubicBezTo>
                    <a:lnTo>
                      <a:pt x="102156" y="97003"/>
                    </a:lnTo>
                    <a:lnTo>
                      <a:pt x="88487" y="85125"/>
                    </a:lnTo>
                    <a:cubicBezTo>
                      <a:pt x="81296" y="91659"/>
                      <a:pt x="70504" y="97107"/>
                      <a:pt x="57379" y="97107"/>
                    </a:cubicBezTo>
                    <a:cubicBezTo>
                      <a:pt x="37062" y="97107"/>
                      <a:pt x="21660" y="82153"/>
                      <a:pt x="19869" y="62284"/>
                    </a:cubicBezTo>
                    <a:lnTo>
                      <a:pt x="110509" y="62284"/>
                    </a:lnTo>
                    <a:cubicBezTo>
                      <a:pt x="110061" y="22555"/>
                      <a:pt x="87287" y="0"/>
                      <a:pt x="56036" y="0"/>
                    </a:cubicBezTo>
                    <a:close/>
                    <a:moveTo>
                      <a:pt x="20765" y="45549"/>
                    </a:moveTo>
                    <a:cubicBezTo>
                      <a:pt x="24784" y="28585"/>
                      <a:pt x="38624" y="17640"/>
                      <a:pt x="54921" y="17640"/>
                    </a:cubicBezTo>
                    <a:cubicBezTo>
                      <a:pt x="71885" y="17421"/>
                      <a:pt x="86173" y="27241"/>
                      <a:pt x="88859" y="45549"/>
                    </a:cubicBezTo>
                    <a:lnTo>
                      <a:pt x="20765" y="45549"/>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1" name="Freeform: Shape 210">
                <a:extLst>
                  <a:ext uri="{FF2B5EF4-FFF2-40B4-BE49-F238E27FC236}">
                    <a16:creationId xmlns:a16="http://schemas.microsoft.com/office/drawing/2014/main" id="{41948741-18E5-2CEB-FBB3-984B52BF918B}"/>
                  </a:ext>
                </a:extLst>
              </p:cNvPr>
              <p:cNvSpPr/>
              <p:nvPr/>
            </p:nvSpPr>
            <p:spPr>
              <a:xfrm>
                <a:off x="5301683" y="3061056"/>
                <a:ext cx="81705" cy="115204"/>
              </a:xfrm>
              <a:custGeom>
                <a:avLst/>
                <a:gdLst>
                  <a:gd name="connsiteX0" fmla="*/ 51540 w 81705"/>
                  <a:gd name="connsiteY0" fmla="*/ 49787 h 115204"/>
                  <a:gd name="connsiteX1" fmla="*/ 42024 w 81705"/>
                  <a:gd name="connsiteY1" fmla="*/ 46434 h 115204"/>
                  <a:gd name="connsiteX2" fmla="*/ 25079 w 81705"/>
                  <a:gd name="connsiteY2" fmla="*/ 29470 h 115204"/>
                  <a:gd name="connsiteX3" fmla="*/ 41557 w 81705"/>
                  <a:gd name="connsiteY3" fmla="*/ 17193 h 115204"/>
                  <a:gd name="connsiteX4" fmla="*/ 60379 w 81705"/>
                  <a:gd name="connsiteY4" fmla="*/ 25898 h 115204"/>
                  <a:gd name="connsiteX5" fmla="*/ 73390 w 81705"/>
                  <a:gd name="connsiteY5" fmla="*/ 14592 h 115204"/>
                  <a:gd name="connsiteX6" fmla="*/ 41567 w 81705"/>
                  <a:gd name="connsiteY6" fmla="*/ 0 h 115204"/>
                  <a:gd name="connsiteX7" fmla="*/ 5362 w 81705"/>
                  <a:gd name="connsiteY7" fmla="*/ 29689 h 115204"/>
                  <a:gd name="connsiteX8" fmla="*/ 32975 w 81705"/>
                  <a:gd name="connsiteY8" fmla="*/ 62732 h 115204"/>
                  <a:gd name="connsiteX9" fmla="*/ 42034 w 81705"/>
                  <a:gd name="connsiteY9" fmla="*/ 66084 h 115204"/>
                  <a:gd name="connsiteX10" fmla="*/ 61750 w 81705"/>
                  <a:gd name="connsiteY10" fmla="*/ 83944 h 115204"/>
                  <a:gd name="connsiteX11" fmla="*/ 41100 w 81705"/>
                  <a:gd name="connsiteY11" fmla="*/ 98012 h 115204"/>
                  <a:gd name="connsiteX12" fmla="*/ 13716 w 81705"/>
                  <a:gd name="connsiteY12" fmla="*/ 83944 h 115204"/>
                  <a:gd name="connsiteX13" fmla="*/ 0 w 81705"/>
                  <a:gd name="connsiteY13" fmla="*/ 95869 h 115204"/>
                  <a:gd name="connsiteX14" fmla="*/ 40634 w 81705"/>
                  <a:gd name="connsiteY14" fmla="*/ 115205 h 115204"/>
                  <a:gd name="connsiteX15" fmla="*/ 81705 w 81705"/>
                  <a:gd name="connsiteY15" fmla="*/ 83277 h 115204"/>
                  <a:gd name="connsiteX16" fmla="*/ 51540 w 81705"/>
                  <a:gd name="connsiteY16" fmla="*/ 49787 h 1152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81705" h="115204">
                    <a:moveTo>
                      <a:pt x="51540" y="49787"/>
                    </a:moveTo>
                    <a:lnTo>
                      <a:pt x="42024" y="46434"/>
                    </a:lnTo>
                    <a:cubicBezTo>
                      <a:pt x="28565" y="41748"/>
                      <a:pt x="25079" y="36385"/>
                      <a:pt x="25079" y="29470"/>
                    </a:cubicBezTo>
                    <a:cubicBezTo>
                      <a:pt x="25079" y="21650"/>
                      <a:pt x="32737" y="17193"/>
                      <a:pt x="41557" y="17193"/>
                    </a:cubicBezTo>
                    <a:cubicBezTo>
                      <a:pt x="49701" y="17193"/>
                      <a:pt x="55464" y="20517"/>
                      <a:pt x="60379" y="25898"/>
                    </a:cubicBezTo>
                    <a:lnTo>
                      <a:pt x="73390" y="14592"/>
                    </a:lnTo>
                    <a:cubicBezTo>
                      <a:pt x="65256" y="4829"/>
                      <a:pt x="54397" y="0"/>
                      <a:pt x="41567" y="0"/>
                    </a:cubicBezTo>
                    <a:cubicBezTo>
                      <a:pt x="20450" y="0"/>
                      <a:pt x="5362" y="12944"/>
                      <a:pt x="5362" y="29689"/>
                    </a:cubicBezTo>
                    <a:cubicBezTo>
                      <a:pt x="5362" y="43082"/>
                      <a:pt x="12554" y="55359"/>
                      <a:pt x="32975" y="62732"/>
                    </a:cubicBezTo>
                    <a:lnTo>
                      <a:pt x="42034" y="66084"/>
                    </a:lnTo>
                    <a:cubicBezTo>
                      <a:pt x="55721" y="70771"/>
                      <a:pt x="61750" y="75457"/>
                      <a:pt x="61750" y="83944"/>
                    </a:cubicBezTo>
                    <a:cubicBezTo>
                      <a:pt x="61750" y="92431"/>
                      <a:pt x="52464" y="98012"/>
                      <a:pt x="41100" y="98012"/>
                    </a:cubicBezTo>
                    <a:cubicBezTo>
                      <a:pt x="28842" y="98012"/>
                      <a:pt x="20993" y="92345"/>
                      <a:pt x="13716" y="83944"/>
                    </a:cubicBezTo>
                    <a:lnTo>
                      <a:pt x="0" y="95869"/>
                    </a:lnTo>
                    <a:cubicBezTo>
                      <a:pt x="10030" y="108042"/>
                      <a:pt x="24289" y="115205"/>
                      <a:pt x="40634" y="115205"/>
                    </a:cubicBezTo>
                    <a:cubicBezTo>
                      <a:pt x="65932" y="115205"/>
                      <a:pt x="81705" y="101136"/>
                      <a:pt x="81705" y="83277"/>
                    </a:cubicBezTo>
                    <a:cubicBezTo>
                      <a:pt x="81705" y="66761"/>
                      <a:pt x="71256" y="56712"/>
                      <a:pt x="51540" y="49787"/>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2" name="Freeform: Shape 211">
                <a:extLst>
                  <a:ext uri="{FF2B5EF4-FFF2-40B4-BE49-F238E27FC236}">
                    <a16:creationId xmlns:a16="http://schemas.microsoft.com/office/drawing/2014/main" id="{51C74AAC-04B9-A625-C578-1B18D825293F}"/>
                  </a:ext>
                </a:extLst>
              </p:cNvPr>
              <p:cNvSpPr/>
              <p:nvPr/>
            </p:nvSpPr>
            <p:spPr>
              <a:xfrm>
                <a:off x="4592527" y="3060275"/>
                <a:ext cx="104822" cy="116766"/>
              </a:xfrm>
              <a:custGeom>
                <a:avLst/>
                <a:gdLst>
                  <a:gd name="connsiteX0" fmla="*/ 104823 w 104822"/>
                  <a:gd name="connsiteY0" fmla="*/ 11773 h 116766"/>
                  <a:gd name="connsiteX1" fmla="*/ 91288 w 104822"/>
                  <a:gd name="connsiteY1" fmla="*/ 0 h 116766"/>
                  <a:gd name="connsiteX2" fmla="*/ 52416 w 104822"/>
                  <a:gd name="connsiteY2" fmla="*/ 44710 h 116766"/>
                  <a:gd name="connsiteX3" fmla="*/ 13887 w 104822"/>
                  <a:gd name="connsiteY3" fmla="*/ 381 h 116766"/>
                  <a:gd name="connsiteX4" fmla="*/ 13545 w 104822"/>
                  <a:gd name="connsiteY4" fmla="*/ 0 h 116766"/>
                  <a:gd name="connsiteX5" fmla="*/ 0 w 104822"/>
                  <a:gd name="connsiteY5" fmla="*/ 11773 h 116766"/>
                  <a:gd name="connsiteX6" fmla="*/ 40529 w 104822"/>
                  <a:gd name="connsiteY6" fmla="*/ 58388 h 116766"/>
                  <a:gd name="connsiteX7" fmla="*/ 343 w 104822"/>
                  <a:gd name="connsiteY7" fmla="*/ 104604 h 116766"/>
                  <a:gd name="connsiteX8" fmla="*/ 0 w 104822"/>
                  <a:gd name="connsiteY8" fmla="*/ 104994 h 116766"/>
                  <a:gd name="connsiteX9" fmla="*/ 13545 w 104822"/>
                  <a:gd name="connsiteY9" fmla="*/ 116767 h 116766"/>
                  <a:gd name="connsiteX10" fmla="*/ 52416 w 104822"/>
                  <a:gd name="connsiteY10" fmla="*/ 72057 h 116766"/>
                  <a:gd name="connsiteX11" fmla="*/ 90945 w 104822"/>
                  <a:gd name="connsiteY11" fmla="*/ 116376 h 116766"/>
                  <a:gd name="connsiteX12" fmla="*/ 91288 w 104822"/>
                  <a:gd name="connsiteY12" fmla="*/ 116767 h 116766"/>
                  <a:gd name="connsiteX13" fmla="*/ 104823 w 104822"/>
                  <a:gd name="connsiteY13" fmla="*/ 104994 h 116766"/>
                  <a:gd name="connsiteX14" fmla="*/ 64303 w 104822"/>
                  <a:gd name="connsiteY14" fmla="*/ 58388 h 116766"/>
                  <a:gd name="connsiteX15" fmla="*/ 104489 w 104822"/>
                  <a:gd name="connsiteY15" fmla="*/ 12163 h 1167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104822" h="116766">
                    <a:moveTo>
                      <a:pt x="104823" y="11773"/>
                    </a:moveTo>
                    <a:lnTo>
                      <a:pt x="91288" y="0"/>
                    </a:lnTo>
                    <a:lnTo>
                      <a:pt x="52416" y="44710"/>
                    </a:lnTo>
                    <a:lnTo>
                      <a:pt x="13887" y="381"/>
                    </a:lnTo>
                    <a:lnTo>
                      <a:pt x="13545" y="0"/>
                    </a:lnTo>
                    <a:lnTo>
                      <a:pt x="0" y="11773"/>
                    </a:lnTo>
                    <a:lnTo>
                      <a:pt x="40529" y="58388"/>
                    </a:lnTo>
                    <a:lnTo>
                      <a:pt x="343" y="104604"/>
                    </a:lnTo>
                    <a:lnTo>
                      <a:pt x="0" y="104994"/>
                    </a:lnTo>
                    <a:lnTo>
                      <a:pt x="13545" y="116767"/>
                    </a:lnTo>
                    <a:lnTo>
                      <a:pt x="52416" y="72057"/>
                    </a:lnTo>
                    <a:lnTo>
                      <a:pt x="90945" y="116376"/>
                    </a:lnTo>
                    <a:lnTo>
                      <a:pt x="91288" y="116767"/>
                    </a:lnTo>
                    <a:lnTo>
                      <a:pt x="104823" y="104994"/>
                    </a:lnTo>
                    <a:lnTo>
                      <a:pt x="64303" y="58388"/>
                    </a:lnTo>
                    <a:lnTo>
                      <a:pt x="104489" y="12163"/>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3" name="Freeform: Shape 212">
                <a:extLst>
                  <a:ext uri="{FF2B5EF4-FFF2-40B4-BE49-F238E27FC236}">
                    <a16:creationId xmlns:a16="http://schemas.microsoft.com/office/drawing/2014/main" id="{53ECD2F3-54DF-694F-496A-240E70D468AD}"/>
                  </a:ext>
                </a:extLst>
              </p:cNvPr>
              <p:cNvSpPr/>
              <p:nvPr/>
            </p:nvSpPr>
            <p:spPr>
              <a:xfrm>
                <a:off x="4717686" y="3062846"/>
                <a:ext cx="19202" cy="111623"/>
              </a:xfrm>
              <a:custGeom>
                <a:avLst/>
                <a:gdLst>
                  <a:gd name="connsiteX0" fmla="*/ 0 w 19202"/>
                  <a:gd name="connsiteY0" fmla="*/ 0 h 111623"/>
                  <a:gd name="connsiteX1" fmla="*/ 19202 w 19202"/>
                  <a:gd name="connsiteY1" fmla="*/ 0 h 111623"/>
                  <a:gd name="connsiteX2" fmla="*/ 19202 w 19202"/>
                  <a:gd name="connsiteY2" fmla="*/ 111623 h 111623"/>
                  <a:gd name="connsiteX3" fmla="*/ 0 w 19202"/>
                  <a:gd name="connsiteY3" fmla="*/ 111623 h 111623"/>
                </a:gdLst>
                <a:ahLst/>
                <a:cxnLst>
                  <a:cxn ang="0">
                    <a:pos x="connsiteX0" y="connsiteY0"/>
                  </a:cxn>
                  <a:cxn ang="0">
                    <a:pos x="connsiteX1" y="connsiteY1"/>
                  </a:cxn>
                  <a:cxn ang="0">
                    <a:pos x="connsiteX2" y="connsiteY2"/>
                  </a:cxn>
                  <a:cxn ang="0">
                    <a:pos x="connsiteX3" y="connsiteY3"/>
                  </a:cxn>
                </a:cxnLst>
                <a:rect l="l" t="t" r="r" b="b"/>
                <a:pathLst>
                  <a:path w="19202" h="111623">
                    <a:moveTo>
                      <a:pt x="0" y="0"/>
                    </a:moveTo>
                    <a:lnTo>
                      <a:pt x="19202" y="0"/>
                    </a:lnTo>
                    <a:lnTo>
                      <a:pt x="19202" y="111623"/>
                    </a:lnTo>
                    <a:lnTo>
                      <a:pt x="0" y="111623"/>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4" name="Freeform: Shape 213">
                <a:extLst>
                  <a:ext uri="{FF2B5EF4-FFF2-40B4-BE49-F238E27FC236}">
                    <a16:creationId xmlns:a16="http://schemas.microsoft.com/office/drawing/2014/main" id="{54E59B3A-9A87-4FC3-3799-6DBE9E6C4609}"/>
                  </a:ext>
                </a:extLst>
              </p:cNvPr>
              <p:cNvSpPr/>
              <p:nvPr/>
            </p:nvSpPr>
            <p:spPr>
              <a:xfrm>
                <a:off x="4716781" y="3014736"/>
                <a:ext cx="21002" cy="17973"/>
              </a:xfrm>
              <a:custGeom>
                <a:avLst/>
                <a:gdLst>
                  <a:gd name="connsiteX0" fmla="*/ 0 w 21002"/>
                  <a:gd name="connsiteY0" fmla="*/ 0 h 17973"/>
                  <a:gd name="connsiteX1" fmla="*/ 21003 w 21002"/>
                  <a:gd name="connsiteY1" fmla="*/ 0 h 17973"/>
                  <a:gd name="connsiteX2" fmla="*/ 21003 w 21002"/>
                  <a:gd name="connsiteY2" fmla="*/ 17974 h 17973"/>
                  <a:gd name="connsiteX3" fmla="*/ 0 w 21002"/>
                  <a:gd name="connsiteY3" fmla="*/ 17974 h 17973"/>
                </a:gdLst>
                <a:ahLst/>
                <a:cxnLst>
                  <a:cxn ang="0">
                    <a:pos x="connsiteX0" y="connsiteY0"/>
                  </a:cxn>
                  <a:cxn ang="0">
                    <a:pos x="connsiteX1" y="connsiteY1"/>
                  </a:cxn>
                  <a:cxn ang="0">
                    <a:pos x="connsiteX2" y="connsiteY2"/>
                  </a:cxn>
                  <a:cxn ang="0">
                    <a:pos x="connsiteX3" y="connsiteY3"/>
                  </a:cxn>
                </a:cxnLst>
                <a:rect l="l" t="t" r="r" b="b"/>
                <a:pathLst>
                  <a:path w="21002" h="17973">
                    <a:moveTo>
                      <a:pt x="0" y="0"/>
                    </a:moveTo>
                    <a:lnTo>
                      <a:pt x="21003" y="0"/>
                    </a:lnTo>
                    <a:lnTo>
                      <a:pt x="21003" y="17974"/>
                    </a:lnTo>
                    <a:lnTo>
                      <a:pt x="0" y="17974"/>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5" name="Freeform: Shape 214">
                <a:extLst>
                  <a:ext uri="{FF2B5EF4-FFF2-40B4-BE49-F238E27FC236}">
                    <a16:creationId xmlns:a16="http://schemas.microsoft.com/office/drawing/2014/main" id="{53480705-E4DD-F432-EB75-186E87F031ED}"/>
                  </a:ext>
                </a:extLst>
              </p:cNvPr>
              <p:cNvSpPr/>
              <p:nvPr/>
            </p:nvSpPr>
            <p:spPr>
              <a:xfrm>
                <a:off x="4475999" y="3061056"/>
                <a:ext cx="110509" cy="115195"/>
              </a:xfrm>
              <a:custGeom>
                <a:avLst/>
                <a:gdLst>
                  <a:gd name="connsiteX0" fmla="*/ 56036 w 110509"/>
                  <a:gd name="connsiteY0" fmla="*/ 0 h 115195"/>
                  <a:gd name="connsiteX1" fmla="*/ 0 w 110509"/>
                  <a:gd name="connsiteY1" fmla="*/ 57598 h 115195"/>
                  <a:gd name="connsiteX2" fmla="*/ 57379 w 110509"/>
                  <a:gd name="connsiteY2" fmla="*/ 115195 h 115195"/>
                  <a:gd name="connsiteX3" fmla="*/ 102251 w 110509"/>
                  <a:gd name="connsiteY3" fmla="*/ 97107 h 115195"/>
                  <a:gd name="connsiteX4" fmla="*/ 102156 w 110509"/>
                  <a:gd name="connsiteY4" fmla="*/ 97003 h 115195"/>
                  <a:gd name="connsiteX5" fmla="*/ 88487 w 110509"/>
                  <a:gd name="connsiteY5" fmla="*/ 85125 h 115195"/>
                  <a:gd name="connsiteX6" fmla="*/ 57379 w 110509"/>
                  <a:gd name="connsiteY6" fmla="*/ 97107 h 115195"/>
                  <a:gd name="connsiteX7" fmla="*/ 19869 w 110509"/>
                  <a:gd name="connsiteY7" fmla="*/ 62284 h 115195"/>
                  <a:gd name="connsiteX8" fmla="*/ 110509 w 110509"/>
                  <a:gd name="connsiteY8" fmla="*/ 62284 h 115195"/>
                  <a:gd name="connsiteX9" fmla="*/ 56036 w 110509"/>
                  <a:gd name="connsiteY9" fmla="*/ 0 h 115195"/>
                  <a:gd name="connsiteX10" fmla="*/ 20765 w 110509"/>
                  <a:gd name="connsiteY10" fmla="*/ 45549 h 115195"/>
                  <a:gd name="connsiteX11" fmla="*/ 54921 w 110509"/>
                  <a:gd name="connsiteY11" fmla="*/ 17640 h 115195"/>
                  <a:gd name="connsiteX12" fmla="*/ 88859 w 110509"/>
                  <a:gd name="connsiteY12" fmla="*/ 45549 h 115195"/>
                  <a:gd name="connsiteX13" fmla="*/ 20765 w 110509"/>
                  <a:gd name="connsiteY13" fmla="*/ 45549 h 1151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10509" h="115195">
                    <a:moveTo>
                      <a:pt x="56036" y="0"/>
                    </a:moveTo>
                    <a:cubicBezTo>
                      <a:pt x="24784" y="0"/>
                      <a:pt x="0" y="25232"/>
                      <a:pt x="0" y="57598"/>
                    </a:cubicBezTo>
                    <a:cubicBezTo>
                      <a:pt x="0" y="89745"/>
                      <a:pt x="24336" y="115195"/>
                      <a:pt x="57379" y="115195"/>
                    </a:cubicBezTo>
                    <a:cubicBezTo>
                      <a:pt x="76800" y="115195"/>
                      <a:pt x="92650" y="107156"/>
                      <a:pt x="102251" y="97107"/>
                    </a:cubicBezTo>
                    <a:lnTo>
                      <a:pt x="102156" y="97003"/>
                    </a:lnTo>
                    <a:lnTo>
                      <a:pt x="88487" y="85125"/>
                    </a:lnTo>
                    <a:cubicBezTo>
                      <a:pt x="81296" y="91659"/>
                      <a:pt x="70504" y="97107"/>
                      <a:pt x="57379" y="97107"/>
                    </a:cubicBezTo>
                    <a:cubicBezTo>
                      <a:pt x="37062" y="97107"/>
                      <a:pt x="21660" y="82153"/>
                      <a:pt x="19869" y="62284"/>
                    </a:cubicBezTo>
                    <a:lnTo>
                      <a:pt x="110509" y="62284"/>
                    </a:lnTo>
                    <a:cubicBezTo>
                      <a:pt x="110071" y="22555"/>
                      <a:pt x="87297" y="0"/>
                      <a:pt x="56036" y="0"/>
                    </a:cubicBezTo>
                    <a:close/>
                    <a:moveTo>
                      <a:pt x="20765" y="45549"/>
                    </a:moveTo>
                    <a:cubicBezTo>
                      <a:pt x="24784" y="28585"/>
                      <a:pt x="38624" y="17640"/>
                      <a:pt x="54921" y="17640"/>
                    </a:cubicBezTo>
                    <a:cubicBezTo>
                      <a:pt x="71895" y="17421"/>
                      <a:pt x="86182" y="27241"/>
                      <a:pt x="88859" y="45549"/>
                    </a:cubicBezTo>
                    <a:lnTo>
                      <a:pt x="20765" y="45549"/>
                    </a:ln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6" name="Freeform: Shape 215">
                <a:extLst>
                  <a:ext uri="{FF2B5EF4-FFF2-40B4-BE49-F238E27FC236}">
                    <a16:creationId xmlns:a16="http://schemas.microsoft.com/office/drawing/2014/main" id="{482D38FC-29BD-DB67-D807-F2FA1AF0751A}"/>
                  </a:ext>
                </a:extLst>
              </p:cNvPr>
              <p:cNvSpPr/>
              <p:nvPr/>
            </p:nvSpPr>
            <p:spPr>
              <a:xfrm>
                <a:off x="4755995" y="3061056"/>
                <a:ext cx="81705" cy="115204"/>
              </a:xfrm>
              <a:custGeom>
                <a:avLst/>
                <a:gdLst>
                  <a:gd name="connsiteX0" fmla="*/ 51540 w 81705"/>
                  <a:gd name="connsiteY0" fmla="*/ 49787 h 115204"/>
                  <a:gd name="connsiteX1" fmla="*/ 42024 w 81705"/>
                  <a:gd name="connsiteY1" fmla="*/ 46434 h 115204"/>
                  <a:gd name="connsiteX2" fmla="*/ 25089 w 81705"/>
                  <a:gd name="connsiteY2" fmla="*/ 29470 h 115204"/>
                  <a:gd name="connsiteX3" fmla="*/ 41567 w 81705"/>
                  <a:gd name="connsiteY3" fmla="*/ 17193 h 115204"/>
                  <a:gd name="connsiteX4" fmla="*/ 60389 w 81705"/>
                  <a:gd name="connsiteY4" fmla="*/ 25898 h 115204"/>
                  <a:gd name="connsiteX5" fmla="*/ 73390 w 81705"/>
                  <a:gd name="connsiteY5" fmla="*/ 14592 h 115204"/>
                  <a:gd name="connsiteX6" fmla="*/ 41567 w 81705"/>
                  <a:gd name="connsiteY6" fmla="*/ 0 h 115204"/>
                  <a:gd name="connsiteX7" fmla="*/ 5363 w 81705"/>
                  <a:gd name="connsiteY7" fmla="*/ 29689 h 115204"/>
                  <a:gd name="connsiteX8" fmla="*/ 32976 w 81705"/>
                  <a:gd name="connsiteY8" fmla="*/ 62732 h 115204"/>
                  <a:gd name="connsiteX9" fmla="*/ 42024 w 81705"/>
                  <a:gd name="connsiteY9" fmla="*/ 66084 h 115204"/>
                  <a:gd name="connsiteX10" fmla="*/ 61751 w 81705"/>
                  <a:gd name="connsiteY10" fmla="*/ 83944 h 115204"/>
                  <a:gd name="connsiteX11" fmla="*/ 41100 w 81705"/>
                  <a:gd name="connsiteY11" fmla="*/ 98012 h 115204"/>
                  <a:gd name="connsiteX12" fmla="*/ 13716 w 81705"/>
                  <a:gd name="connsiteY12" fmla="*/ 83944 h 115204"/>
                  <a:gd name="connsiteX13" fmla="*/ 0 w 81705"/>
                  <a:gd name="connsiteY13" fmla="*/ 95869 h 115204"/>
                  <a:gd name="connsiteX14" fmla="*/ 40634 w 81705"/>
                  <a:gd name="connsiteY14" fmla="*/ 115205 h 115204"/>
                  <a:gd name="connsiteX15" fmla="*/ 81705 w 81705"/>
                  <a:gd name="connsiteY15" fmla="*/ 83277 h 115204"/>
                  <a:gd name="connsiteX16" fmla="*/ 51540 w 81705"/>
                  <a:gd name="connsiteY16" fmla="*/ 49787 h 1152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81705" h="115204">
                    <a:moveTo>
                      <a:pt x="51540" y="49787"/>
                    </a:moveTo>
                    <a:lnTo>
                      <a:pt x="42024" y="46434"/>
                    </a:lnTo>
                    <a:cubicBezTo>
                      <a:pt x="28565" y="41748"/>
                      <a:pt x="25089" y="36385"/>
                      <a:pt x="25089" y="29470"/>
                    </a:cubicBezTo>
                    <a:cubicBezTo>
                      <a:pt x="25089" y="21650"/>
                      <a:pt x="32747" y="17193"/>
                      <a:pt x="41567" y="17193"/>
                    </a:cubicBezTo>
                    <a:cubicBezTo>
                      <a:pt x="49711" y="17193"/>
                      <a:pt x="55474" y="20517"/>
                      <a:pt x="60389" y="25898"/>
                    </a:cubicBezTo>
                    <a:lnTo>
                      <a:pt x="73390" y="14592"/>
                    </a:lnTo>
                    <a:cubicBezTo>
                      <a:pt x="65265" y="4829"/>
                      <a:pt x="54397" y="0"/>
                      <a:pt x="41567" y="0"/>
                    </a:cubicBezTo>
                    <a:cubicBezTo>
                      <a:pt x="20450" y="0"/>
                      <a:pt x="5363" y="12944"/>
                      <a:pt x="5363" y="29689"/>
                    </a:cubicBezTo>
                    <a:cubicBezTo>
                      <a:pt x="5363" y="43082"/>
                      <a:pt x="12554" y="55359"/>
                      <a:pt x="32976" y="62732"/>
                    </a:cubicBezTo>
                    <a:lnTo>
                      <a:pt x="42024" y="66084"/>
                    </a:lnTo>
                    <a:cubicBezTo>
                      <a:pt x="55712" y="70771"/>
                      <a:pt x="61751" y="75457"/>
                      <a:pt x="61751" y="83944"/>
                    </a:cubicBezTo>
                    <a:cubicBezTo>
                      <a:pt x="61751" y="92431"/>
                      <a:pt x="52464" y="98012"/>
                      <a:pt x="41100" y="98012"/>
                    </a:cubicBezTo>
                    <a:cubicBezTo>
                      <a:pt x="28842" y="98012"/>
                      <a:pt x="20984" y="92345"/>
                      <a:pt x="13716" y="83944"/>
                    </a:cubicBezTo>
                    <a:lnTo>
                      <a:pt x="0" y="95869"/>
                    </a:lnTo>
                    <a:cubicBezTo>
                      <a:pt x="10030" y="108042"/>
                      <a:pt x="24289" y="115205"/>
                      <a:pt x="40634" y="115205"/>
                    </a:cubicBezTo>
                    <a:cubicBezTo>
                      <a:pt x="65932" y="115205"/>
                      <a:pt x="81705" y="101136"/>
                      <a:pt x="81705" y="83277"/>
                    </a:cubicBezTo>
                    <a:cubicBezTo>
                      <a:pt x="81715" y="66761"/>
                      <a:pt x="71266" y="56712"/>
                      <a:pt x="51540" y="49787"/>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7" name="Freeform: Shape 216">
                <a:extLst>
                  <a:ext uri="{FF2B5EF4-FFF2-40B4-BE49-F238E27FC236}">
                    <a16:creationId xmlns:a16="http://schemas.microsoft.com/office/drawing/2014/main" id="{BAD59AAF-C32D-07F8-4A6B-972C0F7A2289}"/>
                  </a:ext>
                </a:extLst>
              </p:cNvPr>
              <p:cNvSpPr/>
              <p:nvPr/>
            </p:nvSpPr>
            <p:spPr>
              <a:xfrm>
                <a:off x="5384436" y="3032681"/>
                <a:ext cx="29651" cy="29841"/>
              </a:xfrm>
              <a:custGeom>
                <a:avLst/>
                <a:gdLst>
                  <a:gd name="connsiteX0" fmla="*/ 14859 w 29651"/>
                  <a:gd name="connsiteY0" fmla="*/ 0 h 29841"/>
                  <a:gd name="connsiteX1" fmla="*/ 0 w 29651"/>
                  <a:gd name="connsiteY1" fmla="*/ 14916 h 29841"/>
                  <a:gd name="connsiteX2" fmla="*/ 14859 w 29651"/>
                  <a:gd name="connsiteY2" fmla="*/ 29842 h 29841"/>
                  <a:gd name="connsiteX3" fmla="*/ 29651 w 29651"/>
                  <a:gd name="connsiteY3" fmla="*/ 14916 h 29841"/>
                  <a:gd name="connsiteX4" fmla="*/ 14859 w 29651"/>
                  <a:gd name="connsiteY4" fmla="*/ 0 h 29841"/>
                  <a:gd name="connsiteX5" fmla="*/ 14859 w 29651"/>
                  <a:gd name="connsiteY5" fmla="*/ 27442 h 29841"/>
                  <a:gd name="connsiteX6" fmla="*/ 2524 w 29651"/>
                  <a:gd name="connsiteY6" fmla="*/ 14916 h 29841"/>
                  <a:gd name="connsiteX7" fmla="*/ 14859 w 29651"/>
                  <a:gd name="connsiteY7" fmla="*/ 2391 h 29841"/>
                  <a:gd name="connsiteX8" fmla="*/ 27184 w 29651"/>
                  <a:gd name="connsiteY8" fmla="*/ 14916 h 29841"/>
                  <a:gd name="connsiteX9" fmla="*/ 14859 w 29651"/>
                  <a:gd name="connsiteY9" fmla="*/ 27442 h 29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29651" h="29841">
                    <a:moveTo>
                      <a:pt x="14859" y="0"/>
                    </a:moveTo>
                    <a:cubicBezTo>
                      <a:pt x="6667" y="0"/>
                      <a:pt x="0" y="6687"/>
                      <a:pt x="0" y="14916"/>
                    </a:cubicBezTo>
                    <a:cubicBezTo>
                      <a:pt x="0" y="23279"/>
                      <a:pt x="6534" y="29842"/>
                      <a:pt x="14859" y="29842"/>
                    </a:cubicBezTo>
                    <a:cubicBezTo>
                      <a:pt x="23155" y="29842"/>
                      <a:pt x="29651" y="23279"/>
                      <a:pt x="29651" y="14916"/>
                    </a:cubicBezTo>
                    <a:cubicBezTo>
                      <a:pt x="29651" y="6553"/>
                      <a:pt x="23155" y="0"/>
                      <a:pt x="14859" y="0"/>
                    </a:cubicBezTo>
                    <a:close/>
                    <a:moveTo>
                      <a:pt x="14859" y="27442"/>
                    </a:moveTo>
                    <a:cubicBezTo>
                      <a:pt x="7944" y="27442"/>
                      <a:pt x="2524" y="21936"/>
                      <a:pt x="2524" y="14916"/>
                    </a:cubicBezTo>
                    <a:cubicBezTo>
                      <a:pt x="2524" y="8011"/>
                      <a:pt x="8049" y="2391"/>
                      <a:pt x="14859" y="2391"/>
                    </a:cubicBezTo>
                    <a:cubicBezTo>
                      <a:pt x="21660" y="2391"/>
                      <a:pt x="27184" y="8011"/>
                      <a:pt x="27184" y="14916"/>
                    </a:cubicBezTo>
                    <a:cubicBezTo>
                      <a:pt x="27184" y="21927"/>
                      <a:pt x="21774" y="27442"/>
                      <a:pt x="14859" y="27442"/>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8" name="Freeform: Shape 217">
                <a:extLst>
                  <a:ext uri="{FF2B5EF4-FFF2-40B4-BE49-F238E27FC236}">
                    <a16:creationId xmlns:a16="http://schemas.microsoft.com/office/drawing/2014/main" id="{57473642-D9FB-82FF-9A25-D0C2A20B09CA}"/>
                  </a:ext>
                </a:extLst>
              </p:cNvPr>
              <p:cNvSpPr/>
              <p:nvPr/>
            </p:nvSpPr>
            <p:spPr>
              <a:xfrm>
                <a:off x="5393628" y="3038967"/>
                <a:ext cx="12496" cy="16754"/>
              </a:xfrm>
              <a:custGeom>
                <a:avLst/>
                <a:gdLst>
                  <a:gd name="connsiteX0" fmla="*/ 11897 w 12496"/>
                  <a:gd name="connsiteY0" fmla="*/ 4791 h 16754"/>
                  <a:gd name="connsiteX1" fmla="*/ 5915 w 12496"/>
                  <a:gd name="connsiteY1" fmla="*/ 0 h 16754"/>
                  <a:gd name="connsiteX2" fmla="*/ 0 w 12496"/>
                  <a:gd name="connsiteY2" fmla="*/ 0 h 16754"/>
                  <a:gd name="connsiteX3" fmla="*/ 0 w 12496"/>
                  <a:gd name="connsiteY3" fmla="*/ 16754 h 16754"/>
                  <a:gd name="connsiteX4" fmla="*/ 2762 w 12496"/>
                  <a:gd name="connsiteY4" fmla="*/ 16754 h 16754"/>
                  <a:gd name="connsiteX5" fmla="*/ 2762 w 12496"/>
                  <a:gd name="connsiteY5" fmla="*/ 9773 h 16754"/>
                  <a:gd name="connsiteX6" fmla="*/ 5686 w 12496"/>
                  <a:gd name="connsiteY6" fmla="*/ 9773 h 16754"/>
                  <a:gd name="connsiteX7" fmla="*/ 9525 w 12496"/>
                  <a:gd name="connsiteY7" fmla="*/ 16754 h 16754"/>
                  <a:gd name="connsiteX8" fmla="*/ 12497 w 12496"/>
                  <a:gd name="connsiteY8" fmla="*/ 16754 h 16754"/>
                  <a:gd name="connsiteX9" fmla="*/ 8487 w 12496"/>
                  <a:gd name="connsiteY9" fmla="*/ 9373 h 16754"/>
                  <a:gd name="connsiteX10" fmla="*/ 11897 w 12496"/>
                  <a:gd name="connsiteY10" fmla="*/ 4791 h 16754"/>
                  <a:gd name="connsiteX11" fmla="*/ 5791 w 12496"/>
                  <a:gd name="connsiteY11" fmla="*/ 7372 h 16754"/>
                  <a:gd name="connsiteX12" fmla="*/ 2772 w 12496"/>
                  <a:gd name="connsiteY12" fmla="*/ 7372 h 16754"/>
                  <a:gd name="connsiteX13" fmla="*/ 2772 w 12496"/>
                  <a:gd name="connsiteY13" fmla="*/ 2524 h 16754"/>
                  <a:gd name="connsiteX14" fmla="*/ 5725 w 12496"/>
                  <a:gd name="connsiteY14" fmla="*/ 2524 h 16754"/>
                  <a:gd name="connsiteX15" fmla="*/ 9182 w 12496"/>
                  <a:gd name="connsiteY15" fmla="*/ 4848 h 16754"/>
                  <a:gd name="connsiteX16" fmla="*/ 5791 w 12496"/>
                  <a:gd name="connsiteY16" fmla="*/ 7372 h 167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2496" h="16754">
                    <a:moveTo>
                      <a:pt x="11897" y="4791"/>
                    </a:moveTo>
                    <a:cubicBezTo>
                      <a:pt x="11897" y="1743"/>
                      <a:pt x="9715" y="0"/>
                      <a:pt x="5915" y="0"/>
                    </a:cubicBezTo>
                    <a:lnTo>
                      <a:pt x="0" y="0"/>
                    </a:lnTo>
                    <a:lnTo>
                      <a:pt x="0" y="16754"/>
                    </a:lnTo>
                    <a:lnTo>
                      <a:pt x="2762" y="16754"/>
                    </a:lnTo>
                    <a:lnTo>
                      <a:pt x="2762" y="9773"/>
                    </a:lnTo>
                    <a:lnTo>
                      <a:pt x="5686" y="9773"/>
                    </a:lnTo>
                    <a:lnTo>
                      <a:pt x="9525" y="16754"/>
                    </a:lnTo>
                    <a:lnTo>
                      <a:pt x="12497" y="16754"/>
                    </a:lnTo>
                    <a:lnTo>
                      <a:pt x="8487" y="9373"/>
                    </a:lnTo>
                    <a:cubicBezTo>
                      <a:pt x="10763" y="8792"/>
                      <a:pt x="11897" y="7249"/>
                      <a:pt x="11897" y="4791"/>
                    </a:cubicBezTo>
                    <a:close/>
                    <a:moveTo>
                      <a:pt x="5791" y="7372"/>
                    </a:moveTo>
                    <a:lnTo>
                      <a:pt x="2772" y="7372"/>
                    </a:lnTo>
                    <a:lnTo>
                      <a:pt x="2772" y="2524"/>
                    </a:lnTo>
                    <a:lnTo>
                      <a:pt x="5725" y="2524"/>
                    </a:lnTo>
                    <a:cubicBezTo>
                      <a:pt x="8115" y="2524"/>
                      <a:pt x="9182" y="3248"/>
                      <a:pt x="9182" y="4848"/>
                    </a:cubicBezTo>
                    <a:cubicBezTo>
                      <a:pt x="9182" y="6610"/>
                      <a:pt x="8172" y="7372"/>
                      <a:pt x="5791" y="7372"/>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19" name="Freeform: Shape 218">
                <a:extLst>
                  <a:ext uri="{FF2B5EF4-FFF2-40B4-BE49-F238E27FC236}">
                    <a16:creationId xmlns:a16="http://schemas.microsoft.com/office/drawing/2014/main" id="{AFAEC677-80EB-5376-E032-84E9BF09218C}"/>
                  </a:ext>
                </a:extLst>
              </p:cNvPr>
              <p:cNvSpPr/>
              <p:nvPr/>
            </p:nvSpPr>
            <p:spPr>
              <a:xfrm>
                <a:off x="4255457" y="2984894"/>
                <a:ext cx="29651" cy="29841"/>
              </a:xfrm>
              <a:custGeom>
                <a:avLst/>
                <a:gdLst>
                  <a:gd name="connsiteX0" fmla="*/ 14859 w 29651"/>
                  <a:gd name="connsiteY0" fmla="*/ 0 h 29841"/>
                  <a:gd name="connsiteX1" fmla="*/ 0 w 29651"/>
                  <a:gd name="connsiteY1" fmla="*/ 14916 h 29841"/>
                  <a:gd name="connsiteX2" fmla="*/ 14859 w 29651"/>
                  <a:gd name="connsiteY2" fmla="*/ 29842 h 29841"/>
                  <a:gd name="connsiteX3" fmla="*/ 29651 w 29651"/>
                  <a:gd name="connsiteY3" fmla="*/ 14916 h 29841"/>
                  <a:gd name="connsiteX4" fmla="*/ 14859 w 29651"/>
                  <a:gd name="connsiteY4" fmla="*/ 0 h 29841"/>
                  <a:gd name="connsiteX5" fmla="*/ 14859 w 29651"/>
                  <a:gd name="connsiteY5" fmla="*/ 27442 h 29841"/>
                  <a:gd name="connsiteX6" fmla="*/ 2524 w 29651"/>
                  <a:gd name="connsiteY6" fmla="*/ 14916 h 29841"/>
                  <a:gd name="connsiteX7" fmla="*/ 14859 w 29651"/>
                  <a:gd name="connsiteY7" fmla="*/ 2391 h 29841"/>
                  <a:gd name="connsiteX8" fmla="*/ 27184 w 29651"/>
                  <a:gd name="connsiteY8" fmla="*/ 14916 h 29841"/>
                  <a:gd name="connsiteX9" fmla="*/ 14859 w 29651"/>
                  <a:gd name="connsiteY9" fmla="*/ 27442 h 29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29651" h="29841">
                    <a:moveTo>
                      <a:pt x="14859" y="0"/>
                    </a:moveTo>
                    <a:cubicBezTo>
                      <a:pt x="6668" y="0"/>
                      <a:pt x="0" y="6687"/>
                      <a:pt x="0" y="14916"/>
                    </a:cubicBezTo>
                    <a:cubicBezTo>
                      <a:pt x="0" y="23279"/>
                      <a:pt x="6534" y="29842"/>
                      <a:pt x="14859" y="29842"/>
                    </a:cubicBezTo>
                    <a:cubicBezTo>
                      <a:pt x="23155" y="29842"/>
                      <a:pt x="29651" y="23279"/>
                      <a:pt x="29651" y="14916"/>
                    </a:cubicBezTo>
                    <a:cubicBezTo>
                      <a:pt x="29651" y="6553"/>
                      <a:pt x="23155" y="0"/>
                      <a:pt x="14859" y="0"/>
                    </a:cubicBezTo>
                    <a:close/>
                    <a:moveTo>
                      <a:pt x="14859" y="27442"/>
                    </a:moveTo>
                    <a:cubicBezTo>
                      <a:pt x="7944" y="27442"/>
                      <a:pt x="2524" y="21936"/>
                      <a:pt x="2524" y="14916"/>
                    </a:cubicBezTo>
                    <a:cubicBezTo>
                      <a:pt x="2524" y="8011"/>
                      <a:pt x="8049" y="2391"/>
                      <a:pt x="14859" y="2391"/>
                    </a:cubicBezTo>
                    <a:cubicBezTo>
                      <a:pt x="21660" y="2391"/>
                      <a:pt x="27184" y="8011"/>
                      <a:pt x="27184" y="14916"/>
                    </a:cubicBezTo>
                    <a:cubicBezTo>
                      <a:pt x="27184" y="21936"/>
                      <a:pt x="21774" y="27442"/>
                      <a:pt x="14859" y="27442"/>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20" name="Freeform: Shape 219">
                <a:extLst>
                  <a:ext uri="{FF2B5EF4-FFF2-40B4-BE49-F238E27FC236}">
                    <a16:creationId xmlns:a16="http://schemas.microsoft.com/office/drawing/2014/main" id="{0867DF2D-D87A-3C08-1A43-ACE7A19F8F71}"/>
                  </a:ext>
                </a:extLst>
              </p:cNvPr>
              <p:cNvSpPr/>
              <p:nvPr/>
            </p:nvSpPr>
            <p:spPr>
              <a:xfrm>
                <a:off x="4264648" y="2991180"/>
                <a:ext cx="12496" cy="16754"/>
              </a:xfrm>
              <a:custGeom>
                <a:avLst/>
                <a:gdLst>
                  <a:gd name="connsiteX0" fmla="*/ 11897 w 12496"/>
                  <a:gd name="connsiteY0" fmla="*/ 4791 h 16754"/>
                  <a:gd name="connsiteX1" fmla="*/ 5915 w 12496"/>
                  <a:gd name="connsiteY1" fmla="*/ 0 h 16754"/>
                  <a:gd name="connsiteX2" fmla="*/ 0 w 12496"/>
                  <a:gd name="connsiteY2" fmla="*/ 0 h 16754"/>
                  <a:gd name="connsiteX3" fmla="*/ 0 w 12496"/>
                  <a:gd name="connsiteY3" fmla="*/ 16754 h 16754"/>
                  <a:gd name="connsiteX4" fmla="*/ 2762 w 12496"/>
                  <a:gd name="connsiteY4" fmla="*/ 16754 h 16754"/>
                  <a:gd name="connsiteX5" fmla="*/ 2762 w 12496"/>
                  <a:gd name="connsiteY5" fmla="*/ 9773 h 16754"/>
                  <a:gd name="connsiteX6" fmla="*/ 5686 w 12496"/>
                  <a:gd name="connsiteY6" fmla="*/ 9773 h 16754"/>
                  <a:gd name="connsiteX7" fmla="*/ 9525 w 12496"/>
                  <a:gd name="connsiteY7" fmla="*/ 16754 h 16754"/>
                  <a:gd name="connsiteX8" fmla="*/ 12497 w 12496"/>
                  <a:gd name="connsiteY8" fmla="*/ 16754 h 16754"/>
                  <a:gd name="connsiteX9" fmla="*/ 8487 w 12496"/>
                  <a:gd name="connsiteY9" fmla="*/ 9373 h 16754"/>
                  <a:gd name="connsiteX10" fmla="*/ 11897 w 12496"/>
                  <a:gd name="connsiteY10" fmla="*/ 4791 h 16754"/>
                  <a:gd name="connsiteX11" fmla="*/ 5791 w 12496"/>
                  <a:gd name="connsiteY11" fmla="*/ 7372 h 16754"/>
                  <a:gd name="connsiteX12" fmla="*/ 2772 w 12496"/>
                  <a:gd name="connsiteY12" fmla="*/ 7372 h 16754"/>
                  <a:gd name="connsiteX13" fmla="*/ 2772 w 12496"/>
                  <a:gd name="connsiteY13" fmla="*/ 2524 h 16754"/>
                  <a:gd name="connsiteX14" fmla="*/ 5725 w 12496"/>
                  <a:gd name="connsiteY14" fmla="*/ 2524 h 16754"/>
                  <a:gd name="connsiteX15" fmla="*/ 9182 w 12496"/>
                  <a:gd name="connsiteY15" fmla="*/ 4848 h 16754"/>
                  <a:gd name="connsiteX16" fmla="*/ 5791 w 12496"/>
                  <a:gd name="connsiteY16" fmla="*/ 7372 h 167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2496" h="16754">
                    <a:moveTo>
                      <a:pt x="11897" y="4791"/>
                    </a:moveTo>
                    <a:cubicBezTo>
                      <a:pt x="11897" y="1743"/>
                      <a:pt x="9716" y="0"/>
                      <a:pt x="5915" y="0"/>
                    </a:cubicBezTo>
                    <a:lnTo>
                      <a:pt x="0" y="0"/>
                    </a:lnTo>
                    <a:lnTo>
                      <a:pt x="0" y="16754"/>
                    </a:lnTo>
                    <a:lnTo>
                      <a:pt x="2762" y="16754"/>
                    </a:lnTo>
                    <a:lnTo>
                      <a:pt x="2762" y="9773"/>
                    </a:lnTo>
                    <a:lnTo>
                      <a:pt x="5686" y="9773"/>
                    </a:lnTo>
                    <a:lnTo>
                      <a:pt x="9525" y="16754"/>
                    </a:lnTo>
                    <a:lnTo>
                      <a:pt x="12497" y="16754"/>
                    </a:lnTo>
                    <a:lnTo>
                      <a:pt x="8487" y="9373"/>
                    </a:lnTo>
                    <a:cubicBezTo>
                      <a:pt x="10763" y="8792"/>
                      <a:pt x="11897" y="7249"/>
                      <a:pt x="11897" y="4791"/>
                    </a:cubicBezTo>
                    <a:close/>
                    <a:moveTo>
                      <a:pt x="5791" y="7372"/>
                    </a:moveTo>
                    <a:lnTo>
                      <a:pt x="2772" y="7372"/>
                    </a:lnTo>
                    <a:lnTo>
                      <a:pt x="2772" y="2524"/>
                    </a:lnTo>
                    <a:lnTo>
                      <a:pt x="5725" y="2524"/>
                    </a:lnTo>
                    <a:cubicBezTo>
                      <a:pt x="8115" y="2524"/>
                      <a:pt x="9182" y="3248"/>
                      <a:pt x="9182" y="4848"/>
                    </a:cubicBezTo>
                    <a:cubicBezTo>
                      <a:pt x="9182" y="6610"/>
                      <a:pt x="8172" y="7372"/>
                      <a:pt x="5791" y="7372"/>
                    </a:cubicBezTo>
                    <a:close/>
                  </a:path>
                </a:pathLst>
              </a:custGeom>
              <a:solidFill>
                <a:srgbClr val="00000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99" name="Graphic 43">
              <a:extLst>
                <a:ext uri="{FF2B5EF4-FFF2-40B4-BE49-F238E27FC236}">
                  <a16:creationId xmlns:a16="http://schemas.microsoft.com/office/drawing/2014/main" id="{CE82A8BC-1E94-A307-212B-A65AA35E3DAF}"/>
                </a:ext>
              </a:extLst>
            </p:cNvPr>
            <p:cNvGrpSpPr/>
            <p:nvPr/>
          </p:nvGrpSpPr>
          <p:grpSpPr>
            <a:xfrm>
              <a:off x="3920543" y="2929152"/>
              <a:ext cx="334910" cy="333478"/>
              <a:chOff x="3920543" y="2929152"/>
              <a:chExt cx="334910" cy="333478"/>
            </a:xfrm>
            <a:solidFill>
              <a:srgbClr val="E8171F"/>
            </a:solidFill>
          </p:grpSpPr>
          <p:sp>
            <p:nvSpPr>
              <p:cNvPr id="200" name="Freeform: Shape 199">
                <a:extLst>
                  <a:ext uri="{FF2B5EF4-FFF2-40B4-BE49-F238E27FC236}">
                    <a16:creationId xmlns:a16="http://schemas.microsoft.com/office/drawing/2014/main" id="{69F44AE0-A073-CB38-FE4E-3C685E90F147}"/>
                  </a:ext>
                </a:extLst>
              </p:cNvPr>
              <p:cNvSpPr/>
              <p:nvPr/>
            </p:nvSpPr>
            <p:spPr>
              <a:xfrm>
                <a:off x="3944068" y="2992356"/>
                <a:ext cx="132719" cy="237533"/>
              </a:xfrm>
              <a:custGeom>
                <a:avLst/>
                <a:gdLst>
                  <a:gd name="connsiteX0" fmla="*/ 39136 w 132719"/>
                  <a:gd name="connsiteY0" fmla="*/ 86073 h 237533"/>
                  <a:gd name="connsiteX1" fmla="*/ 120289 w 132719"/>
                  <a:gd name="connsiteY1" fmla="*/ 5921 h 237533"/>
                  <a:gd name="connsiteX2" fmla="*/ 132510 w 132719"/>
                  <a:gd name="connsiteY2" fmla="*/ 634 h 237533"/>
                  <a:gd name="connsiteX3" fmla="*/ 132329 w 132719"/>
                  <a:gd name="connsiteY3" fmla="*/ 6 h 237533"/>
                  <a:gd name="connsiteX4" fmla="*/ 39308 w 132719"/>
                  <a:gd name="connsiteY4" fmla="*/ 237454 h 237533"/>
                  <a:gd name="connsiteX5" fmla="*/ 39793 w 132719"/>
                  <a:gd name="connsiteY5" fmla="*/ 236997 h 237533"/>
                  <a:gd name="connsiteX6" fmla="*/ 39136 w 132719"/>
                  <a:gd name="connsiteY6" fmla="*/ 86073 h 23753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32719" h="237533">
                    <a:moveTo>
                      <a:pt x="39136" y="86073"/>
                    </a:moveTo>
                    <a:cubicBezTo>
                      <a:pt x="56843" y="50774"/>
                      <a:pt x="85961" y="22418"/>
                      <a:pt x="120289" y="5921"/>
                    </a:cubicBezTo>
                    <a:cubicBezTo>
                      <a:pt x="124299" y="3997"/>
                      <a:pt x="128376" y="2234"/>
                      <a:pt x="132510" y="634"/>
                    </a:cubicBezTo>
                    <a:cubicBezTo>
                      <a:pt x="132881" y="491"/>
                      <a:pt x="132719" y="-61"/>
                      <a:pt x="132329" y="6"/>
                    </a:cubicBezTo>
                    <a:cubicBezTo>
                      <a:pt x="10132" y="20570"/>
                      <a:pt x="-42293" y="172446"/>
                      <a:pt x="39308" y="237454"/>
                    </a:cubicBezTo>
                    <a:cubicBezTo>
                      <a:pt x="39612" y="237702"/>
                      <a:pt x="40022" y="237321"/>
                      <a:pt x="39793" y="236997"/>
                    </a:cubicBezTo>
                    <a:cubicBezTo>
                      <a:pt x="27935" y="220747"/>
                      <a:pt x="-21" y="164721"/>
                      <a:pt x="39136" y="86073"/>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01" name="Freeform: Shape 200">
                <a:extLst>
                  <a:ext uri="{FF2B5EF4-FFF2-40B4-BE49-F238E27FC236}">
                    <a16:creationId xmlns:a16="http://schemas.microsoft.com/office/drawing/2014/main" id="{3C3F98C9-68BF-C2C7-658A-F403140BE84B}"/>
                  </a:ext>
                </a:extLst>
              </p:cNvPr>
              <p:cNvSpPr/>
              <p:nvPr/>
            </p:nvSpPr>
            <p:spPr>
              <a:xfrm>
                <a:off x="3983445" y="3002797"/>
                <a:ext cx="96882" cy="259833"/>
              </a:xfrm>
              <a:custGeom>
                <a:avLst/>
                <a:gdLst>
                  <a:gd name="connsiteX0" fmla="*/ 27829 w 96882"/>
                  <a:gd name="connsiteY0" fmla="*/ 176893 h 259833"/>
                  <a:gd name="connsiteX1" fmla="*/ 27858 w 96882"/>
                  <a:gd name="connsiteY1" fmla="*/ 116818 h 259833"/>
                  <a:gd name="connsiteX2" fmla="*/ 80655 w 96882"/>
                  <a:gd name="connsiteY2" fmla="*/ 14548 h 259833"/>
                  <a:gd name="connsiteX3" fmla="*/ 96752 w 96882"/>
                  <a:gd name="connsiteY3" fmla="*/ 594 h 259833"/>
                  <a:gd name="connsiteX4" fmla="*/ 96419 w 96882"/>
                  <a:gd name="connsiteY4" fmla="*/ 32 h 259833"/>
                  <a:gd name="connsiteX5" fmla="*/ 407 w 96882"/>
                  <a:gd name="connsiteY5" fmla="*/ 164739 h 259833"/>
                  <a:gd name="connsiteX6" fmla="*/ 71549 w 96882"/>
                  <a:gd name="connsiteY6" fmla="*/ 259827 h 259833"/>
                  <a:gd name="connsiteX7" fmla="*/ 71797 w 96882"/>
                  <a:gd name="connsiteY7" fmla="*/ 259217 h 259833"/>
                  <a:gd name="connsiteX8" fmla="*/ 27829 w 96882"/>
                  <a:gd name="connsiteY8" fmla="*/ 176893 h 25983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96882" h="259833">
                    <a:moveTo>
                      <a:pt x="27829" y="176893"/>
                    </a:moveTo>
                    <a:cubicBezTo>
                      <a:pt x="24629" y="156852"/>
                      <a:pt x="24676" y="136478"/>
                      <a:pt x="27858" y="116818"/>
                    </a:cubicBezTo>
                    <a:cubicBezTo>
                      <a:pt x="34249" y="77423"/>
                      <a:pt x="53280" y="41314"/>
                      <a:pt x="80655" y="14548"/>
                    </a:cubicBezTo>
                    <a:cubicBezTo>
                      <a:pt x="85732" y="9538"/>
                      <a:pt x="91142" y="4900"/>
                      <a:pt x="96752" y="594"/>
                    </a:cubicBezTo>
                    <a:cubicBezTo>
                      <a:pt x="97057" y="356"/>
                      <a:pt x="96781" y="-130"/>
                      <a:pt x="96419" y="32"/>
                    </a:cubicBezTo>
                    <a:cubicBezTo>
                      <a:pt x="32535" y="28579"/>
                      <a:pt x="-4327" y="99835"/>
                      <a:pt x="407" y="164739"/>
                    </a:cubicBezTo>
                    <a:cubicBezTo>
                      <a:pt x="3007" y="194409"/>
                      <a:pt x="14656" y="249044"/>
                      <a:pt x="71549" y="259827"/>
                    </a:cubicBezTo>
                    <a:cubicBezTo>
                      <a:pt x="71911" y="259893"/>
                      <a:pt x="72101" y="259427"/>
                      <a:pt x="71797" y="259217"/>
                    </a:cubicBezTo>
                    <a:cubicBezTo>
                      <a:pt x="48394" y="243129"/>
                      <a:pt x="31935" y="205496"/>
                      <a:pt x="27829" y="176893"/>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02" name="Freeform: Shape 201">
                <a:extLst>
                  <a:ext uri="{FF2B5EF4-FFF2-40B4-BE49-F238E27FC236}">
                    <a16:creationId xmlns:a16="http://schemas.microsoft.com/office/drawing/2014/main" id="{72BBFC04-B560-7652-A1A7-DB325CC561A8}"/>
                  </a:ext>
                </a:extLst>
              </p:cNvPr>
              <p:cNvSpPr/>
              <p:nvPr/>
            </p:nvSpPr>
            <p:spPr>
              <a:xfrm>
                <a:off x="3931718" y="2966285"/>
                <a:ext cx="145425" cy="67220"/>
              </a:xfrm>
              <a:custGeom>
                <a:avLst/>
                <a:gdLst>
                  <a:gd name="connsiteX0" fmla="*/ 603 w 145425"/>
                  <a:gd name="connsiteY0" fmla="*/ 67072 h 67220"/>
                  <a:gd name="connsiteX1" fmla="*/ 145059 w 145425"/>
                  <a:gd name="connsiteY1" fmla="*/ 6589 h 67220"/>
                  <a:gd name="connsiteX2" fmla="*/ 145192 w 145425"/>
                  <a:gd name="connsiteY2" fmla="*/ 5950 h 67220"/>
                  <a:gd name="connsiteX3" fmla="*/ 28235 w 145425"/>
                  <a:gd name="connsiteY3" fmla="*/ 24191 h 67220"/>
                  <a:gd name="connsiteX4" fmla="*/ 31 w 145425"/>
                  <a:gd name="connsiteY4" fmla="*/ 66758 h 67220"/>
                  <a:gd name="connsiteX5" fmla="*/ 603 w 145425"/>
                  <a:gd name="connsiteY5" fmla="*/ 67072 h 672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45425" h="67220">
                    <a:moveTo>
                      <a:pt x="603" y="67072"/>
                    </a:moveTo>
                    <a:cubicBezTo>
                      <a:pt x="29159" y="26734"/>
                      <a:pt x="87795" y="-489"/>
                      <a:pt x="145059" y="6589"/>
                    </a:cubicBezTo>
                    <a:cubicBezTo>
                      <a:pt x="145459" y="6636"/>
                      <a:pt x="145573" y="6065"/>
                      <a:pt x="145192" y="5950"/>
                    </a:cubicBezTo>
                    <a:cubicBezTo>
                      <a:pt x="101482" y="-6823"/>
                      <a:pt x="56019" y="1750"/>
                      <a:pt x="28235" y="24191"/>
                    </a:cubicBezTo>
                    <a:cubicBezTo>
                      <a:pt x="16319" y="33811"/>
                      <a:pt x="7061" y="50423"/>
                      <a:pt x="31" y="66758"/>
                    </a:cubicBezTo>
                    <a:cubicBezTo>
                      <a:pt x="-130" y="67120"/>
                      <a:pt x="374" y="67406"/>
                      <a:pt x="603" y="67072"/>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03" name="Freeform: Shape 202">
                <a:extLst>
                  <a:ext uri="{FF2B5EF4-FFF2-40B4-BE49-F238E27FC236}">
                    <a16:creationId xmlns:a16="http://schemas.microsoft.com/office/drawing/2014/main" id="{EF924A8B-7884-B2FD-F93A-643892313B62}"/>
                  </a:ext>
                </a:extLst>
              </p:cNvPr>
              <p:cNvSpPr/>
              <p:nvPr/>
            </p:nvSpPr>
            <p:spPr>
              <a:xfrm>
                <a:off x="3979841" y="2929152"/>
                <a:ext cx="275612" cy="332325"/>
              </a:xfrm>
              <a:custGeom>
                <a:avLst/>
                <a:gdLst>
                  <a:gd name="connsiteX0" fmla="*/ 275044 w 275612"/>
                  <a:gd name="connsiteY0" fmla="*/ 154554 h 332325"/>
                  <a:gd name="connsiteX1" fmla="*/ 92049 w 275612"/>
                  <a:gd name="connsiteY1" fmla="*/ 687 h 332325"/>
                  <a:gd name="connsiteX2" fmla="*/ 124 w 275612"/>
                  <a:gd name="connsiteY2" fmla="*/ 38492 h 332325"/>
                  <a:gd name="connsiteX3" fmla="*/ 505 w 275612"/>
                  <a:gd name="connsiteY3" fmla="*/ 39045 h 332325"/>
                  <a:gd name="connsiteX4" fmla="*/ 70285 w 275612"/>
                  <a:gd name="connsiteY4" fmla="*/ 28900 h 332325"/>
                  <a:gd name="connsiteX5" fmla="*/ 97869 w 275612"/>
                  <a:gd name="connsiteY5" fmla="*/ 34730 h 332325"/>
                  <a:gd name="connsiteX6" fmla="*/ 123787 w 275612"/>
                  <a:gd name="connsiteY6" fmla="*/ 45464 h 332325"/>
                  <a:gd name="connsiteX7" fmla="*/ 136303 w 275612"/>
                  <a:gd name="connsiteY7" fmla="*/ 52846 h 332325"/>
                  <a:gd name="connsiteX8" fmla="*/ 183337 w 275612"/>
                  <a:gd name="connsiteY8" fmla="*/ 39426 h 332325"/>
                  <a:gd name="connsiteX9" fmla="*/ 183375 w 275612"/>
                  <a:gd name="connsiteY9" fmla="*/ 39416 h 332325"/>
                  <a:gd name="connsiteX10" fmla="*/ 186061 w 275612"/>
                  <a:gd name="connsiteY10" fmla="*/ 40950 h 332325"/>
                  <a:gd name="connsiteX11" fmla="*/ 184309 w 275612"/>
                  <a:gd name="connsiteY11" fmla="*/ 44102 h 332325"/>
                  <a:gd name="connsiteX12" fmla="*/ 158953 w 275612"/>
                  <a:gd name="connsiteY12" fmla="*/ 51513 h 332325"/>
                  <a:gd name="connsiteX13" fmla="*/ 159077 w 275612"/>
                  <a:gd name="connsiteY13" fmla="*/ 52189 h 332325"/>
                  <a:gd name="connsiteX14" fmla="*/ 193700 w 275612"/>
                  <a:gd name="connsiteY14" fmla="*/ 55847 h 332325"/>
                  <a:gd name="connsiteX15" fmla="*/ 193757 w 275612"/>
                  <a:gd name="connsiteY15" fmla="*/ 55856 h 332325"/>
                  <a:gd name="connsiteX16" fmla="*/ 195701 w 275612"/>
                  <a:gd name="connsiteY16" fmla="*/ 57875 h 332325"/>
                  <a:gd name="connsiteX17" fmla="*/ 192986 w 275612"/>
                  <a:gd name="connsiteY17" fmla="*/ 60552 h 332325"/>
                  <a:gd name="connsiteX18" fmla="*/ 162935 w 275612"/>
                  <a:gd name="connsiteY18" fmla="*/ 58780 h 332325"/>
                  <a:gd name="connsiteX19" fmla="*/ 162849 w 275612"/>
                  <a:gd name="connsiteY19" fmla="*/ 59466 h 332325"/>
                  <a:gd name="connsiteX20" fmla="*/ 176708 w 275612"/>
                  <a:gd name="connsiteY20" fmla="*/ 64371 h 332325"/>
                  <a:gd name="connsiteX21" fmla="*/ 201263 w 275612"/>
                  <a:gd name="connsiteY21" fmla="*/ 76868 h 332325"/>
                  <a:gd name="connsiteX22" fmla="*/ 201358 w 275612"/>
                  <a:gd name="connsiteY22" fmla="*/ 76925 h 332325"/>
                  <a:gd name="connsiteX23" fmla="*/ 202482 w 275612"/>
                  <a:gd name="connsiteY23" fmla="*/ 79097 h 332325"/>
                  <a:gd name="connsiteX24" fmla="*/ 198949 w 275612"/>
                  <a:gd name="connsiteY24" fmla="*/ 81012 h 332325"/>
                  <a:gd name="connsiteX25" fmla="*/ 174698 w 275612"/>
                  <a:gd name="connsiteY25" fmla="*/ 70058 h 332325"/>
                  <a:gd name="connsiteX26" fmla="*/ 164020 w 275612"/>
                  <a:gd name="connsiteY26" fmla="*/ 66724 h 332325"/>
                  <a:gd name="connsiteX27" fmla="*/ 163744 w 275612"/>
                  <a:gd name="connsiteY27" fmla="*/ 67362 h 332325"/>
                  <a:gd name="connsiteX28" fmla="*/ 180527 w 275612"/>
                  <a:gd name="connsiteY28" fmla="*/ 79573 h 332325"/>
                  <a:gd name="connsiteX29" fmla="*/ 200044 w 275612"/>
                  <a:gd name="connsiteY29" fmla="*/ 99004 h 332325"/>
                  <a:gd name="connsiteX30" fmla="*/ 200101 w 275612"/>
                  <a:gd name="connsiteY30" fmla="*/ 99071 h 332325"/>
                  <a:gd name="connsiteX31" fmla="*/ 200492 w 275612"/>
                  <a:gd name="connsiteY31" fmla="*/ 101490 h 332325"/>
                  <a:gd name="connsiteX32" fmla="*/ 196520 w 275612"/>
                  <a:gd name="connsiteY32" fmla="*/ 102186 h 332325"/>
                  <a:gd name="connsiteX33" fmla="*/ 177003 w 275612"/>
                  <a:gd name="connsiteY33" fmla="*/ 84107 h 332325"/>
                  <a:gd name="connsiteX34" fmla="*/ 164068 w 275612"/>
                  <a:gd name="connsiteY34" fmla="*/ 75125 h 332325"/>
                  <a:gd name="connsiteX35" fmla="*/ 163630 w 275612"/>
                  <a:gd name="connsiteY35" fmla="*/ 75668 h 332325"/>
                  <a:gd name="connsiteX36" fmla="*/ 167373 w 275612"/>
                  <a:gd name="connsiteY36" fmla="*/ 79764 h 332325"/>
                  <a:gd name="connsiteX37" fmla="*/ 183689 w 275612"/>
                  <a:gd name="connsiteY37" fmla="*/ 102110 h 332325"/>
                  <a:gd name="connsiteX38" fmla="*/ 195615 w 275612"/>
                  <a:gd name="connsiteY38" fmla="*/ 126941 h 332325"/>
                  <a:gd name="connsiteX39" fmla="*/ 195643 w 275612"/>
                  <a:gd name="connsiteY39" fmla="*/ 127008 h 332325"/>
                  <a:gd name="connsiteX40" fmla="*/ 195186 w 275612"/>
                  <a:gd name="connsiteY40" fmla="*/ 129437 h 332325"/>
                  <a:gd name="connsiteX41" fmla="*/ 191195 w 275612"/>
                  <a:gd name="connsiteY41" fmla="*/ 128713 h 332325"/>
                  <a:gd name="connsiteX42" fmla="*/ 179079 w 275612"/>
                  <a:gd name="connsiteY42" fmla="*/ 105024 h 332325"/>
                  <a:gd name="connsiteX43" fmla="*/ 162858 w 275612"/>
                  <a:gd name="connsiteY43" fmla="*/ 83936 h 332325"/>
                  <a:gd name="connsiteX44" fmla="*/ 143094 w 275612"/>
                  <a:gd name="connsiteY44" fmla="*/ 66134 h 332325"/>
                  <a:gd name="connsiteX45" fmla="*/ 136846 w 275612"/>
                  <a:gd name="connsiteY45" fmla="*/ 61762 h 332325"/>
                  <a:gd name="connsiteX46" fmla="*/ 146380 w 275612"/>
                  <a:gd name="connsiteY46" fmla="*/ 331929 h 332325"/>
                  <a:gd name="connsiteX47" fmla="*/ 275044 w 275612"/>
                  <a:gd name="connsiteY47" fmla="*/ 154554 h 3323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Lst>
                <a:rect l="l" t="t" r="r" b="b"/>
                <a:pathLst>
                  <a:path w="275612" h="332325">
                    <a:moveTo>
                      <a:pt x="275044" y="154554"/>
                    </a:moveTo>
                    <a:cubicBezTo>
                      <a:pt x="267490" y="62228"/>
                      <a:pt x="184299" y="-7733"/>
                      <a:pt x="92049" y="687"/>
                    </a:cubicBezTo>
                    <a:cubicBezTo>
                      <a:pt x="59988" y="3612"/>
                      <a:pt x="25698" y="16870"/>
                      <a:pt x="124" y="38492"/>
                    </a:cubicBezTo>
                    <a:cubicBezTo>
                      <a:pt x="-191" y="38759"/>
                      <a:pt x="152" y="39245"/>
                      <a:pt x="505" y="39045"/>
                    </a:cubicBezTo>
                    <a:cubicBezTo>
                      <a:pt x="22365" y="26519"/>
                      <a:pt x="52511" y="26833"/>
                      <a:pt x="70285" y="28900"/>
                    </a:cubicBezTo>
                    <a:cubicBezTo>
                      <a:pt x="79648" y="29996"/>
                      <a:pt x="88897" y="31958"/>
                      <a:pt x="97869" y="34730"/>
                    </a:cubicBezTo>
                    <a:cubicBezTo>
                      <a:pt x="106832" y="37521"/>
                      <a:pt x="115519" y="41121"/>
                      <a:pt x="123787" y="45464"/>
                    </a:cubicBezTo>
                    <a:cubicBezTo>
                      <a:pt x="128073" y="47731"/>
                      <a:pt x="132254" y="50198"/>
                      <a:pt x="136303" y="52846"/>
                    </a:cubicBezTo>
                    <a:cubicBezTo>
                      <a:pt x="151390" y="46141"/>
                      <a:pt x="167297" y="41683"/>
                      <a:pt x="183337" y="39426"/>
                    </a:cubicBezTo>
                    <a:lnTo>
                      <a:pt x="183375" y="39416"/>
                    </a:lnTo>
                    <a:cubicBezTo>
                      <a:pt x="184518" y="39254"/>
                      <a:pt x="185680" y="39864"/>
                      <a:pt x="186061" y="40950"/>
                    </a:cubicBezTo>
                    <a:cubicBezTo>
                      <a:pt x="186566" y="42369"/>
                      <a:pt x="185680" y="43817"/>
                      <a:pt x="184309" y="44102"/>
                    </a:cubicBezTo>
                    <a:cubicBezTo>
                      <a:pt x="175688" y="45922"/>
                      <a:pt x="167202" y="48398"/>
                      <a:pt x="158953" y="51513"/>
                    </a:cubicBezTo>
                    <a:cubicBezTo>
                      <a:pt x="158591" y="51646"/>
                      <a:pt x="158686" y="52189"/>
                      <a:pt x="159077" y="52189"/>
                    </a:cubicBezTo>
                    <a:cubicBezTo>
                      <a:pt x="170774" y="52227"/>
                      <a:pt x="182394" y="53475"/>
                      <a:pt x="193700" y="55847"/>
                    </a:cubicBezTo>
                    <a:lnTo>
                      <a:pt x="193757" y="55856"/>
                    </a:lnTo>
                    <a:cubicBezTo>
                      <a:pt x="194758" y="56066"/>
                      <a:pt x="195577" y="56856"/>
                      <a:pt x="195701" y="57875"/>
                    </a:cubicBezTo>
                    <a:cubicBezTo>
                      <a:pt x="195891" y="59552"/>
                      <a:pt x="194472" y="60771"/>
                      <a:pt x="192986" y="60552"/>
                    </a:cubicBezTo>
                    <a:cubicBezTo>
                      <a:pt x="183051" y="59057"/>
                      <a:pt x="172974" y="58456"/>
                      <a:pt x="162935" y="58780"/>
                    </a:cubicBezTo>
                    <a:cubicBezTo>
                      <a:pt x="162534" y="58790"/>
                      <a:pt x="162468" y="59352"/>
                      <a:pt x="162849" y="59466"/>
                    </a:cubicBezTo>
                    <a:cubicBezTo>
                      <a:pt x="167545" y="60904"/>
                      <a:pt x="172174" y="62552"/>
                      <a:pt x="176708" y="64371"/>
                    </a:cubicBezTo>
                    <a:cubicBezTo>
                      <a:pt x="185252" y="67858"/>
                      <a:pt x="193462" y="72068"/>
                      <a:pt x="201263" y="76868"/>
                    </a:cubicBezTo>
                    <a:lnTo>
                      <a:pt x="201358" y="76925"/>
                    </a:lnTo>
                    <a:cubicBezTo>
                      <a:pt x="202101" y="77383"/>
                      <a:pt x="202587" y="78221"/>
                      <a:pt x="202482" y="79097"/>
                    </a:cubicBezTo>
                    <a:cubicBezTo>
                      <a:pt x="202263" y="80983"/>
                      <a:pt x="200358" y="81793"/>
                      <a:pt x="198949" y="81012"/>
                    </a:cubicBezTo>
                    <a:cubicBezTo>
                      <a:pt x="191176" y="76716"/>
                      <a:pt x="183061" y="73030"/>
                      <a:pt x="174698" y="70058"/>
                    </a:cubicBezTo>
                    <a:cubicBezTo>
                      <a:pt x="171174" y="68829"/>
                      <a:pt x="167611" y="67715"/>
                      <a:pt x="164020" y="66724"/>
                    </a:cubicBezTo>
                    <a:cubicBezTo>
                      <a:pt x="163630" y="66619"/>
                      <a:pt x="163401" y="67143"/>
                      <a:pt x="163744" y="67362"/>
                    </a:cubicBezTo>
                    <a:cubicBezTo>
                      <a:pt x="169612" y="71068"/>
                      <a:pt x="175231" y="75135"/>
                      <a:pt x="180527" y="79573"/>
                    </a:cubicBezTo>
                    <a:cubicBezTo>
                      <a:pt x="187595" y="85498"/>
                      <a:pt x="194129" y="92004"/>
                      <a:pt x="200044" y="99004"/>
                    </a:cubicBezTo>
                    <a:lnTo>
                      <a:pt x="200101" y="99071"/>
                    </a:lnTo>
                    <a:cubicBezTo>
                      <a:pt x="200673" y="99747"/>
                      <a:pt x="200863" y="100690"/>
                      <a:pt x="200492" y="101490"/>
                    </a:cubicBezTo>
                    <a:cubicBezTo>
                      <a:pt x="199691" y="103224"/>
                      <a:pt x="197615" y="103386"/>
                      <a:pt x="196520" y="102186"/>
                    </a:cubicBezTo>
                    <a:cubicBezTo>
                      <a:pt x="190547" y="95613"/>
                      <a:pt x="184004" y="89565"/>
                      <a:pt x="177003" y="84107"/>
                    </a:cubicBezTo>
                    <a:cubicBezTo>
                      <a:pt x="172860" y="80878"/>
                      <a:pt x="168535" y="77887"/>
                      <a:pt x="164068" y="75125"/>
                    </a:cubicBezTo>
                    <a:cubicBezTo>
                      <a:pt x="163716" y="74906"/>
                      <a:pt x="163344" y="75363"/>
                      <a:pt x="163630" y="75668"/>
                    </a:cubicBezTo>
                    <a:cubicBezTo>
                      <a:pt x="164906" y="77011"/>
                      <a:pt x="166154" y="78373"/>
                      <a:pt x="167373" y="79764"/>
                    </a:cubicBezTo>
                    <a:cubicBezTo>
                      <a:pt x="173479" y="86717"/>
                      <a:pt x="178956" y="94204"/>
                      <a:pt x="183689" y="102110"/>
                    </a:cubicBezTo>
                    <a:cubicBezTo>
                      <a:pt x="188414" y="110025"/>
                      <a:pt x="192414" y="118340"/>
                      <a:pt x="195615" y="126941"/>
                    </a:cubicBezTo>
                    <a:lnTo>
                      <a:pt x="195643" y="127008"/>
                    </a:lnTo>
                    <a:cubicBezTo>
                      <a:pt x="195948" y="127837"/>
                      <a:pt x="195815" y="128808"/>
                      <a:pt x="195186" y="129437"/>
                    </a:cubicBezTo>
                    <a:cubicBezTo>
                      <a:pt x="193834" y="130799"/>
                      <a:pt x="191814" y="130237"/>
                      <a:pt x="191195" y="128713"/>
                    </a:cubicBezTo>
                    <a:cubicBezTo>
                      <a:pt x="187890" y="120474"/>
                      <a:pt x="183823" y="112539"/>
                      <a:pt x="179079" y="105024"/>
                    </a:cubicBezTo>
                    <a:cubicBezTo>
                      <a:pt x="174336" y="97518"/>
                      <a:pt x="168888" y="90460"/>
                      <a:pt x="162858" y="83936"/>
                    </a:cubicBezTo>
                    <a:cubicBezTo>
                      <a:pt x="156829" y="77421"/>
                      <a:pt x="150190" y="71458"/>
                      <a:pt x="143094" y="66134"/>
                    </a:cubicBezTo>
                    <a:cubicBezTo>
                      <a:pt x="141084" y="64638"/>
                      <a:pt x="138046" y="62533"/>
                      <a:pt x="136846" y="61762"/>
                    </a:cubicBezTo>
                    <a:cubicBezTo>
                      <a:pt x="-2010" y="139181"/>
                      <a:pt x="46177" y="342492"/>
                      <a:pt x="146380" y="331929"/>
                    </a:cubicBezTo>
                    <a:cubicBezTo>
                      <a:pt x="225990" y="313060"/>
                      <a:pt x="281902" y="238403"/>
                      <a:pt x="275044" y="154554"/>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04" name="Freeform: Shape 203">
                <a:extLst>
                  <a:ext uri="{FF2B5EF4-FFF2-40B4-BE49-F238E27FC236}">
                    <a16:creationId xmlns:a16="http://schemas.microsoft.com/office/drawing/2014/main" id="{5DC485C0-EE85-3E49-5FC3-A82FCD8ACC71}"/>
                  </a:ext>
                </a:extLst>
              </p:cNvPr>
              <p:cNvSpPr/>
              <p:nvPr/>
            </p:nvSpPr>
            <p:spPr>
              <a:xfrm>
                <a:off x="3920543" y="2981289"/>
                <a:ext cx="155148" cy="174382"/>
              </a:xfrm>
              <a:custGeom>
                <a:avLst/>
                <a:gdLst>
                  <a:gd name="connsiteX0" fmla="*/ 32838 w 155148"/>
                  <a:gd name="connsiteY0" fmla="*/ 77052 h 174382"/>
                  <a:gd name="connsiteX1" fmla="*/ 154853 w 155148"/>
                  <a:gd name="connsiteY1" fmla="*/ 1166 h 174382"/>
                  <a:gd name="connsiteX2" fmla="*/ 154844 w 155148"/>
                  <a:gd name="connsiteY2" fmla="*/ 509 h 174382"/>
                  <a:gd name="connsiteX3" fmla="*/ 110524 w 155148"/>
                  <a:gd name="connsiteY3" fmla="*/ 3786 h 174382"/>
                  <a:gd name="connsiteX4" fmla="*/ 61622 w 155148"/>
                  <a:gd name="connsiteY4" fmla="*/ 24236 h 174382"/>
                  <a:gd name="connsiteX5" fmla="*/ 22789 w 155148"/>
                  <a:gd name="connsiteY5" fmla="*/ 60298 h 174382"/>
                  <a:gd name="connsiteX6" fmla="*/ 22465 w 155148"/>
                  <a:gd name="connsiteY6" fmla="*/ 60726 h 174382"/>
                  <a:gd name="connsiteX7" fmla="*/ 3415 w 155148"/>
                  <a:gd name="connsiteY7" fmla="*/ 157348 h 174382"/>
                  <a:gd name="connsiteX8" fmla="*/ 8721 w 155148"/>
                  <a:gd name="connsiteY8" fmla="*/ 174159 h 174382"/>
                  <a:gd name="connsiteX9" fmla="*/ 9368 w 155148"/>
                  <a:gd name="connsiteY9" fmla="*/ 174017 h 174382"/>
                  <a:gd name="connsiteX10" fmla="*/ 32838 w 155148"/>
                  <a:gd name="connsiteY10" fmla="*/ 77052 h 1743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55148" h="174382">
                    <a:moveTo>
                      <a:pt x="32838" y="77052"/>
                    </a:moveTo>
                    <a:cubicBezTo>
                      <a:pt x="64861" y="26293"/>
                      <a:pt x="120668" y="4443"/>
                      <a:pt x="154853" y="1166"/>
                    </a:cubicBezTo>
                    <a:cubicBezTo>
                      <a:pt x="155253" y="1128"/>
                      <a:pt x="155244" y="538"/>
                      <a:pt x="154844" y="509"/>
                    </a:cubicBezTo>
                    <a:cubicBezTo>
                      <a:pt x="140718" y="-710"/>
                      <a:pt x="127650" y="214"/>
                      <a:pt x="110524" y="3786"/>
                    </a:cubicBezTo>
                    <a:cubicBezTo>
                      <a:pt x="93217" y="7748"/>
                      <a:pt x="76539" y="14578"/>
                      <a:pt x="61622" y="24236"/>
                    </a:cubicBezTo>
                    <a:cubicBezTo>
                      <a:pt x="46668" y="33818"/>
                      <a:pt x="33486" y="46124"/>
                      <a:pt x="22789" y="60298"/>
                    </a:cubicBezTo>
                    <a:cubicBezTo>
                      <a:pt x="22684" y="60440"/>
                      <a:pt x="22579" y="60583"/>
                      <a:pt x="22465" y="60726"/>
                    </a:cubicBezTo>
                    <a:cubicBezTo>
                      <a:pt x="1843" y="88358"/>
                      <a:pt x="-4776" y="123858"/>
                      <a:pt x="3415" y="157348"/>
                    </a:cubicBezTo>
                    <a:cubicBezTo>
                      <a:pt x="4349" y="161186"/>
                      <a:pt x="6958" y="169121"/>
                      <a:pt x="8721" y="174159"/>
                    </a:cubicBezTo>
                    <a:cubicBezTo>
                      <a:pt x="8854" y="174531"/>
                      <a:pt x="9406" y="174407"/>
                      <a:pt x="9368" y="174017"/>
                    </a:cubicBezTo>
                    <a:cubicBezTo>
                      <a:pt x="5111" y="134354"/>
                      <a:pt x="16645" y="102731"/>
                      <a:pt x="32838" y="77052"/>
                    </a:cubicBezTo>
                    <a:close/>
                  </a:path>
                </a:pathLst>
              </a:custGeom>
              <a:solidFill>
                <a:srgbClr val="E8171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grpSp>
        <p:nvGrpSpPr>
          <p:cNvPr id="222" name="Group 221">
            <a:extLst>
              <a:ext uri="{FF2B5EF4-FFF2-40B4-BE49-F238E27FC236}">
                <a16:creationId xmlns:a16="http://schemas.microsoft.com/office/drawing/2014/main" id="{8810BDC5-004D-0D9E-E447-4C9EBE9A1EA0}"/>
              </a:ext>
            </a:extLst>
          </p:cNvPr>
          <p:cNvGrpSpPr/>
          <p:nvPr/>
        </p:nvGrpSpPr>
        <p:grpSpPr>
          <a:xfrm>
            <a:off x="10655929" y="3735624"/>
            <a:ext cx="853567" cy="164176"/>
            <a:chOff x="8854933" y="3713012"/>
            <a:chExt cx="1170497" cy="225134"/>
          </a:xfrm>
        </p:grpSpPr>
        <p:sp>
          <p:nvSpPr>
            <p:cNvPr id="179" name="Freeform: Shape 178">
              <a:extLst>
                <a:ext uri="{FF2B5EF4-FFF2-40B4-BE49-F238E27FC236}">
                  <a16:creationId xmlns:a16="http://schemas.microsoft.com/office/drawing/2014/main" id="{C4AB181C-B9E6-0561-F486-1F404894068E}"/>
                </a:ext>
              </a:extLst>
            </p:cNvPr>
            <p:cNvSpPr/>
            <p:nvPr/>
          </p:nvSpPr>
          <p:spPr>
            <a:xfrm>
              <a:off x="9163146" y="3784524"/>
              <a:ext cx="175053" cy="153622"/>
            </a:xfrm>
            <a:custGeom>
              <a:avLst/>
              <a:gdLst>
                <a:gd name="connsiteX0" fmla="*/ 96123 w 175053"/>
                <a:gd name="connsiteY0" fmla="*/ 157973 h 168984"/>
                <a:gd name="connsiteX1" fmla="*/ 31592 w 175053"/>
                <a:gd name="connsiteY1" fmla="*/ 84984 h 168984"/>
                <a:gd name="connsiteX2" fmla="*/ 79529 w 175053"/>
                <a:gd name="connsiteY2" fmla="*/ 11011 h 168984"/>
                <a:gd name="connsiteX3" fmla="*/ 143499 w 175053"/>
                <a:gd name="connsiteY3" fmla="*/ 84333 h 168984"/>
                <a:gd name="connsiteX4" fmla="*/ 96123 w 175053"/>
                <a:gd name="connsiteY4" fmla="*/ 157973 h 168984"/>
                <a:gd name="connsiteX5" fmla="*/ 0 w 175053"/>
                <a:gd name="connsiteY5" fmla="*/ 85955 h 168984"/>
                <a:gd name="connsiteX6" fmla="*/ 88213 w 175053"/>
                <a:gd name="connsiteY6" fmla="*/ 168984 h 168984"/>
                <a:gd name="connsiteX7" fmla="*/ 175053 w 175053"/>
                <a:gd name="connsiteY7" fmla="*/ 83795 h 168984"/>
                <a:gd name="connsiteX8" fmla="*/ 88213 w 175053"/>
                <a:gd name="connsiteY8" fmla="*/ 0 h 168984"/>
                <a:gd name="connsiteX9" fmla="*/ 0 w 175053"/>
                <a:gd name="connsiteY9" fmla="*/ 85955 h 168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75053" h="168984">
                  <a:moveTo>
                    <a:pt x="96123" y="157973"/>
                  </a:moveTo>
                  <a:cubicBezTo>
                    <a:pt x="54874" y="161600"/>
                    <a:pt x="34736" y="122564"/>
                    <a:pt x="31592" y="84984"/>
                  </a:cubicBezTo>
                  <a:cubicBezTo>
                    <a:pt x="27300" y="33582"/>
                    <a:pt x="53876" y="13272"/>
                    <a:pt x="79529" y="11011"/>
                  </a:cubicBezTo>
                  <a:cubicBezTo>
                    <a:pt x="118744" y="7588"/>
                    <a:pt x="140242" y="45347"/>
                    <a:pt x="143499" y="84333"/>
                  </a:cubicBezTo>
                  <a:cubicBezTo>
                    <a:pt x="147641" y="134303"/>
                    <a:pt x="123149" y="155571"/>
                    <a:pt x="96123" y="157973"/>
                  </a:cubicBezTo>
                  <a:close/>
                  <a:moveTo>
                    <a:pt x="0" y="85955"/>
                  </a:moveTo>
                  <a:cubicBezTo>
                    <a:pt x="0" y="132068"/>
                    <a:pt x="32852" y="168984"/>
                    <a:pt x="88213" y="168984"/>
                  </a:cubicBezTo>
                  <a:cubicBezTo>
                    <a:pt x="138545" y="168984"/>
                    <a:pt x="175053" y="133141"/>
                    <a:pt x="175053" y="83795"/>
                  </a:cubicBezTo>
                  <a:cubicBezTo>
                    <a:pt x="175053" y="39062"/>
                    <a:pt x="145733" y="0"/>
                    <a:pt x="88213" y="0"/>
                  </a:cubicBezTo>
                  <a:cubicBezTo>
                    <a:pt x="36396" y="0"/>
                    <a:pt x="0" y="37337"/>
                    <a:pt x="0" y="85955"/>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80" name="Freeform: Shape 179">
              <a:extLst>
                <a:ext uri="{FF2B5EF4-FFF2-40B4-BE49-F238E27FC236}">
                  <a16:creationId xmlns:a16="http://schemas.microsoft.com/office/drawing/2014/main" id="{DD38073C-69DA-F336-0325-32387A0481D1}"/>
                </a:ext>
              </a:extLst>
            </p:cNvPr>
            <p:cNvSpPr/>
            <p:nvPr/>
          </p:nvSpPr>
          <p:spPr>
            <a:xfrm>
              <a:off x="9890496" y="3713873"/>
              <a:ext cx="45075" cy="77153"/>
            </a:xfrm>
            <a:custGeom>
              <a:avLst/>
              <a:gdLst>
                <a:gd name="connsiteX0" fmla="*/ 45076 w 45075"/>
                <a:gd name="connsiteY0" fmla="*/ 35089 h 84868"/>
                <a:gd name="connsiteX1" fmla="*/ 17539 w 45075"/>
                <a:gd name="connsiteY1" fmla="*/ 0 h 84868"/>
                <a:gd name="connsiteX2" fmla="*/ 423 w 45075"/>
                <a:gd name="connsiteY2" fmla="*/ 15060 h 84868"/>
                <a:gd name="connsiteX3" fmla="*/ 10024 w 45075"/>
                <a:gd name="connsiteY3" fmla="*/ 25279 h 84868"/>
                <a:gd name="connsiteX4" fmla="*/ 27893 w 45075"/>
                <a:gd name="connsiteY4" fmla="*/ 45781 h 84868"/>
                <a:gd name="connsiteX5" fmla="*/ 766 w 45075"/>
                <a:gd name="connsiteY5" fmla="*/ 77192 h 84868"/>
                <a:gd name="connsiteX6" fmla="*/ 3280 w 45075"/>
                <a:gd name="connsiteY6" fmla="*/ 84869 h 84868"/>
                <a:gd name="connsiteX7" fmla="*/ 45076 w 45075"/>
                <a:gd name="connsiteY7" fmla="*/ 35089 h 848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45075" h="84868">
                  <a:moveTo>
                    <a:pt x="45076" y="35089"/>
                  </a:moveTo>
                  <a:cubicBezTo>
                    <a:pt x="45076" y="16082"/>
                    <a:pt x="32284" y="0"/>
                    <a:pt x="17539" y="0"/>
                  </a:cubicBezTo>
                  <a:cubicBezTo>
                    <a:pt x="3680" y="0"/>
                    <a:pt x="423" y="9491"/>
                    <a:pt x="423" y="15060"/>
                  </a:cubicBezTo>
                  <a:cubicBezTo>
                    <a:pt x="423" y="21894"/>
                    <a:pt x="5138" y="24896"/>
                    <a:pt x="10024" y="25279"/>
                  </a:cubicBezTo>
                  <a:cubicBezTo>
                    <a:pt x="16882" y="25688"/>
                    <a:pt x="27893" y="31845"/>
                    <a:pt x="27893" y="45781"/>
                  </a:cubicBezTo>
                  <a:cubicBezTo>
                    <a:pt x="27893" y="60726"/>
                    <a:pt x="14034" y="70996"/>
                    <a:pt x="766" y="77192"/>
                  </a:cubicBezTo>
                  <a:cubicBezTo>
                    <a:pt x="-977" y="79734"/>
                    <a:pt x="423" y="83464"/>
                    <a:pt x="3280" y="84869"/>
                  </a:cubicBezTo>
                  <a:cubicBezTo>
                    <a:pt x="25750" y="77971"/>
                    <a:pt x="45076" y="60330"/>
                    <a:pt x="45076" y="35089"/>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81" name="Freeform: Shape 180">
              <a:extLst>
                <a:ext uri="{FF2B5EF4-FFF2-40B4-BE49-F238E27FC236}">
                  <a16:creationId xmlns:a16="http://schemas.microsoft.com/office/drawing/2014/main" id="{7127CB51-DB00-4F29-5693-39C399D2623A}"/>
                </a:ext>
              </a:extLst>
            </p:cNvPr>
            <p:cNvSpPr/>
            <p:nvPr/>
          </p:nvSpPr>
          <p:spPr>
            <a:xfrm>
              <a:off x="9918608" y="3784516"/>
              <a:ext cx="106822" cy="153621"/>
            </a:xfrm>
            <a:custGeom>
              <a:avLst/>
              <a:gdLst>
                <a:gd name="connsiteX0" fmla="*/ 77810 w 106822"/>
                <a:gd name="connsiteY0" fmla="*/ 76055 h 168983"/>
                <a:gd name="connsiteX1" fmla="*/ 55683 w 106822"/>
                <a:gd name="connsiteY1" fmla="*/ 64341 h 168983"/>
                <a:gd name="connsiteX2" fmla="*/ 31880 w 106822"/>
                <a:gd name="connsiteY2" fmla="*/ 35562 h 168983"/>
                <a:gd name="connsiteX3" fmla="*/ 60722 w 106822"/>
                <a:gd name="connsiteY3" fmla="*/ 10564 h 168983"/>
                <a:gd name="connsiteX4" fmla="*/ 94050 w 106822"/>
                <a:gd name="connsiteY4" fmla="*/ 42051 h 168983"/>
                <a:gd name="connsiteX5" fmla="*/ 103356 w 106822"/>
                <a:gd name="connsiteY5" fmla="*/ 41349 h 168983"/>
                <a:gd name="connsiteX6" fmla="*/ 98231 w 106822"/>
                <a:gd name="connsiteY6" fmla="*/ 5467 h 168983"/>
                <a:gd name="connsiteX7" fmla="*/ 64970 w 106822"/>
                <a:gd name="connsiteY7" fmla="*/ 0 h 168983"/>
                <a:gd name="connsiteX8" fmla="*/ 8820 w 106822"/>
                <a:gd name="connsiteY8" fmla="*/ 45347 h 168983"/>
                <a:gd name="connsiteX9" fmla="*/ 40719 w 106822"/>
                <a:gd name="connsiteY9" fmla="*/ 89199 h 168983"/>
                <a:gd name="connsiteX10" fmla="*/ 56759 w 106822"/>
                <a:gd name="connsiteY10" fmla="*/ 97668 h 168983"/>
                <a:gd name="connsiteX11" fmla="*/ 81810 w 106822"/>
                <a:gd name="connsiteY11" fmla="*/ 132068 h 168983"/>
                <a:gd name="connsiteX12" fmla="*/ 51816 w 106822"/>
                <a:gd name="connsiteY12" fmla="*/ 158433 h 168983"/>
                <a:gd name="connsiteX13" fmla="*/ 9277 w 106822"/>
                <a:gd name="connsiteY13" fmla="*/ 119256 h 168983"/>
                <a:gd name="connsiteX14" fmla="*/ 0 w 106822"/>
                <a:gd name="connsiteY14" fmla="*/ 120047 h 168983"/>
                <a:gd name="connsiteX15" fmla="*/ 7506 w 106822"/>
                <a:gd name="connsiteY15" fmla="*/ 157654 h 168983"/>
                <a:gd name="connsiteX16" fmla="*/ 48558 w 106822"/>
                <a:gd name="connsiteY16" fmla="*/ 168984 h 168983"/>
                <a:gd name="connsiteX17" fmla="*/ 106823 w 106822"/>
                <a:gd name="connsiteY17" fmla="*/ 122564 h 168983"/>
                <a:gd name="connsiteX18" fmla="*/ 77810 w 106822"/>
                <a:gd name="connsiteY18" fmla="*/ 76055 h 16898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106822" h="168983">
                  <a:moveTo>
                    <a:pt x="77810" y="76055"/>
                  </a:moveTo>
                  <a:lnTo>
                    <a:pt x="55683" y="64341"/>
                  </a:lnTo>
                  <a:cubicBezTo>
                    <a:pt x="41396" y="56664"/>
                    <a:pt x="31880" y="48592"/>
                    <a:pt x="31880" y="35562"/>
                  </a:cubicBezTo>
                  <a:cubicBezTo>
                    <a:pt x="31880" y="23095"/>
                    <a:pt x="39662" y="10564"/>
                    <a:pt x="60722" y="10564"/>
                  </a:cubicBezTo>
                  <a:cubicBezTo>
                    <a:pt x="81810" y="10564"/>
                    <a:pt x="91069" y="29265"/>
                    <a:pt x="94050" y="42051"/>
                  </a:cubicBezTo>
                  <a:cubicBezTo>
                    <a:pt x="95726" y="44581"/>
                    <a:pt x="102146" y="44210"/>
                    <a:pt x="103356" y="41349"/>
                  </a:cubicBezTo>
                  <a:cubicBezTo>
                    <a:pt x="103575" y="25624"/>
                    <a:pt x="101089" y="11675"/>
                    <a:pt x="98231" y="5467"/>
                  </a:cubicBezTo>
                  <a:cubicBezTo>
                    <a:pt x="86125" y="3334"/>
                    <a:pt x="77514" y="0"/>
                    <a:pt x="64970" y="0"/>
                  </a:cubicBezTo>
                  <a:cubicBezTo>
                    <a:pt x="29004" y="0"/>
                    <a:pt x="8820" y="18624"/>
                    <a:pt x="8820" y="45347"/>
                  </a:cubicBezTo>
                  <a:cubicBezTo>
                    <a:pt x="8820" y="65849"/>
                    <a:pt x="23565" y="80104"/>
                    <a:pt x="40719" y="89199"/>
                  </a:cubicBezTo>
                  <a:lnTo>
                    <a:pt x="56759" y="97668"/>
                  </a:lnTo>
                  <a:cubicBezTo>
                    <a:pt x="77181" y="108271"/>
                    <a:pt x="81810" y="120354"/>
                    <a:pt x="81810" y="132068"/>
                  </a:cubicBezTo>
                  <a:cubicBezTo>
                    <a:pt x="81810" y="148865"/>
                    <a:pt x="70047" y="158433"/>
                    <a:pt x="51816" y="158433"/>
                  </a:cubicBezTo>
                  <a:cubicBezTo>
                    <a:pt x="27861" y="158433"/>
                    <a:pt x="12192" y="132464"/>
                    <a:pt x="9277" y="119256"/>
                  </a:cubicBezTo>
                  <a:cubicBezTo>
                    <a:pt x="6753" y="115922"/>
                    <a:pt x="1419" y="116293"/>
                    <a:pt x="0" y="120047"/>
                  </a:cubicBezTo>
                  <a:cubicBezTo>
                    <a:pt x="0" y="139387"/>
                    <a:pt x="4258" y="152569"/>
                    <a:pt x="7506" y="157654"/>
                  </a:cubicBezTo>
                  <a:cubicBezTo>
                    <a:pt x="12497" y="161269"/>
                    <a:pt x="26851" y="168984"/>
                    <a:pt x="48558" y="168984"/>
                  </a:cubicBezTo>
                  <a:cubicBezTo>
                    <a:pt x="83953" y="168984"/>
                    <a:pt x="106823" y="151075"/>
                    <a:pt x="106823" y="122564"/>
                  </a:cubicBezTo>
                  <a:cubicBezTo>
                    <a:pt x="106823" y="98039"/>
                    <a:pt x="90707" y="82646"/>
                    <a:pt x="77810" y="76055"/>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82" name="Freeform: Shape 181">
              <a:extLst>
                <a:ext uri="{FF2B5EF4-FFF2-40B4-BE49-F238E27FC236}">
                  <a16:creationId xmlns:a16="http://schemas.microsoft.com/office/drawing/2014/main" id="{F7413965-1FFE-FBF4-E4CB-5C959F144B40}"/>
                </a:ext>
              </a:extLst>
            </p:cNvPr>
            <p:cNvSpPr/>
            <p:nvPr/>
          </p:nvSpPr>
          <p:spPr>
            <a:xfrm>
              <a:off x="9540518" y="3788212"/>
              <a:ext cx="178928" cy="146967"/>
            </a:xfrm>
            <a:custGeom>
              <a:avLst/>
              <a:gdLst>
                <a:gd name="connsiteX0" fmla="*/ 83229 w 178928"/>
                <a:gd name="connsiteY0" fmla="*/ 151024 h 161664"/>
                <a:gd name="connsiteX1" fmla="*/ 52448 w 178928"/>
                <a:gd name="connsiteY1" fmla="*/ 115985 h 161664"/>
                <a:gd name="connsiteX2" fmla="*/ 52448 w 178928"/>
                <a:gd name="connsiteY2" fmla="*/ 28856 h 161664"/>
                <a:gd name="connsiteX3" fmla="*/ 54508 w 178928"/>
                <a:gd name="connsiteY3" fmla="*/ 14562 h 161664"/>
                <a:gd name="connsiteX4" fmla="*/ 76055 w 178928"/>
                <a:gd name="connsiteY4" fmla="*/ 10602 h 161664"/>
                <a:gd name="connsiteX5" fmla="*/ 147074 w 178928"/>
                <a:gd name="connsiteY5" fmla="*/ 78993 h 161664"/>
                <a:gd name="connsiteX6" fmla="*/ 83229 w 178928"/>
                <a:gd name="connsiteY6" fmla="*/ 151024 h 161664"/>
                <a:gd name="connsiteX7" fmla="*/ 129607 w 178928"/>
                <a:gd name="connsiteY7" fmla="*/ 8047 h 161664"/>
                <a:gd name="connsiteX8" fmla="*/ 75282 w 178928"/>
                <a:gd name="connsiteY8" fmla="*/ 0 h 161664"/>
                <a:gd name="connsiteX9" fmla="*/ 6321 w 178928"/>
                <a:gd name="connsiteY9" fmla="*/ 2146 h 161664"/>
                <a:gd name="connsiteX10" fmla="*/ 5934 w 178928"/>
                <a:gd name="connsiteY10" fmla="*/ 11318 h 161664"/>
                <a:gd name="connsiteX11" fmla="*/ 16639 w 178928"/>
                <a:gd name="connsiteY11" fmla="*/ 12761 h 161664"/>
                <a:gd name="connsiteX12" fmla="*/ 25236 w 178928"/>
                <a:gd name="connsiteY12" fmla="*/ 43839 h 161664"/>
                <a:gd name="connsiteX13" fmla="*/ 25236 w 178928"/>
                <a:gd name="connsiteY13" fmla="*/ 121466 h 161664"/>
                <a:gd name="connsiteX14" fmla="*/ 8454 w 178928"/>
                <a:gd name="connsiteY14" fmla="*/ 150653 h 161664"/>
                <a:gd name="connsiteX15" fmla="*/ 1642 w 178928"/>
                <a:gd name="connsiteY15" fmla="*/ 151739 h 161664"/>
                <a:gd name="connsiteX16" fmla="*/ 2328 w 178928"/>
                <a:gd name="connsiteY16" fmla="*/ 160885 h 161664"/>
                <a:gd name="connsiteX17" fmla="*/ 38873 w 178928"/>
                <a:gd name="connsiteY17" fmla="*/ 159851 h 161664"/>
                <a:gd name="connsiteX18" fmla="*/ 58076 w 178928"/>
                <a:gd name="connsiteY18" fmla="*/ 160553 h 161664"/>
                <a:gd name="connsiteX19" fmla="*/ 81770 w 178928"/>
                <a:gd name="connsiteY19" fmla="*/ 161664 h 161664"/>
                <a:gd name="connsiteX20" fmla="*/ 135696 w 178928"/>
                <a:gd name="connsiteY20" fmla="*/ 150283 h 161664"/>
                <a:gd name="connsiteX21" fmla="*/ 178929 w 178928"/>
                <a:gd name="connsiteY21" fmla="*/ 79734 h 161664"/>
                <a:gd name="connsiteX22" fmla="*/ 129607 w 178928"/>
                <a:gd name="connsiteY22" fmla="*/ 8047 h 161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178928" h="161664">
                  <a:moveTo>
                    <a:pt x="83229" y="151024"/>
                  </a:moveTo>
                  <a:cubicBezTo>
                    <a:pt x="55942" y="151024"/>
                    <a:pt x="52448" y="139298"/>
                    <a:pt x="52448" y="115985"/>
                  </a:cubicBezTo>
                  <a:lnTo>
                    <a:pt x="52448" y="28856"/>
                  </a:lnTo>
                  <a:cubicBezTo>
                    <a:pt x="52448" y="20745"/>
                    <a:pt x="52448" y="16082"/>
                    <a:pt x="54508" y="14562"/>
                  </a:cubicBezTo>
                  <a:cubicBezTo>
                    <a:pt x="57427" y="12084"/>
                    <a:pt x="64227" y="10602"/>
                    <a:pt x="76055" y="10602"/>
                  </a:cubicBezTo>
                  <a:cubicBezTo>
                    <a:pt x="116369" y="10602"/>
                    <a:pt x="147074" y="34017"/>
                    <a:pt x="147074" y="78993"/>
                  </a:cubicBezTo>
                  <a:cubicBezTo>
                    <a:pt x="147074" y="123560"/>
                    <a:pt x="126038" y="151024"/>
                    <a:pt x="83229" y="151024"/>
                  </a:cubicBezTo>
                  <a:close/>
                  <a:moveTo>
                    <a:pt x="129607" y="8047"/>
                  </a:moveTo>
                  <a:cubicBezTo>
                    <a:pt x="112825" y="2146"/>
                    <a:pt x="95282" y="0"/>
                    <a:pt x="75282" y="0"/>
                  </a:cubicBezTo>
                  <a:cubicBezTo>
                    <a:pt x="46409" y="0"/>
                    <a:pt x="26346" y="715"/>
                    <a:pt x="6321" y="2146"/>
                  </a:cubicBezTo>
                  <a:cubicBezTo>
                    <a:pt x="3139" y="3232"/>
                    <a:pt x="2740" y="10206"/>
                    <a:pt x="5934" y="11318"/>
                  </a:cubicBezTo>
                  <a:lnTo>
                    <a:pt x="16639" y="12761"/>
                  </a:lnTo>
                  <a:cubicBezTo>
                    <a:pt x="24912" y="13834"/>
                    <a:pt x="25236" y="20068"/>
                    <a:pt x="25236" y="43839"/>
                  </a:cubicBezTo>
                  <a:lnTo>
                    <a:pt x="25236" y="121466"/>
                  </a:lnTo>
                  <a:cubicBezTo>
                    <a:pt x="25236" y="146642"/>
                    <a:pt x="23813" y="148086"/>
                    <a:pt x="8454" y="150653"/>
                  </a:cubicBezTo>
                  <a:lnTo>
                    <a:pt x="1642" y="151739"/>
                  </a:lnTo>
                  <a:cubicBezTo>
                    <a:pt x="-816" y="153592"/>
                    <a:pt x="-455" y="159851"/>
                    <a:pt x="2328" y="160885"/>
                  </a:cubicBezTo>
                  <a:cubicBezTo>
                    <a:pt x="16328" y="160196"/>
                    <a:pt x="27444" y="159851"/>
                    <a:pt x="38873" y="159851"/>
                  </a:cubicBezTo>
                  <a:cubicBezTo>
                    <a:pt x="44251" y="159851"/>
                    <a:pt x="51026" y="160196"/>
                    <a:pt x="58076" y="160553"/>
                  </a:cubicBezTo>
                  <a:cubicBezTo>
                    <a:pt x="65637" y="161332"/>
                    <a:pt x="73934" y="161664"/>
                    <a:pt x="81770" y="161664"/>
                  </a:cubicBezTo>
                  <a:cubicBezTo>
                    <a:pt x="99600" y="161664"/>
                    <a:pt x="119588" y="158829"/>
                    <a:pt x="135696" y="150283"/>
                  </a:cubicBezTo>
                  <a:cubicBezTo>
                    <a:pt x="164331" y="135325"/>
                    <a:pt x="178929" y="108615"/>
                    <a:pt x="178929" y="79734"/>
                  </a:cubicBezTo>
                  <a:cubicBezTo>
                    <a:pt x="178929" y="46049"/>
                    <a:pt x="162110" y="19352"/>
                    <a:pt x="129607" y="8047"/>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83" name="Freeform: Shape 182">
              <a:extLst>
                <a:ext uri="{FF2B5EF4-FFF2-40B4-BE49-F238E27FC236}">
                  <a16:creationId xmlns:a16="http://schemas.microsoft.com/office/drawing/2014/main" id="{3ADF79D6-6BD0-87F6-E090-2E32ECDFDB6E}"/>
                </a:ext>
              </a:extLst>
            </p:cNvPr>
            <p:cNvSpPr/>
            <p:nvPr/>
          </p:nvSpPr>
          <p:spPr>
            <a:xfrm>
              <a:off x="9710889" y="3788220"/>
              <a:ext cx="164505" cy="146259"/>
            </a:xfrm>
            <a:custGeom>
              <a:avLst/>
              <a:gdLst>
                <a:gd name="connsiteX0" fmla="*/ 162009 w 164505"/>
                <a:gd name="connsiteY0" fmla="*/ 0 h 160885"/>
                <a:gd name="connsiteX1" fmla="*/ 136482 w 164505"/>
                <a:gd name="connsiteY1" fmla="*/ 1035 h 160885"/>
                <a:gd name="connsiteX2" fmla="*/ 109459 w 164505"/>
                <a:gd name="connsiteY2" fmla="*/ 0 h 160885"/>
                <a:gd name="connsiteX3" fmla="*/ 108669 w 164505"/>
                <a:gd name="connsiteY3" fmla="*/ 9082 h 160885"/>
                <a:gd name="connsiteX4" fmla="*/ 116193 w 164505"/>
                <a:gd name="connsiteY4" fmla="*/ 10206 h 160885"/>
                <a:gd name="connsiteX5" fmla="*/ 118717 w 164505"/>
                <a:gd name="connsiteY5" fmla="*/ 24806 h 160885"/>
                <a:gd name="connsiteX6" fmla="*/ 104430 w 164505"/>
                <a:gd name="connsiteY6" fmla="*/ 51580 h 160885"/>
                <a:gd name="connsiteX7" fmla="*/ 87260 w 164505"/>
                <a:gd name="connsiteY7" fmla="*/ 81893 h 160885"/>
                <a:gd name="connsiteX8" fmla="*/ 71239 w 164505"/>
                <a:gd name="connsiteY8" fmla="*/ 51580 h 160885"/>
                <a:gd name="connsiteX9" fmla="*/ 57963 w 164505"/>
                <a:gd name="connsiteY9" fmla="*/ 25573 h 160885"/>
                <a:gd name="connsiteX10" fmla="*/ 61170 w 164505"/>
                <a:gd name="connsiteY10" fmla="*/ 10206 h 160885"/>
                <a:gd name="connsiteX11" fmla="*/ 66211 w 164505"/>
                <a:gd name="connsiteY11" fmla="*/ 9082 h 160885"/>
                <a:gd name="connsiteX12" fmla="*/ 65812 w 164505"/>
                <a:gd name="connsiteY12" fmla="*/ 0 h 160885"/>
                <a:gd name="connsiteX13" fmla="*/ 35455 w 164505"/>
                <a:gd name="connsiteY13" fmla="*/ 1035 h 160885"/>
                <a:gd name="connsiteX14" fmla="*/ 2565 w 164505"/>
                <a:gd name="connsiteY14" fmla="*/ 0 h 160885"/>
                <a:gd name="connsiteX15" fmla="*/ 1480 w 164505"/>
                <a:gd name="connsiteY15" fmla="*/ 9082 h 160885"/>
                <a:gd name="connsiteX16" fmla="*/ 10800 w 164505"/>
                <a:gd name="connsiteY16" fmla="*/ 10883 h 160885"/>
                <a:gd name="connsiteX17" fmla="*/ 31150 w 164505"/>
                <a:gd name="connsiteY17" fmla="*/ 30670 h 160885"/>
                <a:gd name="connsiteX18" fmla="*/ 57214 w 164505"/>
                <a:gd name="connsiteY18" fmla="*/ 80066 h 160885"/>
                <a:gd name="connsiteX19" fmla="*/ 67221 w 164505"/>
                <a:gd name="connsiteY19" fmla="*/ 111208 h 160885"/>
                <a:gd name="connsiteX20" fmla="*/ 67221 w 164505"/>
                <a:gd name="connsiteY20" fmla="*/ 125004 h 160885"/>
                <a:gd name="connsiteX21" fmla="*/ 50453 w 164505"/>
                <a:gd name="connsiteY21" fmla="*/ 150654 h 160885"/>
                <a:gd name="connsiteX22" fmla="*/ 41556 w 164505"/>
                <a:gd name="connsiteY22" fmla="*/ 151739 h 160885"/>
                <a:gd name="connsiteX23" fmla="*/ 42255 w 164505"/>
                <a:gd name="connsiteY23" fmla="*/ 160885 h 160885"/>
                <a:gd name="connsiteX24" fmla="*/ 80896 w 164505"/>
                <a:gd name="connsiteY24" fmla="*/ 159851 h 160885"/>
                <a:gd name="connsiteX25" fmla="*/ 119384 w 164505"/>
                <a:gd name="connsiteY25" fmla="*/ 160885 h 160885"/>
                <a:gd name="connsiteX26" fmla="*/ 120146 w 164505"/>
                <a:gd name="connsiteY26" fmla="*/ 151739 h 160885"/>
                <a:gd name="connsiteX27" fmla="*/ 111202 w 164505"/>
                <a:gd name="connsiteY27" fmla="*/ 150654 h 160885"/>
                <a:gd name="connsiteX28" fmla="*/ 94359 w 164505"/>
                <a:gd name="connsiteY28" fmla="*/ 125004 h 160885"/>
                <a:gd name="connsiteX29" fmla="*/ 94359 w 164505"/>
                <a:gd name="connsiteY29" fmla="*/ 105268 h 160885"/>
                <a:gd name="connsiteX30" fmla="*/ 108011 w 164505"/>
                <a:gd name="connsiteY30" fmla="*/ 70217 h 160885"/>
                <a:gd name="connsiteX31" fmla="*/ 130147 w 164505"/>
                <a:gd name="connsiteY31" fmla="*/ 33569 h 160885"/>
                <a:gd name="connsiteX32" fmla="*/ 154122 w 164505"/>
                <a:gd name="connsiteY32" fmla="*/ 10883 h 160885"/>
                <a:gd name="connsiteX33" fmla="*/ 162656 w 164505"/>
                <a:gd name="connsiteY33" fmla="*/ 9082 h 160885"/>
                <a:gd name="connsiteX34" fmla="*/ 162009 w 164505"/>
                <a:gd name="connsiteY34" fmla="*/ 0 h 1608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Lst>
              <a:rect l="l" t="t" r="r" b="b"/>
              <a:pathLst>
                <a:path w="164505" h="160885">
                  <a:moveTo>
                    <a:pt x="162009" y="0"/>
                  </a:moveTo>
                  <a:cubicBezTo>
                    <a:pt x="151893" y="715"/>
                    <a:pt x="144397" y="1035"/>
                    <a:pt x="136482" y="1035"/>
                  </a:cubicBezTo>
                  <a:cubicBezTo>
                    <a:pt x="128338" y="1035"/>
                    <a:pt x="120146" y="715"/>
                    <a:pt x="109459" y="0"/>
                  </a:cubicBezTo>
                  <a:cubicBezTo>
                    <a:pt x="105840" y="1405"/>
                    <a:pt x="105487" y="7281"/>
                    <a:pt x="108669" y="9082"/>
                  </a:cubicBezTo>
                  <a:lnTo>
                    <a:pt x="116193" y="10206"/>
                  </a:lnTo>
                  <a:cubicBezTo>
                    <a:pt x="124852" y="11318"/>
                    <a:pt x="124070" y="14562"/>
                    <a:pt x="118717" y="24806"/>
                  </a:cubicBezTo>
                  <a:lnTo>
                    <a:pt x="104430" y="51580"/>
                  </a:lnTo>
                  <a:cubicBezTo>
                    <a:pt x="98391" y="63217"/>
                    <a:pt x="92987" y="71992"/>
                    <a:pt x="87260" y="81893"/>
                  </a:cubicBezTo>
                  <a:cubicBezTo>
                    <a:pt x="81932" y="72376"/>
                    <a:pt x="76529" y="62489"/>
                    <a:pt x="71239" y="51580"/>
                  </a:cubicBezTo>
                  <a:lnTo>
                    <a:pt x="57963" y="25573"/>
                  </a:lnTo>
                  <a:cubicBezTo>
                    <a:pt x="52186" y="14154"/>
                    <a:pt x="53372" y="12084"/>
                    <a:pt x="61170" y="10206"/>
                  </a:cubicBezTo>
                  <a:lnTo>
                    <a:pt x="66211" y="9082"/>
                  </a:lnTo>
                  <a:cubicBezTo>
                    <a:pt x="69742" y="7281"/>
                    <a:pt x="68719" y="1405"/>
                    <a:pt x="65812" y="0"/>
                  </a:cubicBezTo>
                  <a:cubicBezTo>
                    <a:pt x="54395" y="715"/>
                    <a:pt x="46210" y="1035"/>
                    <a:pt x="35455" y="1035"/>
                  </a:cubicBezTo>
                  <a:cubicBezTo>
                    <a:pt x="22616" y="1035"/>
                    <a:pt x="14343" y="715"/>
                    <a:pt x="2565" y="0"/>
                  </a:cubicBezTo>
                  <a:cubicBezTo>
                    <a:pt x="-242" y="1035"/>
                    <a:pt x="-954" y="6911"/>
                    <a:pt x="1480" y="9082"/>
                  </a:cubicBezTo>
                  <a:lnTo>
                    <a:pt x="10800" y="10883"/>
                  </a:lnTo>
                  <a:cubicBezTo>
                    <a:pt x="20046" y="12761"/>
                    <a:pt x="23702" y="16082"/>
                    <a:pt x="31150" y="30670"/>
                  </a:cubicBezTo>
                  <a:lnTo>
                    <a:pt x="57214" y="80066"/>
                  </a:lnTo>
                  <a:cubicBezTo>
                    <a:pt x="66211" y="96876"/>
                    <a:pt x="67221" y="99802"/>
                    <a:pt x="67221" y="111208"/>
                  </a:cubicBezTo>
                  <a:lnTo>
                    <a:pt x="67221" y="125004"/>
                  </a:lnTo>
                  <a:cubicBezTo>
                    <a:pt x="67221" y="146643"/>
                    <a:pt x="65812" y="148865"/>
                    <a:pt x="50453" y="150654"/>
                  </a:cubicBezTo>
                  <a:lnTo>
                    <a:pt x="41556" y="151739"/>
                  </a:lnTo>
                  <a:cubicBezTo>
                    <a:pt x="38998" y="153591"/>
                    <a:pt x="39335" y="159851"/>
                    <a:pt x="42255" y="160885"/>
                  </a:cubicBezTo>
                  <a:cubicBezTo>
                    <a:pt x="58337" y="160196"/>
                    <a:pt x="69455" y="159851"/>
                    <a:pt x="80896" y="159851"/>
                  </a:cubicBezTo>
                  <a:cubicBezTo>
                    <a:pt x="91876" y="159851"/>
                    <a:pt x="103716" y="160196"/>
                    <a:pt x="119384" y="160885"/>
                  </a:cubicBezTo>
                  <a:cubicBezTo>
                    <a:pt x="122299" y="159851"/>
                    <a:pt x="122661" y="153591"/>
                    <a:pt x="120146" y="151739"/>
                  </a:cubicBezTo>
                  <a:lnTo>
                    <a:pt x="111202" y="150654"/>
                  </a:lnTo>
                  <a:cubicBezTo>
                    <a:pt x="95856" y="148865"/>
                    <a:pt x="94359" y="146643"/>
                    <a:pt x="94359" y="125004"/>
                  </a:cubicBezTo>
                  <a:lnTo>
                    <a:pt x="94359" y="105268"/>
                  </a:lnTo>
                  <a:cubicBezTo>
                    <a:pt x="94359" y="94705"/>
                    <a:pt x="95133" y="91064"/>
                    <a:pt x="108011" y="70217"/>
                  </a:cubicBezTo>
                  <a:lnTo>
                    <a:pt x="130147" y="33569"/>
                  </a:lnTo>
                  <a:cubicBezTo>
                    <a:pt x="141225" y="15341"/>
                    <a:pt x="142997" y="13118"/>
                    <a:pt x="154122" y="10883"/>
                  </a:cubicBezTo>
                  <a:lnTo>
                    <a:pt x="162656" y="9082"/>
                  </a:lnTo>
                  <a:cubicBezTo>
                    <a:pt x="165580" y="7281"/>
                    <a:pt x="164790" y="1035"/>
                    <a:pt x="162009" y="0"/>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84" name="Freeform: Shape 183">
              <a:extLst>
                <a:ext uri="{FF2B5EF4-FFF2-40B4-BE49-F238E27FC236}">
                  <a16:creationId xmlns:a16="http://schemas.microsoft.com/office/drawing/2014/main" id="{0D2BB01E-C384-0E94-8055-B7B8AE665B4E}"/>
                </a:ext>
              </a:extLst>
            </p:cNvPr>
            <p:cNvSpPr/>
            <p:nvPr/>
          </p:nvSpPr>
          <p:spPr>
            <a:xfrm>
              <a:off x="9355005" y="3784516"/>
              <a:ext cx="175053" cy="153621"/>
            </a:xfrm>
            <a:custGeom>
              <a:avLst/>
              <a:gdLst>
                <a:gd name="connsiteX0" fmla="*/ 96136 w 175053"/>
                <a:gd name="connsiteY0" fmla="*/ 157973 h 168983"/>
                <a:gd name="connsiteX1" fmla="*/ 31604 w 175053"/>
                <a:gd name="connsiteY1" fmla="*/ 84984 h 168983"/>
                <a:gd name="connsiteX2" fmla="*/ 79541 w 175053"/>
                <a:gd name="connsiteY2" fmla="*/ 11011 h 168983"/>
                <a:gd name="connsiteX3" fmla="*/ 143487 w 175053"/>
                <a:gd name="connsiteY3" fmla="*/ 84332 h 168983"/>
                <a:gd name="connsiteX4" fmla="*/ 96136 w 175053"/>
                <a:gd name="connsiteY4" fmla="*/ 157973 h 168983"/>
                <a:gd name="connsiteX5" fmla="*/ 88213 w 175053"/>
                <a:gd name="connsiteY5" fmla="*/ 0 h 168983"/>
                <a:gd name="connsiteX6" fmla="*/ 0 w 175053"/>
                <a:gd name="connsiteY6" fmla="*/ 85954 h 168983"/>
                <a:gd name="connsiteX7" fmla="*/ 88213 w 175053"/>
                <a:gd name="connsiteY7" fmla="*/ 168984 h 168983"/>
                <a:gd name="connsiteX8" fmla="*/ 175053 w 175053"/>
                <a:gd name="connsiteY8" fmla="*/ 83796 h 168983"/>
                <a:gd name="connsiteX9" fmla="*/ 88213 w 175053"/>
                <a:gd name="connsiteY9" fmla="*/ 0 h 16898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75053" h="168983">
                  <a:moveTo>
                    <a:pt x="96136" y="157973"/>
                  </a:moveTo>
                  <a:cubicBezTo>
                    <a:pt x="54887" y="161601"/>
                    <a:pt x="34736" y="122564"/>
                    <a:pt x="31604" y="84984"/>
                  </a:cubicBezTo>
                  <a:cubicBezTo>
                    <a:pt x="27312" y="33582"/>
                    <a:pt x="53889" y="13272"/>
                    <a:pt x="79541" y="11011"/>
                  </a:cubicBezTo>
                  <a:cubicBezTo>
                    <a:pt x="118757" y="7588"/>
                    <a:pt x="140230" y="45347"/>
                    <a:pt x="143487" y="84332"/>
                  </a:cubicBezTo>
                  <a:cubicBezTo>
                    <a:pt x="147654" y="134303"/>
                    <a:pt x="123174" y="155572"/>
                    <a:pt x="96136" y="157973"/>
                  </a:cubicBezTo>
                  <a:close/>
                  <a:moveTo>
                    <a:pt x="88213" y="0"/>
                  </a:moveTo>
                  <a:cubicBezTo>
                    <a:pt x="36433" y="0"/>
                    <a:pt x="0" y="37338"/>
                    <a:pt x="0" y="85954"/>
                  </a:cubicBezTo>
                  <a:cubicBezTo>
                    <a:pt x="0" y="132068"/>
                    <a:pt x="32839" y="168984"/>
                    <a:pt x="88213" y="168984"/>
                  </a:cubicBezTo>
                  <a:cubicBezTo>
                    <a:pt x="138557" y="168984"/>
                    <a:pt x="175053" y="133140"/>
                    <a:pt x="175053" y="83796"/>
                  </a:cubicBezTo>
                  <a:cubicBezTo>
                    <a:pt x="175053" y="39062"/>
                    <a:pt x="145770" y="0"/>
                    <a:pt x="88213" y="0"/>
                  </a:cubicBez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85" name="Freeform: Shape 184">
              <a:extLst>
                <a:ext uri="{FF2B5EF4-FFF2-40B4-BE49-F238E27FC236}">
                  <a16:creationId xmlns:a16="http://schemas.microsoft.com/office/drawing/2014/main" id="{B5F786D5-CC40-D8B7-9E07-01148D62F471}"/>
                </a:ext>
              </a:extLst>
            </p:cNvPr>
            <p:cNvSpPr/>
            <p:nvPr/>
          </p:nvSpPr>
          <p:spPr>
            <a:xfrm>
              <a:off x="8854933" y="3713012"/>
              <a:ext cx="304704" cy="223819"/>
            </a:xfrm>
            <a:custGeom>
              <a:avLst/>
              <a:gdLst>
                <a:gd name="connsiteX0" fmla="*/ 291851 w 304704"/>
                <a:gd name="connsiteY0" fmla="*/ 233376 h 246201"/>
                <a:gd name="connsiteX1" fmla="*/ 274345 w 304704"/>
                <a:gd name="connsiteY1" fmla="*/ 203818 h 246201"/>
                <a:gd name="connsiteX2" fmla="*/ 270390 w 304704"/>
                <a:gd name="connsiteY2" fmla="*/ 44631 h 246201"/>
                <a:gd name="connsiteX3" fmla="*/ 295369 w 304704"/>
                <a:gd name="connsiteY3" fmla="*/ 9836 h 246201"/>
                <a:gd name="connsiteX4" fmla="*/ 302943 w 304704"/>
                <a:gd name="connsiteY4" fmla="*/ 9133 h 246201"/>
                <a:gd name="connsiteX5" fmla="*/ 302618 w 304704"/>
                <a:gd name="connsiteY5" fmla="*/ 0 h 246201"/>
                <a:gd name="connsiteX6" fmla="*/ 270777 w 304704"/>
                <a:gd name="connsiteY6" fmla="*/ 1035 h 246201"/>
                <a:gd name="connsiteX7" fmla="*/ 243951 w 304704"/>
                <a:gd name="connsiteY7" fmla="*/ 0 h 246201"/>
                <a:gd name="connsiteX8" fmla="*/ 216813 w 304704"/>
                <a:gd name="connsiteY8" fmla="*/ 70204 h 246201"/>
                <a:gd name="connsiteX9" fmla="*/ 183212 w 304704"/>
                <a:gd name="connsiteY9" fmla="*/ 140064 h 246201"/>
                <a:gd name="connsiteX10" fmla="*/ 155700 w 304704"/>
                <a:gd name="connsiteY10" fmla="*/ 194953 h 246201"/>
                <a:gd name="connsiteX11" fmla="*/ 155001 w 304704"/>
                <a:gd name="connsiteY11" fmla="*/ 194953 h 246201"/>
                <a:gd name="connsiteX12" fmla="*/ 130334 w 304704"/>
                <a:gd name="connsiteY12" fmla="*/ 144892 h 246201"/>
                <a:gd name="connsiteX13" fmla="*/ 89584 w 304704"/>
                <a:gd name="connsiteY13" fmla="*/ 60356 h 246201"/>
                <a:gd name="connsiteX14" fmla="*/ 71006 w 304704"/>
                <a:gd name="connsiteY14" fmla="*/ 0 h 246201"/>
                <a:gd name="connsiteX15" fmla="*/ 41336 w 304704"/>
                <a:gd name="connsiteY15" fmla="*/ 1035 h 246201"/>
                <a:gd name="connsiteX16" fmla="*/ 13125 w 304704"/>
                <a:gd name="connsiteY16" fmla="*/ 0 h 246201"/>
                <a:gd name="connsiteX17" fmla="*/ 11703 w 304704"/>
                <a:gd name="connsiteY17" fmla="*/ 9133 h 246201"/>
                <a:gd name="connsiteX18" fmla="*/ 17380 w 304704"/>
                <a:gd name="connsiteY18" fmla="*/ 9836 h 246201"/>
                <a:gd name="connsiteX19" fmla="*/ 41336 w 304704"/>
                <a:gd name="connsiteY19" fmla="*/ 41323 h 246201"/>
                <a:gd name="connsiteX20" fmla="*/ 37380 w 304704"/>
                <a:gd name="connsiteY20" fmla="*/ 122871 h 246201"/>
                <a:gd name="connsiteX21" fmla="*/ 31354 w 304704"/>
                <a:gd name="connsiteY21" fmla="*/ 203422 h 246201"/>
                <a:gd name="connsiteX22" fmla="*/ 9195 w 304704"/>
                <a:gd name="connsiteY22" fmla="*/ 233376 h 246201"/>
                <a:gd name="connsiteX23" fmla="*/ 1334 w 304704"/>
                <a:gd name="connsiteY23" fmla="*/ 234462 h 246201"/>
                <a:gd name="connsiteX24" fmla="*/ 2083 w 304704"/>
                <a:gd name="connsiteY24" fmla="*/ 243608 h 246201"/>
                <a:gd name="connsiteX25" fmla="*/ 38466 w 304704"/>
                <a:gd name="connsiteY25" fmla="*/ 242573 h 246201"/>
                <a:gd name="connsiteX26" fmla="*/ 78155 w 304704"/>
                <a:gd name="connsiteY26" fmla="*/ 243608 h 246201"/>
                <a:gd name="connsiteX27" fmla="*/ 78555 w 304704"/>
                <a:gd name="connsiteY27" fmla="*/ 234462 h 246201"/>
                <a:gd name="connsiteX28" fmla="*/ 64955 w 304704"/>
                <a:gd name="connsiteY28" fmla="*/ 233376 h 246201"/>
                <a:gd name="connsiteX29" fmla="*/ 48884 w 304704"/>
                <a:gd name="connsiteY29" fmla="*/ 199373 h 246201"/>
                <a:gd name="connsiteX30" fmla="*/ 51367 w 304704"/>
                <a:gd name="connsiteY30" fmla="*/ 113392 h 246201"/>
                <a:gd name="connsiteX31" fmla="*/ 54911 w 304704"/>
                <a:gd name="connsiteY31" fmla="*/ 48246 h 246201"/>
                <a:gd name="connsiteX32" fmla="*/ 55647 w 304704"/>
                <a:gd name="connsiteY32" fmla="*/ 48246 h 246201"/>
                <a:gd name="connsiteX33" fmla="*/ 78555 w 304704"/>
                <a:gd name="connsiteY33" fmla="*/ 100925 h 246201"/>
                <a:gd name="connsiteX34" fmla="*/ 110633 w 304704"/>
                <a:gd name="connsiteY34" fmla="*/ 171577 h 246201"/>
                <a:gd name="connsiteX35" fmla="*/ 142163 w 304704"/>
                <a:gd name="connsiteY35" fmla="*/ 244719 h 246201"/>
                <a:gd name="connsiteX36" fmla="*/ 145345 w 304704"/>
                <a:gd name="connsiteY36" fmla="*/ 246201 h 246201"/>
                <a:gd name="connsiteX37" fmla="*/ 148863 w 304704"/>
                <a:gd name="connsiteY37" fmla="*/ 244719 h 246201"/>
                <a:gd name="connsiteX38" fmla="*/ 187480 w 304704"/>
                <a:gd name="connsiteY38" fmla="*/ 161307 h 246201"/>
                <a:gd name="connsiteX39" fmla="*/ 219284 w 304704"/>
                <a:gd name="connsiteY39" fmla="*/ 97285 h 246201"/>
                <a:gd name="connsiteX40" fmla="*/ 242516 w 304704"/>
                <a:gd name="connsiteY40" fmla="*/ 49767 h 246201"/>
                <a:gd name="connsiteX41" fmla="*/ 243228 w 304704"/>
                <a:gd name="connsiteY41" fmla="*/ 49767 h 246201"/>
                <a:gd name="connsiteX42" fmla="*/ 244312 w 304704"/>
                <a:gd name="connsiteY42" fmla="*/ 202298 h 246201"/>
                <a:gd name="connsiteX43" fmla="*/ 226820 w 304704"/>
                <a:gd name="connsiteY43" fmla="*/ 233376 h 246201"/>
                <a:gd name="connsiteX44" fmla="*/ 216526 w 304704"/>
                <a:gd name="connsiteY44" fmla="*/ 234462 h 246201"/>
                <a:gd name="connsiteX45" fmla="*/ 217213 w 304704"/>
                <a:gd name="connsiteY45" fmla="*/ 243608 h 246201"/>
                <a:gd name="connsiteX46" fmla="*/ 260371 w 304704"/>
                <a:gd name="connsiteY46" fmla="*/ 242573 h 246201"/>
                <a:gd name="connsiteX47" fmla="*/ 302618 w 304704"/>
                <a:gd name="connsiteY47" fmla="*/ 243608 h 246201"/>
                <a:gd name="connsiteX48" fmla="*/ 303329 w 304704"/>
                <a:gd name="connsiteY48" fmla="*/ 234462 h 246201"/>
                <a:gd name="connsiteX49" fmla="*/ 291851 w 304704"/>
                <a:gd name="connsiteY49" fmla="*/ 233376 h 2462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Lst>
              <a:rect l="l" t="t" r="r" b="b"/>
              <a:pathLst>
                <a:path w="304704" h="246201">
                  <a:moveTo>
                    <a:pt x="291851" y="233376"/>
                  </a:moveTo>
                  <a:cubicBezTo>
                    <a:pt x="275081" y="231588"/>
                    <a:pt x="275418" y="222020"/>
                    <a:pt x="274345" y="203818"/>
                  </a:cubicBezTo>
                  <a:cubicBezTo>
                    <a:pt x="271450" y="151075"/>
                    <a:pt x="271101" y="83438"/>
                    <a:pt x="270390" y="44631"/>
                  </a:cubicBezTo>
                  <a:cubicBezTo>
                    <a:pt x="270040" y="19058"/>
                    <a:pt x="272898" y="12480"/>
                    <a:pt x="295369" y="9836"/>
                  </a:cubicBezTo>
                  <a:lnTo>
                    <a:pt x="302943" y="9133"/>
                  </a:lnTo>
                  <a:cubicBezTo>
                    <a:pt x="304751" y="7651"/>
                    <a:pt x="304751" y="1456"/>
                    <a:pt x="302618" y="0"/>
                  </a:cubicBezTo>
                  <a:cubicBezTo>
                    <a:pt x="291451" y="728"/>
                    <a:pt x="279723" y="1035"/>
                    <a:pt x="270777" y="1035"/>
                  </a:cubicBezTo>
                  <a:cubicBezTo>
                    <a:pt x="263615" y="1035"/>
                    <a:pt x="256153" y="1035"/>
                    <a:pt x="243951" y="0"/>
                  </a:cubicBezTo>
                  <a:cubicBezTo>
                    <a:pt x="243228" y="16836"/>
                    <a:pt x="233258" y="36980"/>
                    <a:pt x="216813" y="70204"/>
                  </a:cubicBezTo>
                  <a:lnTo>
                    <a:pt x="183212" y="140064"/>
                  </a:lnTo>
                  <a:cubicBezTo>
                    <a:pt x="174304" y="158765"/>
                    <a:pt x="165345" y="177836"/>
                    <a:pt x="155700" y="194953"/>
                  </a:cubicBezTo>
                  <a:lnTo>
                    <a:pt x="155001" y="194953"/>
                  </a:lnTo>
                  <a:cubicBezTo>
                    <a:pt x="146355" y="178845"/>
                    <a:pt x="138545" y="162035"/>
                    <a:pt x="130334" y="144892"/>
                  </a:cubicBezTo>
                  <a:lnTo>
                    <a:pt x="89584" y="60356"/>
                  </a:lnTo>
                  <a:cubicBezTo>
                    <a:pt x="78555" y="36980"/>
                    <a:pt x="69559" y="14255"/>
                    <a:pt x="71006" y="0"/>
                  </a:cubicBezTo>
                  <a:cubicBezTo>
                    <a:pt x="59203" y="1035"/>
                    <a:pt x="49583" y="1035"/>
                    <a:pt x="41336" y="1035"/>
                  </a:cubicBezTo>
                  <a:cubicBezTo>
                    <a:pt x="32414" y="1035"/>
                    <a:pt x="23855" y="728"/>
                    <a:pt x="13125" y="0"/>
                  </a:cubicBezTo>
                  <a:cubicBezTo>
                    <a:pt x="10230" y="1456"/>
                    <a:pt x="9881" y="6936"/>
                    <a:pt x="11703" y="9133"/>
                  </a:cubicBezTo>
                  <a:lnTo>
                    <a:pt x="17380" y="9836"/>
                  </a:lnTo>
                  <a:cubicBezTo>
                    <a:pt x="39177" y="13527"/>
                    <a:pt x="42122" y="18254"/>
                    <a:pt x="41336" y="41323"/>
                  </a:cubicBezTo>
                  <a:cubicBezTo>
                    <a:pt x="40624" y="61403"/>
                    <a:pt x="39177" y="92507"/>
                    <a:pt x="37380" y="122871"/>
                  </a:cubicBezTo>
                  <a:cubicBezTo>
                    <a:pt x="35297" y="159135"/>
                    <a:pt x="33525" y="179228"/>
                    <a:pt x="31354" y="203422"/>
                  </a:cubicBezTo>
                  <a:cubicBezTo>
                    <a:pt x="29195" y="228982"/>
                    <a:pt x="24180" y="231588"/>
                    <a:pt x="9195" y="233376"/>
                  </a:cubicBezTo>
                  <a:lnTo>
                    <a:pt x="1334" y="234462"/>
                  </a:lnTo>
                  <a:cubicBezTo>
                    <a:pt x="-887" y="236314"/>
                    <a:pt x="-126" y="241858"/>
                    <a:pt x="2083" y="243608"/>
                  </a:cubicBezTo>
                  <a:cubicBezTo>
                    <a:pt x="14248" y="242918"/>
                    <a:pt x="27062" y="242573"/>
                    <a:pt x="38466" y="242573"/>
                  </a:cubicBezTo>
                  <a:cubicBezTo>
                    <a:pt x="52041" y="242573"/>
                    <a:pt x="66015" y="242918"/>
                    <a:pt x="78155" y="243608"/>
                  </a:cubicBezTo>
                  <a:cubicBezTo>
                    <a:pt x="80663" y="242573"/>
                    <a:pt x="81038" y="236685"/>
                    <a:pt x="78555" y="234462"/>
                  </a:cubicBezTo>
                  <a:lnTo>
                    <a:pt x="64955" y="233376"/>
                  </a:lnTo>
                  <a:cubicBezTo>
                    <a:pt x="50968" y="232316"/>
                    <a:pt x="48884" y="226453"/>
                    <a:pt x="48884" y="199373"/>
                  </a:cubicBezTo>
                  <a:cubicBezTo>
                    <a:pt x="48884" y="168307"/>
                    <a:pt x="50294" y="135657"/>
                    <a:pt x="51367" y="113392"/>
                  </a:cubicBezTo>
                  <a:cubicBezTo>
                    <a:pt x="52490" y="92162"/>
                    <a:pt x="53551" y="70920"/>
                    <a:pt x="54911" y="48246"/>
                  </a:cubicBezTo>
                  <a:lnTo>
                    <a:pt x="55647" y="48246"/>
                  </a:lnTo>
                  <a:cubicBezTo>
                    <a:pt x="63495" y="65095"/>
                    <a:pt x="71006" y="84128"/>
                    <a:pt x="78555" y="100925"/>
                  </a:cubicBezTo>
                  <a:lnTo>
                    <a:pt x="110633" y="171577"/>
                  </a:lnTo>
                  <a:cubicBezTo>
                    <a:pt x="118868" y="189486"/>
                    <a:pt x="135999" y="225393"/>
                    <a:pt x="142163" y="244719"/>
                  </a:cubicBezTo>
                  <a:cubicBezTo>
                    <a:pt x="142837" y="245856"/>
                    <a:pt x="144658" y="246201"/>
                    <a:pt x="145345" y="246201"/>
                  </a:cubicBezTo>
                  <a:cubicBezTo>
                    <a:pt x="146804" y="246201"/>
                    <a:pt x="148201" y="245856"/>
                    <a:pt x="148863" y="244719"/>
                  </a:cubicBezTo>
                  <a:cubicBezTo>
                    <a:pt x="155338" y="227896"/>
                    <a:pt x="171459" y="193573"/>
                    <a:pt x="187480" y="161307"/>
                  </a:cubicBezTo>
                  <a:lnTo>
                    <a:pt x="219284" y="97285"/>
                  </a:lnTo>
                  <a:cubicBezTo>
                    <a:pt x="226445" y="83068"/>
                    <a:pt x="239971" y="53777"/>
                    <a:pt x="242516" y="49767"/>
                  </a:cubicBezTo>
                  <a:lnTo>
                    <a:pt x="243228" y="49767"/>
                  </a:lnTo>
                  <a:lnTo>
                    <a:pt x="244312" y="202298"/>
                  </a:lnTo>
                  <a:cubicBezTo>
                    <a:pt x="244312" y="225724"/>
                    <a:pt x="244312" y="231588"/>
                    <a:pt x="226820" y="233376"/>
                  </a:cubicBezTo>
                  <a:lnTo>
                    <a:pt x="216526" y="234462"/>
                  </a:lnTo>
                  <a:cubicBezTo>
                    <a:pt x="214331" y="236685"/>
                    <a:pt x="214679" y="241858"/>
                    <a:pt x="217213" y="243608"/>
                  </a:cubicBezTo>
                  <a:cubicBezTo>
                    <a:pt x="231799" y="242918"/>
                    <a:pt x="247906" y="242573"/>
                    <a:pt x="260371" y="242573"/>
                  </a:cubicBezTo>
                  <a:cubicBezTo>
                    <a:pt x="273260" y="242573"/>
                    <a:pt x="287945" y="242918"/>
                    <a:pt x="302618" y="243608"/>
                  </a:cubicBezTo>
                  <a:cubicBezTo>
                    <a:pt x="305076" y="242165"/>
                    <a:pt x="305426" y="236685"/>
                    <a:pt x="303329" y="234462"/>
                  </a:cubicBezTo>
                  <a:lnTo>
                    <a:pt x="291851" y="233376"/>
                  </a:lnTo>
                  <a:close/>
                </a:path>
              </a:pathLst>
            </a:custGeom>
            <a:solidFill>
              <a:srgbClr val="0028A0"/>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192" name="Picture 208">
            <a:extLst>
              <a:ext uri="{FF2B5EF4-FFF2-40B4-BE49-F238E27FC236}">
                <a16:creationId xmlns:a16="http://schemas.microsoft.com/office/drawing/2014/main" id="{7BDD96BA-8364-BB3E-56F4-F8CED9C1EDB7}"/>
              </a:ext>
            </a:extLst>
          </p:cNvPr>
          <p:cNvSpPr/>
          <p:nvPr/>
        </p:nvSpPr>
        <p:spPr>
          <a:xfrm>
            <a:off x="9584582" y="3703466"/>
            <a:ext cx="853567" cy="183997"/>
          </a:xfrm>
          <a:custGeom>
            <a:avLst/>
            <a:gdLst>
              <a:gd name="connsiteX0" fmla="*/ 217284 w 963865"/>
              <a:gd name="connsiteY0" fmla="*/ 0 h 228550"/>
              <a:gd name="connsiteX1" fmla="*/ 159265 w 963865"/>
              <a:gd name="connsiteY1" fmla="*/ 177046 h 228550"/>
              <a:gd name="connsiteX2" fmla="*/ 134815 w 963865"/>
              <a:gd name="connsiteY2" fmla="*/ 94961 h 228550"/>
              <a:gd name="connsiteX3" fmla="*/ 95421 w 963865"/>
              <a:gd name="connsiteY3" fmla="*/ 94961 h 228550"/>
              <a:gd name="connsiteX4" fmla="*/ 140640 w 963865"/>
              <a:gd name="connsiteY4" fmla="*/ 224795 h 228550"/>
              <a:gd name="connsiteX5" fmla="*/ 182564 w 963865"/>
              <a:gd name="connsiteY5" fmla="*/ 224795 h 228550"/>
              <a:gd name="connsiteX6" fmla="*/ 261507 w 963865"/>
              <a:gd name="connsiteY6" fmla="*/ 0 h 228550"/>
              <a:gd name="connsiteX7" fmla="*/ 67523 w 963865"/>
              <a:gd name="connsiteY7" fmla="*/ 177046 h 228550"/>
              <a:gd name="connsiteX8" fmla="*/ 39778 w 963865"/>
              <a:gd name="connsiteY8" fmla="*/ 94961 h 228550"/>
              <a:gd name="connsiteX9" fmla="*/ 0 w 963865"/>
              <a:gd name="connsiteY9" fmla="*/ 94961 h 228550"/>
              <a:gd name="connsiteX10" fmla="*/ 45143 w 963865"/>
              <a:gd name="connsiteY10" fmla="*/ 225255 h 228550"/>
              <a:gd name="connsiteX11" fmla="*/ 91129 w 963865"/>
              <a:gd name="connsiteY11" fmla="*/ 225255 h 228550"/>
              <a:gd name="connsiteX12" fmla="*/ 109293 w 963865"/>
              <a:gd name="connsiteY12" fmla="*/ 169765 h 228550"/>
              <a:gd name="connsiteX13" fmla="*/ 89366 w 963865"/>
              <a:gd name="connsiteY13" fmla="*/ 111899 h 228550"/>
              <a:gd name="connsiteX14" fmla="*/ 545547 w 963865"/>
              <a:gd name="connsiteY14" fmla="*/ 153287 h 228550"/>
              <a:gd name="connsiteX15" fmla="*/ 609237 w 963865"/>
              <a:gd name="connsiteY15" fmla="*/ 94655 h 228550"/>
              <a:gd name="connsiteX16" fmla="*/ 556200 w 963865"/>
              <a:gd name="connsiteY16" fmla="*/ 94655 h 228550"/>
              <a:gd name="connsiteX17" fmla="*/ 515273 w 963865"/>
              <a:gd name="connsiteY17" fmla="*/ 132976 h 228550"/>
              <a:gd name="connsiteX18" fmla="*/ 515273 w 963865"/>
              <a:gd name="connsiteY18" fmla="*/ 36329 h 228550"/>
              <a:gd name="connsiteX19" fmla="*/ 477794 w 963865"/>
              <a:gd name="connsiteY19" fmla="*/ 36329 h 228550"/>
              <a:gd name="connsiteX20" fmla="*/ 477794 w 963865"/>
              <a:gd name="connsiteY20" fmla="*/ 224795 h 228550"/>
              <a:gd name="connsiteX21" fmla="*/ 515656 w 963865"/>
              <a:gd name="connsiteY21" fmla="*/ 224795 h 228550"/>
              <a:gd name="connsiteX22" fmla="*/ 515656 w 963865"/>
              <a:gd name="connsiteY22" fmla="*/ 172908 h 228550"/>
              <a:gd name="connsiteX23" fmla="*/ 566394 w 963865"/>
              <a:gd name="connsiteY23" fmla="*/ 224795 h 228550"/>
              <a:gd name="connsiteX24" fmla="*/ 617208 w 963865"/>
              <a:gd name="connsiteY24" fmla="*/ 224795 h 228550"/>
              <a:gd name="connsiteX25" fmla="*/ 464688 w 963865"/>
              <a:gd name="connsiteY25" fmla="*/ 133743 h 228550"/>
              <a:gd name="connsiteX26" fmla="*/ 446677 w 963865"/>
              <a:gd name="connsiteY26" fmla="*/ 130294 h 228550"/>
              <a:gd name="connsiteX27" fmla="*/ 425830 w 963865"/>
              <a:gd name="connsiteY27" fmla="*/ 140104 h 228550"/>
              <a:gd name="connsiteX28" fmla="*/ 419239 w 963865"/>
              <a:gd name="connsiteY28" fmla="*/ 167236 h 228550"/>
              <a:gd name="connsiteX29" fmla="*/ 419239 w 963865"/>
              <a:gd name="connsiteY29" fmla="*/ 224795 h 228550"/>
              <a:gd name="connsiteX30" fmla="*/ 379921 w 963865"/>
              <a:gd name="connsiteY30" fmla="*/ 224795 h 228550"/>
              <a:gd name="connsiteX31" fmla="*/ 379921 w 963865"/>
              <a:gd name="connsiteY31" fmla="*/ 95038 h 228550"/>
              <a:gd name="connsiteX32" fmla="*/ 419315 w 963865"/>
              <a:gd name="connsiteY32" fmla="*/ 95038 h 228550"/>
              <a:gd name="connsiteX33" fmla="*/ 419315 w 963865"/>
              <a:gd name="connsiteY33" fmla="*/ 113586 h 228550"/>
              <a:gd name="connsiteX34" fmla="*/ 419852 w 963865"/>
              <a:gd name="connsiteY34" fmla="*/ 113586 h 228550"/>
              <a:gd name="connsiteX35" fmla="*/ 452195 w 963865"/>
              <a:gd name="connsiteY35" fmla="*/ 92662 h 228550"/>
              <a:gd name="connsiteX36" fmla="*/ 465225 w 963865"/>
              <a:gd name="connsiteY36" fmla="*/ 95268 h 228550"/>
              <a:gd name="connsiteX37" fmla="*/ 295460 w 963865"/>
              <a:gd name="connsiteY37" fmla="*/ 228551 h 228550"/>
              <a:gd name="connsiteX38" fmla="*/ 222955 w 963865"/>
              <a:gd name="connsiteY38" fmla="*/ 160568 h 228550"/>
              <a:gd name="connsiteX39" fmla="*/ 295460 w 963865"/>
              <a:gd name="connsiteY39" fmla="*/ 92662 h 228550"/>
              <a:gd name="connsiteX40" fmla="*/ 367888 w 963865"/>
              <a:gd name="connsiteY40" fmla="*/ 160951 h 228550"/>
              <a:gd name="connsiteX41" fmla="*/ 295460 w 963865"/>
              <a:gd name="connsiteY41" fmla="*/ 228551 h 228550"/>
              <a:gd name="connsiteX42" fmla="*/ 295460 w 963865"/>
              <a:gd name="connsiteY42" fmla="*/ 126078 h 228550"/>
              <a:gd name="connsiteX43" fmla="*/ 265799 w 963865"/>
              <a:gd name="connsiteY43" fmla="*/ 159955 h 228550"/>
              <a:gd name="connsiteX44" fmla="*/ 295460 w 963865"/>
              <a:gd name="connsiteY44" fmla="*/ 193908 h 228550"/>
              <a:gd name="connsiteX45" fmla="*/ 325121 w 963865"/>
              <a:gd name="connsiteY45" fmla="*/ 159955 h 228550"/>
              <a:gd name="connsiteX46" fmla="*/ 295460 w 963865"/>
              <a:gd name="connsiteY46" fmla="*/ 125849 h 228550"/>
              <a:gd name="connsiteX47" fmla="*/ 946927 w 963865"/>
              <a:gd name="connsiteY47" fmla="*/ 224872 h 228550"/>
              <a:gd name="connsiteX48" fmla="*/ 906690 w 963865"/>
              <a:gd name="connsiteY48" fmla="*/ 224872 h 228550"/>
              <a:gd name="connsiteX49" fmla="*/ 905923 w 963865"/>
              <a:gd name="connsiteY49" fmla="*/ 211612 h 228550"/>
              <a:gd name="connsiteX50" fmla="*/ 868828 w 963865"/>
              <a:gd name="connsiteY50" fmla="*/ 228244 h 228550"/>
              <a:gd name="connsiteX51" fmla="*/ 821462 w 963865"/>
              <a:gd name="connsiteY51" fmla="*/ 186703 h 228550"/>
              <a:gd name="connsiteX52" fmla="*/ 872277 w 963865"/>
              <a:gd name="connsiteY52" fmla="*/ 146772 h 228550"/>
              <a:gd name="connsiteX53" fmla="*/ 905080 w 963865"/>
              <a:gd name="connsiteY53" fmla="*/ 145469 h 228550"/>
              <a:gd name="connsiteX54" fmla="*/ 905080 w 963865"/>
              <a:gd name="connsiteY54" fmla="*/ 142557 h 228550"/>
              <a:gd name="connsiteX55" fmla="*/ 878332 w 963865"/>
              <a:gd name="connsiteY55" fmla="*/ 121556 h 228550"/>
              <a:gd name="connsiteX56" fmla="*/ 838324 w 963865"/>
              <a:gd name="connsiteY56" fmla="*/ 133283 h 228550"/>
              <a:gd name="connsiteX57" fmla="*/ 827211 w 963865"/>
              <a:gd name="connsiteY57" fmla="*/ 105691 h 228550"/>
              <a:gd name="connsiteX58" fmla="*/ 882700 w 963865"/>
              <a:gd name="connsiteY58" fmla="*/ 92662 h 228550"/>
              <a:gd name="connsiteX59" fmla="*/ 931369 w 963865"/>
              <a:gd name="connsiteY59" fmla="*/ 107991 h 228550"/>
              <a:gd name="connsiteX60" fmla="*/ 946697 w 963865"/>
              <a:gd name="connsiteY60" fmla="*/ 152290 h 228550"/>
              <a:gd name="connsiteX61" fmla="*/ 904850 w 963865"/>
              <a:gd name="connsiteY61" fmla="*/ 167926 h 228550"/>
              <a:gd name="connsiteX62" fmla="*/ 883927 w 963865"/>
              <a:gd name="connsiteY62" fmla="*/ 169229 h 228550"/>
              <a:gd name="connsiteX63" fmla="*/ 863233 w 963865"/>
              <a:gd name="connsiteY63" fmla="*/ 185094 h 228550"/>
              <a:gd name="connsiteX64" fmla="*/ 883160 w 963865"/>
              <a:gd name="connsiteY64" fmla="*/ 201189 h 228550"/>
              <a:gd name="connsiteX65" fmla="*/ 904774 w 963865"/>
              <a:gd name="connsiteY65" fmla="*/ 189309 h 228550"/>
              <a:gd name="connsiteX66" fmla="*/ 820543 w 963865"/>
              <a:gd name="connsiteY66" fmla="*/ 94885 h 228550"/>
              <a:gd name="connsiteX67" fmla="*/ 766892 w 963865"/>
              <a:gd name="connsiteY67" fmla="*/ 224642 h 228550"/>
              <a:gd name="connsiteX68" fmla="*/ 728111 w 963865"/>
              <a:gd name="connsiteY68" fmla="*/ 224642 h 228550"/>
              <a:gd name="connsiteX69" fmla="*/ 674844 w 963865"/>
              <a:gd name="connsiteY69" fmla="*/ 94885 h 228550"/>
              <a:gd name="connsiteX70" fmla="*/ 718760 w 963865"/>
              <a:gd name="connsiteY70" fmla="*/ 94885 h 228550"/>
              <a:gd name="connsiteX71" fmla="*/ 748268 w 963865"/>
              <a:gd name="connsiteY71" fmla="*/ 177046 h 228550"/>
              <a:gd name="connsiteX72" fmla="*/ 777469 w 963865"/>
              <a:gd name="connsiteY72" fmla="*/ 94808 h 228550"/>
              <a:gd name="connsiteX73" fmla="*/ 663654 w 963865"/>
              <a:gd name="connsiteY73" fmla="*/ 224795 h 228550"/>
              <a:gd name="connsiteX74" fmla="*/ 621424 w 963865"/>
              <a:gd name="connsiteY74" fmla="*/ 224795 h 228550"/>
              <a:gd name="connsiteX75" fmla="*/ 621424 w 963865"/>
              <a:gd name="connsiteY75" fmla="*/ 95038 h 228550"/>
              <a:gd name="connsiteX76" fmla="*/ 663654 w 963865"/>
              <a:gd name="connsiteY76" fmla="*/ 95038 h 228550"/>
              <a:gd name="connsiteX77" fmla="*/ 621424 w 963865"/>
              <a:gd name="connsiteY77" fmla="*/ 84308 h 228550"/>
              <a:gd name="connsiteX78" fmla="*/ 621424 w 963865"/>
              <a:gd name="connsiteY78" fmla="*/ 36329 h 228550"/>
              <a:gd name="connsiteX79" fmla="*/ 673158 w 963865"/>
              <a:gd name="connsiteY79" fmla="*/ 36329 h 228550"/>
              <a:gd name="connsiteX80" fmla="*/ 950990 w 963865"/>
              <a:gd name="connsiteY80" fmla="*/ 94961 h 228550"/>
              <a:gd name="connsiteX81" fmla="*/ 938113 w 963865"/>
              <a:gd name="connsiteY81" fmla="*/ 82085 h 228550"/>
              <a:gd name="connsiteX82" fmla="*/ 950990 w 963865"/>
              <a:gd name="connsiteY82" fmla="*/ 69209 h 228550"/>
              <a:gd name="connsiteX83" fmla="*/ 963866 w 963865"/>
              <a:gd name="connsiteY83" fmla="*/ 82085 h 228550"/>
              <a:gd name="connsiteX84" fmla="*/ 950629 w 963865"/>
              <a:gd name="connsiteY84" fmla="*/ 94588 h 228550"/>
              <a:gd name="connsiteX85" fmla="*/ 950376 w 963865"/>
              <a:gd name="connsiteY85" fmla="*/ 94578 h 228550"/>
              <a:gd name="connsiteX86" fmla="*/ 950990 w 963865"/>
              <a:gd name="connsiteY86" fmla="*/ 71202 h 228550"/>
              <a:gd name="connsiteX87" fmla="*/ 939953 w 963865"/>
              <a:gd name="connsiteY87" fmla="*/ 82085 h 228550"/>
              <a:gd name="connsiteX88" fmla="*/ 950836 w 963865"/>
              <a:gd name="connsiteY88" fmla="*/ 93121 h 228550"/>
              <a:gd name="connsiteX89" fmla="*/ 961873 w 963865"/>
              <a:gd name="connsiteY89" fmla="*/ 82238 h 228550"/>
              <a:gd name="connsiteX90" fmla="*/ 951296 w 963865"/>
              <a:gd name="connsiteY90" fmla="*/ 71355 h 228550"/>
              <a:gd name="connsiteX91" fmla="*/ 951296 w 963865"/>
              <a:gd name="connsiteY91" fmla="*/ 71355 h 228550"/>
              <a:gd name="connsiteX92" fmla="*/ 957121 w 963865"/>
              <a:gd name="connsiteY92" fmla="*/ 89673 h 228550"/>
              <a:gd name="connsiteX93" fmla="*/ 953519 w 963865"/>
              <a:gd name="connsiteY93" fmla="*/ 89673 h 228550"/>
              <a:gd name="connsiteX94" fmla="*/ 950376 w 963865"/>
              <a:gd name="connsiteY94" fmla="*/ 83541 h 228550"/>
              <a:gd name="connsiteX95" fmla="*/ 948844 w 963865"/>
              <a:gd name="connsiteY95" fmla="*/ 83541 h 228550"/>
              <a:gd name="connsiteX96" fmla="*/ 948844 w 963865"/>
              <a:gd name="connsiteY96" fmla="*/ 89673 h 228550"/>
              <a:gd name="connsiteX97" fmla="*/ 945778 w 963865"/>
              <a:gd name="connsiteY97" fmla="*/ 89673 h 228550"/>
              <a:gd name="connsiteX98" fmla="*/ 945778 w 963865"/>
              <a:gd name="connsiteY98" fmla="*/ 74344 h 228550"/>
              <a:gd name="connsiteX99" fmla="*/ 951526 w 963865"/>
              <a:gd name="connsiteY99" fmla="*/ 74344 h 228550"/>
              <a:gd name="connsiteX100" fmla="*/ 956891 w 963865"/>
              <a:gd name="connsiteY100" fmla="*/ 78866 h 228550"/>
              <a:gd name="connsiteX101" fmla="*/ 953825 w 963865"/>
              <a:gd name="connsiteY101" fmla="*/ 83158 h 228550"/>
              <a:gd name="connsiteX102" fmla="*/ 950376 w 963865"/>
              <a:gd name="connsiteY102" fmla="*/ 77333 h 228550"/>
              <a:gd name="connsiteX103" fmla="*/ 948614 w 963865"/>
              <a:gd name="connsiteY103" fmla="*/ 77333 h 228550"/>
              <a:gd name="connsiteX104" fmla="*/ 948614 w 963865"/>
              <a:gd name="connsiteY104" fmla="*/ 81472 h 228550"/>
              <a:gd name="connsiteX105" fmla="*/ 950376 w 963865"/>
              <a:gd name="connsiteY105" fmla="*/ 81472 h 228550"/>
              <a:gd name="connsiteX106" fmla="*/ 953059 w 963865"/>
              <a:gd name="connsiteY106" fmla="*/ 79479 h 228550"/>
              <a:gd name="connsiteX107" fmla="*/ 950530 w 963865"/>
              <a:gd name="connsiteY107" fmla="*/ 77103 h 2285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Lst>
            <a:rect l="l" t="t" r="r" b="b"/>
            <a:pathLst>
              <a:path w="963865" h="228550">
                <a:moveTo>
                  <a:pt x="217284" y="0"/>
                </a:moveTo>
                <a:lnTo>
                  <a:pt x="159265" y="177046"/>
                </a:lnTo>
                <a:lnTo>
                  <a:pt x="134815" y="94961"/>
                </a:lnTo>
                <a:lnTo>
                  <a:pt x="95421" y="94961"/>
                </a:lnTo>
                <a:lnTo>
                  <a:pt x="140640" y="224795"/>
                </a:lnTo>
                <a:lnTo>
                  <a:pt x="182564" y="224795"/>
                </a:lnTo>
                <a:lnTo>
                  <a:pt x="261507" y="0"/>
                </a:lnTo>
                <a:close/>
                <a:moveTo>
                  <a:pt x="67523" y="177046"/>
                </a:moveTo>
                <a:lnTo>
                  <a:pt x="39778" y="94961"/>
                </a:lnTo>
                <a:lnTo>
                  <a:pt x="0" y="94961"/>
                </a:lnTo>
                <a:lnTo>
                  <a:pt x="45143" y="225255"/>
                </a:lnTo>
                <a:lnTo>
                  <a:pt x="91129" y="225255"/>
                </a:lnTo>
                <a:lnTo>
                  <a:pt x="109293" y="169765"/>
                </a:lnTo>
                <a:lnTo>
                  <a:pt x="89366" y="111899"/>
                </a:lnTo>
                <a:close/>
                <a:moveTo>
                  <a:pt x="545547" y="153287"/>
                </a:moveTo>
                <a:lnTo>
                  <a:pt x="609237" y="94655"/>
                </a:lnTo>
                <a:lnTo>
                  <a:pt x="556200" y="94655"/>
                </a:lnTo>
                <a:lnTo>
                  <a:pt x="515273" y="132976"/>
                </a:lnTo>
                <a:lnTo>
                  <a:pt x="515273" y="36329"/>
                </a:lnTo>
                <a:lnTo>
                  <a:pt x="477794" y="36329"/>
                </a:lnTo>
                <a:lnTo>
                  <a:pt x="477794" y="224795"/>
                </a:lnTo>
                <a:lnTo>
                  <a:pt x="515656" y="224795"/>
                </a:lnTo>
                <a:lnTo>
                  <a:pt x="515656" y="172908"/>
                </a:lnTo>
                <a:lnTo>
                  <a:pt x="566394" y="224795"/>
                </a:lnTo>
                <a:lnTo>
                  <a:pt x="617208" y="224795"/>
                </a:lnTo>
                <a:close/>
                <a:moveTo>
                  <a:pt x="464688" y="133743"/>
                </a:moveTo>
                <a:cubicBezTo>
                  <a:pt x="459125" y="130932"/>
                  <a:pt x="452885" y="129737"/>
                  <a:pt x="446677" y="130294"/>
                </a:cubicBezTo>
                <a:cubicBezTo>
                  <a:pt x="438625" y="130347"/>
                  <a:pt x="431003" y="133934"/>
                  <a:pt x="425830" y="140104"/>
                </a:cubicBezTo>
                <a:cubicBezTo>
                  <a:pt x="420874" y="148247"/>
                  <a:pt x="418571" y="157728"/>
                  <a:pt x="419239" y="167236"/>
                </a:cubicBezTo>
                <a:lnTo>
                  <a:pt x="419239" y="224795"/>
                </a:lnTo>
                <a:lnTo>
                  <a:pt x="379921" y="224795"/>
                </a:lnTo>
                <a:lnTo>
                  <a:pt x="379921" y="95038"/>
                </a:lnTo>
                <a:lnTo>
                  <a:pt x="419315" y="95038"/>
                </a:lnTo>
                <a:lnTo>
                  <a:pt x="419315" y="113586"/>
                </a:lnTo>
                <a:lnTo>
                  <a:pt x="419852" y="113586"/>
                </a:lnTo>
                <a:cubicBezTo>
                  <a:pt x="425371" y="100679"/>
                  <a:pt x="438161" y="92405"/>
                  <a:pt x="452195" y="92662"/>
                </a:cubicBezTo>
                <a:cubicBezTo>
                  <a:pt x="456683" y="92486"/>
                  <a:pt x="461149" y="93379"/>
                  <a:pt x="465225" y="95268"/>
                </a:cubicBezTo>
                <a:close/>
                <a:moveTo>
                  <a:pt x="295460" y="228551"/>
                </a:moveTo>
                <a:cubicBezTo>
                  <a:pt x="254149" y="228551"/>
                  <a:pt x="222955" y="202569"/>
                  <a:pt x="222955" y="160568"/>
                </a:cubicBezTo>
                <a:cubicBezTo>
                  <a:pt x="222955" y="118567"/>
                  <a:pt x="254226" y="92662"/>
                  <a:pt x="295460" y="92662"/>
                </a:cubicBezTo>
                <a:cubicBezTo>
                  <a:pt x="336694" y="92662"/>
                  <a:pt x="367888" y="118567"/>
                  <a:pt x="367888" y="160951"/>
                </a:cubicBezTo>
                <a:cubicBezTo>
                  <a:pt x="367888" y="203335"/>
                  <a:pt x="336770" y="228551"/>
                  <a:pt x="295460" y="228551"/>
                </a:cubicBezTo>
                <a:close/>
                <a:moveTo>
                  <a:pt x="295460" y="126078"/>
                </a:moveTo>
                <a:cubicBezTo>
                  <a:pt x="276912" y="126078"/>
                  <a:pt x="265799" y="140641"/>
                  <a:pt x="265799" y="159955"/>
                </a:cubicBezTo>
                <a:cubicBezTo>
                  <a:pt x="265799" y="179269"/>
                  <a:pt x="276682" y="193908"/>
                  <a:pt x="295460" y="193908"/>
                </a:cubicBezTo>
                <a:cubicBezTo>
                  <a:pt x="314237" y="193908"/>
                  <a:pt x="325121" y="179269"/>
                  <a:pt x="325121" y="159955"/>
                </a:cubicBezTo>
                <a:cubicBezTo>
                  <a:pt x="325121" y="140641"/>
                  <a:pt x="314237" y="125849"/>
                  <a:pt x="295460" y="125849"/>
                </a:cubicBezTo>
                <a:close/>
                <a:moveTo>
                  <a:pt x="946927" y="224872"/>
                </a:moveTo>
                <a:lnTo>
                  <a:pt x="906690" y="224872"/>
                </a:lnTo>
                <a:lnTo>
                  <a:pt x="905923" y="211612"/>
                </a:lnTo>
                <a:cubicBezTo>
                  <a:pt x="896542" y="222261"/>
                  <a:pt x="883015" y="228326"/>
                  <a:pt x="868828" y="228244"/>
                </a:cubicBezTo>
                <a:cubicBezTo>
                  <a:pt x="845835" y="228244"/>
                  <a:pt x="821462" y="215905"/>
                  <a:pt x="821462" y="186703"/>
                </a:cubicBezTo>
                <a:cubicBezTo>
                  <a:pt x="821462" y="157502"/>
                  <a:pt x="848134" y="147845"/>
                  <a:pt x="872277" y="146772"/>
                </a:cubicBezTo>
                <a:lnTo>
                  <a:pt x="905080" y="145469"/>
                </a:lnTo>
                <a:lnTo>
                  <a:pt x="905080" y="142557"/>
                </a:lnTo>
                <a:cubicBezTo>
                  <a:pt x="905080" y="128761"/>
                  <a:pt x="895270" y="121556"/>
                  <a:pt x="878332" y="121556"/>
                </a:cubicBezTo>
                <a:cubicBezTo>
                  <a:pt x="864222" y="122054"/>
                  <a:pt x="850464" y="126086"/>
                  <a:pt x="838324" y="133283"/>
                </a:cubicBezTo>
                <a:lnTo>
                  <a:pt x="827211" y="105691"/>
                </a:lnTo>
                <a:cubicBezTo>
                  <a:pt x="844532" y="97337"/>
                  <a:pt x="863471" y="92889"/>
                  <a:pt x="882700" y="92662"/>
                </a:cubicBezTo>
                <a:cubicBezTo>
                  <a:pt x="907073" y="92662"/>
                  <a:pt x="921022" y="98257"/>
                  <a:pt x="931369" y="107991"/>
                </a:cubicBezTo>
                <a:cubicBezTo>
                  <a:pt x="941716" y="117724"/>
                  <a:pt x="946697" y="130294"/>
                  <a:pt x="946697" y="152290"/>
                </a:cubicBezTo>
                <a:close/>
                <a:moveTo>
                  <a:pt x="904850" y="167926"/>
                </a:moveTo>
                <a:lnTo>
                  <a:pt x="883927" y="169229"/>
                </a:lnTo>
                <a:cubicBezTo>
                  <a:pt x="870897" y="169765"/>
                  <a:pt x="863233" y="175437"/>
                  <a:pt x="863233" y="185094"/>
                </a:cubicBezTo>
                <a:cubicBezTo>
                  <a:pt x="863233" y="194751"/>
                  <a:pt x="871434" y="201189"/>
                  <a:pt x="883160" y="201189"/>
                </a:cubicBezTo>
                <a:cubicBezTo>
                  <a:pt x="891905" y="201118"/>
                  <a:pt x="900029" y="196654"/>
                  <a:pt x="904774" y="189309"/>
                </a:cubicBezTo>
                <a:close/>
                <a:moveTo>
                  <a:pt x="820543" y="94885"/>
                </a:moveTo>
                <a:lnTo>
                  <a:pt x="766892" y="224642"/>
                </a:lnTo>
                <a:lnTo>
                  <a:pt x="728111" y="224642"/>
                </a:lnTo>
                <a:lnTo>
                  <a:pt x="674844" y="94885"/>
                </a:lnTo>
                <a:lnTo>
                  <a:pt x="718760" y="94885"/>
                </a:lnTo>
                <a:lnTo>
                  <a:pt x="748268" y="177046"/>
                </a:lnTo>
                <a:lnTo>
                  <a:pt x="777469" y="94808"/>
                </a:lnTo>
                <a:close/>
                <a:moveTo>
                  <a:pt x="663654" y="224795"/>
                </a:moveTo>
                <a:lnTo>
                  <a:pt x="621424" y="224795"/>
                </a:lnTo>
                <a:lnTo>
                  <a:pt x="621424" y="95038"/>
                </a:lnTo>
                <a:lnTo>
                  <a:pt x="663654" y="95038"/>
                </a:lnTo>
                <a:close/>
                <a:moveTo>
                  <a:pt x="621424" y="84308"/>
                </a:moveTo>
                <a:lnTo>
                  <a:pt x="621424" y="36329"/>
                </a:lnTo>
                <a:lnTo>
                  <a:pt x="673158" y="36329"/>
                </a:lnTo>
                <a:close/>
                <a:moveTo>
                  <a:pt x="950990" y="94961"/>
                </a:moveTo>
                <a:cubicBezTo>
                  <a:pt x="943877" y="94961"/>
                  <a:pt x="938113" y="89196"/>
                  <a:pt x="938113" y="82085"/>
                </a:cubicBezTo>
                <a:cubicBezTo>
                  <a:pt x="938113" y="74974"/>
                  <a:pt x="943877" y="69209"/>
                  <a:pt x="950990" y="69209"/>
                </a:cubicBezTo>
                <a:cubicBezTo>
                  <a:pt x="958102" y="69209"/>
                  <a:pt x="963866" y="74974"/>
                  <a:pt x="963866" y="82085"/>
                </a:cubicBezTo>
                <a:cubicBezTo>
                  <a:pt x="963659" y="89194"/>
                  <a:pt x="957734" y="94791"/>
                  <a:pt x="950629" y="94588"/>
                </a:cubicBezTo>
                <a:cubicBezTo>
                  <a:pt x="950545" y="94585"/>
                  <a:pt x="950461" y="94582"/>
                  <a:pt x="950376" y="94578"/>
                </a:cubicBezTo>
                <a:close/>
                <a:moveTo>
                  <a:pt x="950990" y="71202"/>
                </a:moveTo>
                <a:cubicBezTo>
                  <a:pt x="944935" y="71160"/>
                  <a:pt x="939999" y="76032"/>
                  <a:pt x="939953" y="82085"/>
                </a:cubicBezTo>
                <a:cubicBezTo>
                  <a:pt x="939915" y="88138"/>
                  <a:pt x="944781" y="93079"/>
                  <a:pt x="950836" y="93121"/>
                </a:cubicBezTo>
                <a:cubicBezTo>
                  <a:pt x="956891" y="93163"/>
                  <a:pt x="961827" y="88291"/>
                  <a:pt x="961873" y="82238"/>
                </a:cubicBezTo>
                <a:cubicBezTo>
                  <a:pt x="961957" y="76313"/>
                  <a:pt x="957221" y="71440"/>
                  <a:pt x="951296" y="71355"/>
                </a:cubicBezTo>
                <a:cubicBezTo>
                  <a:pt x="951296" y="71355"/>
                  <a:pt x="951296" y="71355"/>
                  <a:pt x="951296" y="71355"/>
                </a:cubicBezTo>
                <a:close/>
                <a:moveTo>
                  <a:pt x="957121" y="89673"/>
                </a:moveTo>
                <a:lnTo>
                  <a:pt x="953519" y="89673"/>
                </a:lnTo>
                <a:lnTo>
                  <a:pt x="950376" y="83541"/>
                </a:lnTo>
                <a:lnTo>
                  <a:pt x="948844" y="83541"/>
                </a:lnTo>
                <a:lnTo>
                  <a:pt x="948844" y="89673"/>
                </a:lnTo>
                <a:lnTo>
                  <a:pt x="945778" y="89673"/>
                </a:lnTo>
                <a:lnTo>
                  <a:pt x="945778" y="74344"/>
                </a:lnTo>
                <a:lnTo>
                  <a:pt x="951526" y="74344"/>
                </a:lnTo>
                <a:cubicBezTo>
                  <a:pt x="954822" y="74344"/>
                  <a:pt x="956891" y="76107"/>
                  <a:pt x="956891" y="78866"/>
                </a:cubicBezTo>
                <a:cubicBezTo>
                  <a:pt x="957060" y="80856"/>
                  <a:pt x="955764" y="82676"/>
                  <a:pt x="953825" y="83158"/>
                </a:cubicBezTo>
                <a:close/>
                <a:moveTo>
                  <a:pt x="950376" y="77333"/>
                </a:moveTo>
                <a:lnTo>
                  <a:pt x="948614" y="77333"/>
                </a:lnTo>
                <a:lnTo>
                  <a:pt x="948614" y="81472"/>
                </a:lnTo>
                <a:lnTo>
                  <a:pt x="950376" y="81472"/>
                </a:lnTo>
                <a:cubicBezTo>
                  <a:pt x="951756" y="81472"/>
                  <a:pt x="953059" y="81472"/>
                  <a:pt x="953059" y="79479"/>
                </a:cubicBezTo>
                <a:cubicBezTo>
                  <a:pt x="953059" y="77486"/>
                  <a:pt x="952063" y="77103"/>
                  <a:pt x="950530" y="77103"/>
                </a:cubicBezTo>
                <a:close/>
              </a:path>
            </a:pathLst>
          </a:custGeom>
          <a:solidFill>
            <a:srgbClr val="333333"/>
          </a:solidFill>
          <a:ln w="763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nvGrpSpPr>
          <p:cNvPr id="193" name="Group 192">
            <a:extLst>
              <a:ext uri="{FF2B5EF4-FFF2-40B4-BE49-F238E27FC236}">
                <a16:creationId xmlns:a16="http://schemas.microsoft.com/office/drawing/2014/main" id="{DBDB54E7-8E86-DC63-ED5E-9259B038764D}"/>
              </a:ext>
            </a:extLst>
          </p:cNvPr>
          <p:cNvGrpSpPr/>
          <p:nvPr/>
        </p:nvGrpSpPr>
        <p:grpSpPr>
          <a:xfrm>
            <a:off x="3116190" y="3612432"/>
            <a:ext cx="437375" cy="397791"/>
            <a:chOff x="1185191" y="3915712"/>
            <a:chExt cx="569233" cy="569486"/>
          </a:xfrm>
        </p:grpSpPr>
        <p:sp>
          <p:nvSpPr>
            <p:cNvPr id="194" name="Freeform: Shape 193">
              <a:extLst>
                <a:ext uri="{FF2B5EF4-FFF2-40B4-BE49-F238E27FC236}">
                  <a16:creationId xmlns:a16="http://schemas.microsoft.com/office/drawing/2014/main" id="{0FAE82EA-798C-FCDF-90B2-3C0F45CE912E}"/>
                </a:ext>
              </a:extLst>
            </p:cNvPr>
            <p:cNvSpPr/>
            <p:nvPr/>
          </p:nvSpPr>
          <p:spPr>
            <a:xfrm>
              <a:off x="1185191" y="3915712"/>
              <a:ext cx="569233" cy="569233"/>
            </a:xfrm>
            <a:custGeom>
              <a:avLst/>
              <a:gdLst>
                <a:gd name="connsiteX0" fmla="*/ 569233 w 569233"/>
                <a:gd name="connsiteY0" fmla="*/ 569233 h 569233"/>
                <a:gd name="connsiteX1" fmla="*/ 0 w 569233"/>
                <a:gd name="connsiteY1" fmla="*/ 569233 h 569233"/>
                <a:gd name="connsiteX2" fmla="*/ 0 w 569233"/>
                <a:gd name="connsiteY2" fmla="*/ 0 h 569233"/>
                <a:gd name="connsiteX3" fmla="*/ 569233 w 569233"/>
                <a:gd name="connsiteY3" fmla="*/ 0 h 569233"/>
              </a:gdLst>
              <a:ahLst/>
              <a:cxnLst>
                <a:cxn ang="0">
                  <a:pos x="connsiteX0" y="connsiteY0"/>
                </a:cxn>
                <a:cxn ang="0">
                  <a:pos x="connsiteX1" y="connsiteY1"/>
                </a:cxn>
                <a:cxn ang="0">
                  <a:pos x="connsiteX2" y="connsiteY2"/>
                </a:cxn>
                <a:cxn ang="0">
                  <a:pos x="connsiteX3" y="connsiteY3"/>
                </a:cxn>
              </a:cxnLst>
              <a:rect l="l" t="t" r="r" b="b"/>
              <a:pathLst>
                <a:path w="569233" h="569233">
                  <a:moveTo>
                    <a:pt x="569233" y="569233"/>
                  </a:moveTo>
                  <a:lnTo>
                    <a:pt x="0" y="569233"/>
                  </a:lnTo>
                  <a:lnTo>
                    <a:pt x="0" y="0"/>
                  </a:lnTo>
                  <a:lnTo>
                    <a:pt x="569233" y="0"/>
                  </a:lnTo>
                  <a:close/>
                </a:path>
              </a:pathLst>
            </a:custGeom>
            <a:solidFill>
              <a:srgbClr val="FFFFF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95" name="Freeform: Shape 194">
              <a:extLst>
                <a:ext uri="{FF2B5EF4-FFF2-40B4-BE49-F238E27FC236}">
                  <a16:creationId xmlns:a16="http://schemas.microsoft.com/office/drawing/2014/main" id="{245621FE-934F-A59A-D0B0-34DF18828E20}"/>
                </a:ext>
              </a:extLst>
            </p:cNvPr>
            <p:cNvSpPr/>
            <p:nvPr/>
          </p:nvSpPr>
          <p:spPr>
            <a:xfrm>
              <a:off x="1185191" y="3915965"/>
              <a:ext cx="569233" cy="569233"/>
            </a:xfrm>
            <a:custGeom>
              <a:avLst/>
              <a:gdLst>
                <a:gd name="connsiteX0" fmla="*/ 569233 w 569233"/>
                <a:gd name="connsiteY0" fmla="*/ 308071 h 569233"/>
                <a:gd name="connsiteX1" fmla="*/ 569233 w 569233"/>
                <a:gd name="connsiteY1" fmla="*/ 0 h 569233"/>
                <a:gd name="connsiteX2" fmla="*/ 0 w 569233"/>
                <a:gd name="connsiteY2" fmla="*/ 0 h 569233"/>
                <a:gd name="connsiteX3" fmla="*/ 0 w 569233"/>
                <a:gd name="connsiteY3" fmla="*/ 569233 h 569233"/>
                <a:gd name="connsiteX4" fmla="*/ 569233 w 569233"/>
                <a:gd name="connsiteY4" fmla="*/ 569233 h 569233"/>
                <a:gd name="connsiteX5" fmla="*/ 569233 w 569233"/>
                <a:gd name="connsiteY5" fmla="*/ 403154 h 569233"/>
                <a:gd name="connsiteX6" fmla="*/ 569233 w 569233"/>
                <a:gd name="connsiteY6" fmla="*/ 308071 h 56923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569233" h="569233">
                  <a:moveTo>
                    <a:pt x="569233" y="308071"/>
                  </a:moveTo>
                  <a:lnTo>
                    <a:pt x="569233" y="0"/>
                  </a:lnTo>
                  <a:lnTo>
                    <a:pt x="0" y="0"/>
                  </a:lnTo>
                  <a:lnTo>
                    <a:pt x="0" y="569233"/>
                  </a:lnTo>
                  <a:lnTo>
                    <a:pt x="569233" y="569233"/>
                  </a:lnTo>
                  <a:lnTo>
                    <a:pt x="569233" y="403154"/>
                  </a:lnTo>
                  <a:cubicBezTo>
                    <a:pt x="567965" y="403154"/>
                    <a:pt x="569233" y="308071"/>
                    <a:pt x="569233" y="308071"/>
                  </a:cubicBezTo>
                </a:path>
              </a:pathLst>
            </a:custGeom>
            <a:solidFill>
              <a:srgbClr val="006FC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96" name="Freeform: Shape 195">
              <a:extLst>
                <a:ext uri="{FF2B5EF4-FFF2-40B4-BE49-F238E27FC236}">
                  <a16:creationId xmlns:a16="http://schemas.microsoft.com/office/drawing/2014/main" id="{1F16C64A-EF4B-FFFD-C104-D11D4B2F26A4}"/>
                </a:ext>
              </a:extLst>
            </p:cNvPr>
            <p:cNvSpPr/>
            <p:nvPr/>
          </p:nvSpPr>
          <p:spPr>
            <a:xfrm>
              <a:off x="1185191" y="4092186"/>
              <a:ext cx="569233" cy="234539"/>
            </a:xfrm>
            <a:custGeom>
              <a:avLst/>
              <a:gdLst>
                <a:gd name="connsiteX0" fmla="*/ 499505 w 569233"/>
                <a:gd name="connsiteY0" fmla="*/ 100155 h 234539"/>
                <a:gd name="connsiteX1" fmla="*/ 542610 w 569233"/>
                <a:gd name="connsiteY1" fmla="*/ 100155 h 234539"/>
                <a:gd name="connsiteX2" fmla="*/ 542610 w 569233"/>
                <a:gd name="connsiteY2" fmla="*/ 0 h 234539"/>
                <a:gd name="connsiteX3" fmla="*/ 495702 w 569233"/>
                <a:gd name="connsiteY3" fmla="*/ 0 h 234539"/>
                <a:gd name="connsiteX4" fmla="*/ 495702 w 569233"/>
                <a:gd name="connsiteY4" fmla="*/ 13946 h 234539"/>
                <a:gd name="connsiteX5" fmla="*/ 486828 w 569233"/>
                <a:gd name="connsiteY5" fmla="*/ 0 h 234539"/>
                <a:gd name="connsiteX6" fmla="*/ 446259 w 569233"/>
                <a:gd name="connsiteY6" fmla="*/ 0 h 234539"/>
                <a:gd name="connsiteX7" fmla="*/ 446259 w 569233"/>
                <a:gd name="connsiteY7" fmla="*/ 17749 h 234539"/>
                <a:gd name="connsiteX8" fmla="*/ 438652 w 569233"/>
                <a:gd name="connsiteY8" fmla="*/ 0 h 234539"/>
                <a:gd name="connsiteX9" fmla="*/ 363853 w 569233"/>
                <a:gd name="connsiteY9" fmla="*/ 0 h 234539"/>
                <a:gd name="connsiteX10" fmla="*/ 356246 w 569233"/>
                <a:gd name="connsiteY10" fmla="*/ 1268 h 234539"/>
                <a:gd name="connsiteX11" fmla="*/ 349907 w 569233"/>
                <a:gd name="connsiteY11" fmla="*/ 3803 h 234539"/>
                <a:gd name="connsiteX12" fmla="*/ 343568 w 569233"/>
                <a:gd name="connsiteY12" fmla="*/ 6339 h 234539"/>
                <a:gd name="connsiteX13" fmla="*/ 343568 w 569233"/>
                <a:gd name="connsiteY13" fmla="*/ 0 h 234539"/>
                <a:gd name="connsiteX14" fmla="*/ 129314 w 569233"/>
                <a:gd name="connsiteY14" fmla="*/ 0 h 234539"/>
                <a:gd name="connsiteX15" fmla="*/ 122975 w 569233"/>
                <a:gd name="connsiteY15" fmla="*/ 16481 h 234539"/>
                <a:gd name="connsiteX16" fmla="*/ 116636 w 569233"/>
                <a:gd name="connsiteY16" fmla="*/ 0 h 234539"/>
                <a:gd name="connsiteX17" fmla="*/ 65925 w 569233"/>
                <a:gd name="connsiteY17" fmla="*/ 0 h 234539"/>
                <a:gd name="connsiteX18" fmla="*/ 65925 w 569233"/>
                <a:gd name="connsiteY18" fmla="*/ 17749 h 234539"/>
                <a:gd name="connsiteX19" fmla="*/ 58318 w 569233"/>
                <a:gd name="connsiteY19" fmla="*/ 0 h 234539"/>
                <a:gd name="connsiteX20" fmla="*/ 17749 w 569233"/>
                <a:gd name="connsiteY20" fmla="*/ 0 h 234539"/>
                <a:gd name="connsiteX21" fmla="*/ 0 w 569233"/>
                <a:gd name="connsiteY21" fmla="*/ 43105 h 234539"/>
                <a:gd name="connsiteX22" fmla="*/ 0 w 569233"/>
                <a:gd name="connsiteY22" fmla="*/ 100155 h 234539"/>
                <a:gd name="connsiteX23" fmla="*/ 29159 w 569233"/>
                <a:gd name="connsiteY23" fmla="*/ 100155 h 234539"/>
                <a:gd name="connsiteX24" fmla="*/ 34230 w 569233"/>
                <a:gd name="connsiteY24" fmla="*/ 86209 h 234539"/>
                <a:gd name="connsiteX25" fmla="*/ 44372 w 569233"/>
                <a:gd name="connsiteY25" fmla="*/ 86209 h 234539"/>
                <a:gd name="connsiteX26" fmla="*/ 49443 w 569233"/>
                <a:gd name="connsiteY26" fmla="*/ 100155 h 234539"/>
                <a:gd name="connsiteX27" fmla="*/ 272573 w 569233"/>
                <a:gd name="connsiteY27" fmla="*/ 100155 h 234539"/>
                <a:gd name="connsiteX28" fmla="*/ 272573 w 569233"/>
                <a:gd name="connsiteY28" fmla="*/ 87477 h 234539"/>
                <a:gd name="connsiteX29" fmla="*/ 281447 w 569233"/>
                <a:gd name="connsiteY29" fmla="*/ 100155 h 234539"/>
                <a:gd name="connsiteX30" fmla="*/ 343568 w 569233"/>
                <a:gd name="connsiteY30" fmla="*/ 100155 h 234539"/>
                <a:gd name="connsiteX31" fmla="*/ 343568 w 569233"/>
                <a:gd name="connsiteY31" fmla="*/ 92548 h 234539"/>
                <a:gd name="connsiteX32" fmla="*/ 348640 w 569233"/>
                <a:gd name="connsiteY32" fmla="*/ 95084 h 234539"/>
                <a:gd name="connsiteX33" fmla="*/ 353711 w 569233"/>
                <a:gd name="connsiteY33" fmla="*/ 97619 h 234539"/>
                <a:gd name="connsiteX34" fmla="*/ 361317 w 569233"/>
                <a:gd name="connsiteY34" fmla="*/ 98887 h 234539"/>
                <a:gd name="connsiteX35" fmla="*/ 406957 w 569233"/>
                <a:gd name="connsiteY35" fmla="*/ 98887 h 234539"/>
                <a:gd name="connsiteX36" fmla="*/ 412029 w 569233"/>
                <a:gd name="connsiteY36" fmla="*/ 84941 h 234539"/>
                <a:gd name="connsiteX37" fmla="*/ 422171 w 569233"/>
                <a:gd name="connsiteY37" fmla="*/ 84941 h 234539"/>
                <a:gd name="connsiteX38" fmla="*/ 427242 w 569233"/>
                <a:gd name="connsiteY38" fmla="*/ 98887 h 234539"/>
                <a:gd name="connsiteX39" fmla="*/ 489363 w 569233"/>
                <a:gd name="connsiteY39" fmla="*/ 98887 h 234539"/>
                <a:gd name="connsiteX40" fmla="*/ 489363 w 569233"/>
                <a:gd name="connsiteY40" fmla="*/ 86209 h 234539"/>
                <a:gd name="connsiteX41" fmla="*/ 499505 w 569233"/>
                <a:gd name="connsiteY41" fmla="*/ 100155 h 234539"/>
                <a:gd name="connsiteX42" fmla="*/ 569233 w 569233"/>
                <a:gd name="connsiteY42" fmla="*/ 226933 h 234539"/>
                <a:gd name="connsiteX43" fmla="*/ 569233 w 569233"/>
                <a:gd name="connsiteY43" fmla="*/ 133117 h 234539"/>
                <a:gd name="connsiteX44" fmla="*/ 220594 w 569233"/>
                <a:gd name="connsiteY44" fmla="*/ 133117 h 234539"/>
                <a:gd name="connsiteX45" fmla="*/ 211719 w 569233"/>
                <a:gd name="connsiteY45" fmla="*/ 145795 h 234539"/>
                <a:gd name="connsiteX46" fmla="*/ 202845 w 569233"/>
                <a:gd name="connsiteY46" fmla="*/ 133117 h 234539"/>
                <a:gd name="connsiteX47" fmla="*/ 101422 w 569233"/>
                <a:gd name="connsiteY47" fmla="*/ 133117 h 234539"/>
                <a:gd name="connsiteX48" fmla="*/ 101422 w 569233"/>
                <a:gd name="connsiteY48" fmla="*/ 233272 h 234539"/>
                <a:gd name="connsiteX49" fmla="*/ 202845 w 569233"/>
                <a:gd name="connsiteY49" fmla="*/ 233272 h 234539"/>
                <a:gd name="connsiteX50" fmla="*/ 211719 w 569233"/>
                <a:gd name="connsiteY50" fmla="*/ 220594 h 234539"/>
                <a:gd name="connsiteX51" fmla="*/ 220594 w 569233"/>
                <a:gd name="connsiteY51" fmla="*/ 233272 h 234539"/>
                <a:gd name="connsiteX52" fmla="*/ 283983 w 569233"/>
                <a:gd name="connsiteY52" fmla="*/ 233272 h 234539"/>
                <a:gd name="connsiteX53" fmla="*/ 283983 w 569233"/>
                <a:gd name="connsiteY53" fmla="*/ 211719 h 234539"/>
                <a:gd name="connsiteX54" fmla="*/ 281447 w 569233"/>
                <a:gd name="connsiteY54" fmla="*/ 211719 h 234539"/>
                <a:gd name="connsiteX55" fmla="*/ 304267 w 569233"/>
                <a:gd name="connsiteY55" fmla="*/ 207916 h 234539"/>
                <a:gd name="connsiteX56" fmla="*/ 304267 w 569233"/>
                <a:gd name="connsiteY56" fmla="*/ 234539 h 234539"/>
                <a:gd name="connsiteX57" fmla="*/ 349907 w 569233"/>
                <a:gd name="connsiteY57" fmla="*/ 234539 h 234539"/>
                <a:gd name="connsiteX58" fmla="*/ 349907 w 569233"/>
                <a:gd name="connsiteY58" fmla="*/ 221862 h 234539"/>
                <a:gd name="connsiteX59" fmla="*/ 358782 w 569233"/>
                <a:gd name="connsiteY59" fmla="*/ 234539 h 234539"/>
                <a:gd name="connsiteX60" fmla="*/ 547681 w 569233"/>
                <a:gd name="connsiteY60" fmla="*/ 234539 h 234539"/>
                <a:gd name="connsiteX61" fmla="*/ 569233 w 569233"/>
                <a:gd name="connsiteY61" fmla="*/ 226933 h 2345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Lst>
              <a:rect l="l" t="t" r="r" b="b"/>
              <a:pathLst>
                <a:path w="569233" h="234539">
                  <a:moveTo>
                    <a:pt x="499505" y="100155"/>
                  </a:moveTo>
                  <a:lnTo>
                    <a:pt x="542610" y="100155"/>
                  </a:lnTo>
                  <a:lnTo>
                    <a:pt x="542610" y="0"/>
                  </a:lnTo>
                  <a:lnTo>
                    <a:pt x="495702" y="0"/>
                  </a:lnTo>
                  <a:lnTo>
                    <a:pt x="495702" y="13946"/>
                  </a:lnTo>
                  <a:lnTo>
                    <a:pt x="486828" y="0"/>
                  </a:lnTo>
                  <a:lnTo>
                    <a:pt x="446259" y="0"/>
                  </a:lnTo>
                  <a:lnTo>
                    <a:pt x="446259" y="17749"/>
                  </a:lnTo>
                  <a:lnTo>
                    <a:pt x="438652" y="0"/>
                  </a:lnTo>
                  <a:lnTo>
                    <a:pt x="363853" y="0"/>
                  </a:lnTo>
                  <a:cubicBezTo>
                    <a:pt x="361317" y="0"/>
                    <a:pt x="358782" y="1268"/>
                    <a:pt x="356246" y="1268"/>
                  </a:cubicBezTo>
                  <a:cubicBezTo>
                    <a:pt x="353711" y="1268"/>
                    <a:pt x="352443" y="2536"/>
                    <a:pt x="349907" y="3803"/>
                  </a:cubicBezTo>
                  <a:cubicBezTo>
                    <a:pt x="347372" y="5071"/>
                    <a:pt x="346104" y="5071"/>
                    <a:pt x="343568" y="6339"/>
                  </a:cubicBezTo>
                  <a:lnTo>
                    <a:pt x="343568" y="0"/>
                  </a:lnTo>
                  <a:lnTo>
                    <a:pt x="129314" y="0"/>
                  </a:lnTo>
                  <a:lnTo>
                    <a:pt x="122975" y="16481"/>
                  </a:lnTo>
                  <a:lnTo>
                    <a:pt x="116636" y="0"/>
                  </a:lnTo>
                  <a:lnTo>
                    <a:pt x="65925" y="0"/>
                  </a:lnTo>
                  <a:lnTo>
                    <a:pt x="65925" y="17749"/>
                  </a:lnTo>
                  <a:lnTo>
                    <a:pt x="58318" y="0"/>
                  </a:lnTo>
                  <a:lnTo>
                    <a:pt x="17749" y="0"/>
                  </a:lnTo>
                  <a:lnTo>
                    <a:pt x="0" y="43105"/>
                  </a:lnTo>
                  <a:lnTo>
                    <a:pt x="0" y="100155"/>
                  </a:lnTo>
                  <a:lnTo>
                    <a:pt x="29159" y="100155"/>
                  </a:lnTo>
                  <a:lnTo>
                    <a:pt x="34230" y="86209"/>
                  </a:lnTo>
                  <a:lnTo>
                    <a:pt x="44372" y="86209"/>
                  </a:lnTo>
                  <a:lnTo>
                    <a:pt x="49443" y="100155"/>
                  </a:lnTo>
                  <a:lnTo>
                    <a:pt x="272573" y="100155"/>
                  </a:lnTo>
                  <a:lnTo>
                    <a:pt x="272573" y="87477"/>
                  </a:lnTo>
                  <a:lnTo>
                    <a:pt x="281447" y="100155"/>
                  </a:lnTo>
                  <a:lnTo>
                    <a:pt x="343568" y="100155"/>
                  </a:lnTo>
                  <a:lnTo>
                    <a:pt x="343568" y="92548"/>
                  </a:lnTo>
                  <a:cubicBezTo>
                    <a:pt x="344836" y="93816"/>
                    <a:pt x="347372" y="93816"/>
                    <a:pt x="348640" y="95084"/>
                  </a:cubicBezTo>
                  <a:cubicBezTo>
                    <a:pt x="349907" y="96351"/>
                    <a:pt x="352443" y="96351"/>
                    <a:pt x="353711" y="97619"/>
                  </a:cubicBezTo>
                  <a:cubicBezTo>
                    <a:pt x="356246" y="98887"/>
                    <a:pt x="358782" y="98887"/>
                    <a:pt x="361317" y="98887"/>
                  </a:cubicBezTo>
                  <a:lnTo>
                    <a:pt x="406957" y="98887"/>
                  </a:lnTo>
                  <a:lnTo>
                    <a:pt x="412029" y="84941"/>
                  </a:lnTo>
                  <a:lnTo>
                    <a:pt x="422171" y="84941"/>
                  </a:lnTo>
                  <a:lnTo>
                    <a:pt x="427242" y="98887"/>
                  </a:lnTo>
                  <a:lnTo>
                    <a:pt x="489363" y="98887"/>
                  </a:lnTo>
                  <a:lnTo>
                    <a:pt x="489363" y="86209"/>
                  </a:lnTo>
                  <a:lnTo>
                    <a:pt x="499505" y="100155"/>
                  </a:lnTo>
                  <a:close/>
                  <a:moveTo>
                    <a:pt x="569233" y="226933"/>
                  </a:moveTo>
                  <a:lnTo>
                    <a:pt x="569233" y="133117"/>
                  </a:lnTo>
                  <a:lnTo>
                    <a:pt x="220594" y="133117"/>
                  </a:lnTo>
                  <a:lnTo>
                    <a:pt x="211719" y="145795"/>
                  </a:lnTo>
                  <a:lnTo>
                    <a:pt x="202845" y="133117"/>
                  </a:lnTo>
                  <a:lnTo>
                    <a:pt x="101422" y="133117"/>
                  </a:lnTo>
                  <a:lnTo>
                    <a:pt x="101422" y="233272"/>
                  </a:lnTo>
                  <a:lnTo>
                    <a:pt x="202845" y="233272"/>
                  </a:lnTo>
                  <a:lnTo>
                    <a:pt x="211719" y="220594"/>
                  </a:lnTo>
                  <a:lnTo>
                    <a:pt x="220594" y="233272"/>
                  </a:lnTo>
                  <a:lnTo>
                    <a:pt x="283983" y="233272"/>
                  </a:lnTo>
                  <a:lnTo>
                    <a:pt x="283983" y="211719"/>
                  </a:lnTo>
                  <a:lnTo>
                    <a:pt x="281447" y="211719"/>
                  </a:lnTo>
                  <a:cubicBezTo>
                    <a:pt x="290322" y="211719"/>
                    <a:pt x="297928" y="210452"/>
                    <a:pt x="304267" y="207916"/>
                  </a:cubicBezTo>
                  <a:lnTo>
                    <a:pt x="304267" y="234539"/>
                  </a:lnTo>
                  <a:lnTo>
                    <a:pt x="349907" y="234539"/>
                  </a:lnTo>
                  <a:lnTo>
                    <a:pt x="349907" y="221862"/>
                  </a:lnTo>
                  <a:lnTo>
                    <a:pt x="358782" y="234539"/>
                  </a:lnTo>
                  <a:lnTo>
                    <a:pt x="547681" y="234539"/>
                  </a:lnTo>
                  <a:cubicBezTo>
                    <a:pt x="555288" y="232004"/>
                    <a:pt x="562894" y="230736"/>
                    <a:pt x="569233" y="226933"/>
                  </a:cubicBezTo>
                  <a:close/>
                </a:path>
              </a:pathLst>
            </a:custGeom>
            <a:solidFill>
              <a:srgbClr val="FFFFF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197" name="Freeform: Shape 196">
              <a:extLst>
                <a:ext uri="{FF2B5EF4-FFF2-40B4-BE49-F238E27FC236}">
                  <a16:creationId xmlns:a16="http://schemas.microsoft.com/office/drawing/2014/main" id="{5F925084-81C4-2F1E-5859-23422CEC6E55}"/>
                </a:ext>
              </a:extLst>
            </p:cNvPr>
            <p:cNvSpPr/>
            <p:nvPr/>
          </p:nvSpPr>
          <p:spPr>
            <a:xfrm>
              <a:off x="1185191" y="4108668"/>
              <a:ext cx="569233" cy="200309"/>
            </a:xfrm>
            <a:custGeom>
              <a:avLst/>
              <a:gdLst>
                <a:gd name="connsiteX0" fmla="*/ 547681 w 569233"/>
                <a:gd name="connsiteY0" fmla="*/ 186364 h 200309"/>
                <a:gd name="connsiteX1" fmla="*/ 513451 w 569233"/>
                <a:gd name="connsiteY1" fmla="*/ 186364 h 200309"/>
                <a:gd name="connsiteX2" fmla="*/ 513451 w 569233"/>
                <a:gd name="connsiteY2" fmla="*/ 200309 h 200309"/>
                <a:gd name="connsiteX3" fmla="*/ 546413 w 569233"/>
                <a:gd name="connsiteY3" fmla="*/ 200309 h 200309"/>
                <a:gd name="connsiteX4" fmla="*/ 569233 w 569233"/>
                <a:gd name="connsiteY4" fmla="*/ 178757 h 200309"/>
                <a:gd name="connsiteX5" fmla="*/ 548949 w 569233"/>
                <a:gd name="connsiteY5" fmla="*/ 159740 h 200309"/>
                <a:gd name="connsiteX6" fmla="*/ 533735 w 569233"/>
                <a:gd name="connsiteY6" fmla="*/ 159740 h 200309"/>
                <a:gd name="connsiteX7" fmla="*/ 527396 w 569233"/>
                <a:gd name="connsiteY7" fmla="*/ 153402 h 200309"/>
                <a:gd name="connsiteX8" fmla="*/ 533735 w 569233"/>
                <a:gd name="connsiteY8" fmla="*/ 147063 h 200309"/>
                <a:gd name="connsiteX9" fmla="*/ 562894 w 569233"/>
                <a:gd name="connsiteY9" fmla="*/ 147063 h 200309"/>
                <a:gd name="connsiteX10" fmla="*/ 569233 w 569233"/>
                <a:gd name="connsiteY10" fmla="*/ 133117 h 200309"/>
                <a:gd name="connsiteX11" fmla="*/ 535003 w 569233"/>
                <a:gd name="connsiteY11" fmla="*/ 133117 h 200309"/>
                <a:gd name="connsiteX12" fmla="*/ 512183 w 569233"/>
                <a:gd name="connsiteY12" fmla="*/ 153402 h 200309"/>
                <a:gd name="connsiteX13" fmla="*/ 532468 w 569233"/>
                <a:gd name="connsiteY13" fmla="*/ 172418 h 200309"/>
                <a:gd name="connsiteX14" fmla="*/ 547681 w 569233"/>
                <a:gd name="connsiteY14" fmla="*/ 172418 h 200309"/>
                <a:gd name="connsiteX15" fmla="*/ 554020 w 569233"/>
                <a:gd name="connsiteY15" fmla="*/ 178757 h 200309"/>
                <a:gd name="connsiteX16" fmla="*/ 547681 w 569233"/>
                <a:gd name="connsiteY16" fmla="*/ 186364 h 200309"/>
                <a:gd name="connsiteX17" fmla="*/ 485560 w 569233"/>
                <a:gd name="connsiteY17" fmla="*/ 186364 h 200309"/>
                <a:gd name="connsiteX18" fmla="*/ 451330 w 569233"/>
                <a:gd name="connsiteY18" fmla="*/ 186364 h 200309"/>
                <a:gd name="connsiteX19" fmla="*/ 451330 w 569233"/>
                <a:gd name="connsiteY19" fmla="*/ 200309 h 200309"/>
                <a:gd name="connsiteX20" fmla="*/ 484292 w 569233"/>
                <a:gd name="connsiteY20" fmla="*/ 200309 h 200309"/>
                <a:gd name="connsiteX21" fmla="*/ 507112 w 569233"/>
                <a:gd name="connsiteY21" fmla="*/ 178757 h 200309"/>
                <a:gd name="connsiteX22" fmla="*/ 486828 w 569233"/>
                <a:gd name="connsiteY22" fmla="*/ 159740 h 200309"/>
                <a:gd name="connsiteX23" fmla="*/ 471614 w 569233"/>
                <a:gd name="connsiteY23" fmla="*/ 159740 h 200309"/>
                <a:gd name="connsiteX24" fmla="*/ 465275 w 569233"/>
                <a:gd name="connsiteY24" fmla="*/ 153402 h 200309"/>
                <a:gd name="connsiteX25" fmla="*/ 471614 w 569233"/>
                <a:gd name="connsiteY25" fmla="*/ 147063 h 200309"/>
                <a:gd name="connsiteX26" fmla="*/ 500773 w 569233"/>
                <a:gd name="connsiteY26" fmla="*/ 147063 h 200309"/>
                <a:gd name="connsiteX27" fmla="*/ 507112 w 569233"/>
                <a:gd name="connsiteY27" fmla="*/ 133117 h 200309"/>
                <a:gd name="connsiteX28" fmla="*/ 472882 w 569233"/>
                <a:gd name="connsiteY28" fmla="*/ 133117 h 200309"/>
                <a:gd name="connsiteX29" fmla="*/ 450062 w 569233"/>
                <a:gd name="connsiteY29" fmla="*/ 153402 h 200309"/>
                <a:gd name="connsiteX30" fmla="*/ 470346 w 569233"/>
                <a:gd name="connsiteY30" fmla="*/ 172418 h 200309"/>
                <a:gd name="connsiteX31" fmla="*/ 485560 w 569233"/>
                <a:gd name="connsiteY31" fmla="*/ 172418 h 200309"/>
                <a:gd name="connsiteX32" fmla="*/ 491899 w 569233"/>
                <a:gd name="connsiteY32" fmla="*/ 178757 h 200309"/>
                <a:gd name="connsiteX33" fmla="*/ 485560 w 569233"/>
                <a:gd name="connsiteY33" fmla="*/ 186364 h 200309"/>
                <a:gd name="connsiteX34" fmla="*/ 441187 w 569233"/>
                <a:gd name="connsiteY34" fmla="*/ 145795 h 200309"/>
                <a:gd name="connsiteX35" fmla="*/ 441187 w 569233"/>
                <a:gd name="connsiteY35" fmla="*/ 131849 h 200309"/>
                <a:gd name="connsiteX36" fmla="*/ 387941 w 569233"/>
                <a:gd name="connsiteY36" fmla="*/ 131849 h 200309"/>
                <a:gd name="connsiteX37" fmla="*/ 387941 w 569233"/>
                <a:gd name="connsiteY37" fmla="*/ 199042 h 200309"/>
                <a:gd name="connsiteX38" fmla="*/ 441187 w 569233"/>
                <a:gd name="connsiteY38" fmla="*/ 199042 h 200309"/>
                <a:gd name="connsiteX39" fmla="*/ 441187 w 569233"/>
                <a:gd name="connsiteY39" fmla="*/ 185096 h 200309"/>
                <a:gd name="connsiteX40" fmla="*/ 403154 w 569233"/>
                <a:gd name="connsiteY40" fmla="*/ 185096 h 200309"/>
                <a:gd name="connsiteX41" fmla="*/ 403154 w 569233"/>
                <a:gd name="connsiteY41" fmla="*/ 171150 h 200309"/>
                <a:gd name="connsiteX42" fmla="*/ 439920 w 569233"/>
                <a:gd name="connsiteY42" fmla="*/ 171150 h 200309"/>
                <a:gd name="connsiteX43" fmla="*/ 439920 w 569233"/>
                <a:gd name="connsiteY43" fmla="*/ 157205 h 200309"/>
                <a:gd name="connsiteX44" fmla="*/ 403154 w 569233"/>
                <a:gd name="connsiteY44" fmla="*/ 157205 h 200309"/>
                <a:gd name="connsiteX45" fmla="*/ 403154 w 569233"/>
                <a:gd name="connsiteY45" fmla="*/ 144527 h 200309"/>
                <a:gd name="connsiteX46" fmla="*/ 441187 w 569233"/>
                <a:gd name="connsiteY46" fmla="*/ 144527 h 200309"/>
                <a:gd name="connsiteX47" fmla="*/ 441187 w 569233"/>
                <a:gd name="connsiteY47" fmla="*/ 145795 h 200309"/>
                <a:gd name="connsiteX48" fmla="*/ 354978 w 569233"/>
                <a:gd name="connsiteY48" fmla="*/ 145795 h 200309"/>
                <a:gd name="connsiteX49" fmla="*/ 363853 w 569233"/>
                <a:gd name="connsiteY49" fmla="*/ 153402 h 200309"/>
                <a:gd name="connsiteX50" fmla="*/ 354978 w 569233"/>
                <a:gd name="connsiteY50" fmla="*/ 161008 h 200309"/>
                <a:gd name="connsiteX51" fmla="*/ 335962 w 569233"/>
                <a:gd name="connsiteY51" fmla="*/ 161008 h 200309"/>
                <a:gd name="connsiteX52" fmla="*/ 335962 w 569233"/>
                <a:gd name="connsiteY52" fmla="*/ 144527 h 200309"/>
                <a:gd name="connsiteX53" fmla="*/ 354978 w 569233"/>
                <a:gd name="connsiteY53" fmla="*/ 145795 h 200309"/>
                <a:gd name="connsiteX54" fmla="*/ 335962 w 569233"/>
                <a:gd name="connsiteY54" fmla="*/ 174954 h 200309"/>
                <a:gd name="connsiteX55" fmla="*/ 343568 w 569233"/>
                <a:gd name="connsiteY55" fmla="*/ 174954 h 200309"/>
                <a:gd name="connsiteX56" fmla="*/ 363853 w 569233"/>
                <a:gd name="connsiteY56" fmla="*/ 199042 h 200309"/>
                <a:gd name="connsiteX57" fmla="*/ 382870 w 569233"/>
                <a:gd name="connsiteY57" fmla="*/ 199042 h 200309"/>
                <a:gd name="connsiteX58" fmla="*/ 360050 w 569233"/>
                <a:gd name="connsiteY58" fmla="*/ 173686 h 200309"/>
                <a:gd name="connsiteX59" fmla="*/ 377798 w 569233"/>
                <a:gd name="connsiteY59" fmla="*/ 153402 h 200309"/>
                <a:gd name="connsiteX60" fmla="*/ 354978 w 569233"/>
                <a:gd name="connsiteY60" fmla="*/ 131849 h 200309"/>
                <a:gd name="connsiteX61" fmla="*/ 319481 w 569233"/>
                <a:gd name="connsiteY61" fmla="*/ 131849 h 200309"/>
                <a:gd name="connsiteX62" fmla="*/ 319481 w 569233"/>
                <a:gd name="connsiteY62" fmla="*/ 199042 h 200309"/>
                <a:gd name="connsiteX63" fmla="*/ 334694 w 569233"/>
                <a:gd name="connsiteY63" fmla="*/ 199042 h 200309"/>
                <a:gd name="connsiteX64" fmla="*/ 335962 w 569233"/>
                <a:gd name="connsiteY64" fmla="*/ 174954 h 200309"/>
                <a:gd name="connsiteX65" fmla="*/ 295393 w 569233"/>
                <a:gd name="connsiteY65" fmla="*/ 154669 h 200309"/>
                <a:gd name="connsiteX66" fmla="*/ 286518 w 569233"/>
                <a:gd name="connsiteY66" fmla="*/ 163544 h 200309"/>
                <a:gd name="connsiteX67" fmla="*/ 266234 w 569233"/>
                <a:gd name="connsiteY67" fmla="*/ 163544 h 200309"/>
                <a:gd name="connsiteX68" fmla="*/ 266234 w 569233"/>
                <a:gd name="connsiteY68" fmla="*/ 145795 h 200309"/>
                <a:gd name="connsiteX69" fmla="*/ 285251 w 569233"/>
                <a:gd name="connsiteY69" fmla="*/ 145795 h 200309"/>
                <a:gd name="connsiteX70" fmla="*/ 295393 w 569233"/>
                <a:gd name="connsiteY70" fmla="*/ 154669 h 200309"/>
                <a:gd name="connsiteX71" fmla="*/ 251020 w 569233"/>
                <a:gd name="connsiteY71" fmla="*/ 131849 h 200309"/>
                <a:gd name="connsiteX72" fmla="*/ 251020 w 569233"/>
                <a:gd name="connsiteY72" fmla="*/ 199042 h 200309"/>
                <a:gd name="connsiteX73" fmla="*/ 266234 w 569233"/>
                <a:gd name="connsiteY73" fmla="*/ 199042 h 200309"/>
                <a:gd name="connsiteX74" fmla="*/ 266234 w 569233"/>
                <a:gd name="connsiteY74" fmla="*/ 176222 h 200309"/>
                <a:gd name="connsiteX75" fmla="*/ 286518 w 569233"/>
                <a:gd name="connsiteY75" fmla="*/ 176222 h 200309"/>
                <a:gd name="connsiteX76" fmla="*/ 310606 w 569233"/>
                <a:gd name="connsiteY76" fmla="*/ 153402 h 200309"/>
                <a:gd name="connsiteX77" fmla="*/ 287786 w 569233"/>
                <a:gd name="connsiteY77" fmla="*/ 130581 h 200309"/>
                <a:gd name="connsiteX78" fmla="*/ 251020 w 569233"/>
                <a:gd name="connsiteY78" fmla="*/ 131849 h 200309"/>
                <a:gd name="connsiteX79" fmla="*/ 228200 w 569233"/>
                <a:gd name="connsiteY79" fmla="*/ 199042 h 200309"/>
                <a:gd name="connsiteX80" fmla="*/ 247217 w 569233"/>
                <a:gd name="connsiteY80" fmla="*/ 199042 h 200309"/>
                <a:gd name="connsiteX81" fmla="*/ 220594 w 569233"/>
                <a:gd name="connsiteY81" fmla="*/ 164812 h 200309"/>
                <a:gd name="connsiteX82" fmla="*/ 247217 w 569233"/>
                <a:gd name="connsiteY82" fmla="*/ 131849 h 200309"/>
                <a:gd name="connsiteX83" fmla="*/ 228200 w 569233"/>
                <a:gd name="connsiteY83" fmla="*/ 131849 h 200309"/>
                <a:gd name="connsiteX84" fmla="*/ 211719 w 569233"/>
                <a:gd name="connsiteY84" fmla="*/ 153402 h 200309"/>
                <a:gd name="connsiteX85" fmla="*/ 195238 w 569233"/>
                <a:gd name="connsiteY85" fmla="*/ 131849 h 200309"/>
                <a:gd name="connsiteX86" fmla="*/ 176221 w 569233"/>
                <a:gd name="connsiteY86" fmla="*/ 131849 h 200309"/>
                <a:gd name="connsiteX87" fmla="*/ 202845 w 569233"/>
                <a:gd name="connsiteY87" fmla="*/ 164812 h 200309"/>
                <a:gd name="connsiteX88" fmla="*/ 176221 w 569233"/>
                <a:gd name="connsiteY88" fmla="*/ 197774 h 200309"/>
                <a:gd name="connsiteX89" fmla="*/ 195238 w 569233"/>
                <a:gd name="connsiteY89" fmla="*/ 197774 h 200309"/>
                <a:gd name="connsiteX90" fmla="*/ 211719 w 569233"/>
                <a:gd name="connsiteY90" fmla="*/ 176222 h 200309"/>
                <a:gd name="connsiteX91" fmla="*/ 228200 w 569233"/>
                <a:gd name="connsiteY91" fmla="*/ 199042 h 200309"/>
                <a:gd name="connsiteX92" fmla="*/ 171150 w 569233"/>
                <a:gd name="connsiteY92" fmla="*/ 145795 h 200309"/>
                <a:gd name="connsiteX93" fmla="*/ 171150 w 569233"/>
                <a:gd name="connsiteY93" fmla="*/ 131849 h 200309"/>
                <a:gd name="connsiteX94" fmla="*/ 117904 w 569233"/>
                <a:gd name="connsiteY94" fmla="*/ 131849 h 200309"/>
                <a:gd name="connsiteX95" fmla="*/ 117904 w 569233"/>
                <a:gd name="connsiteY95" fmla="*/ 199042 h 200309"/>
                <a:gd name="connsiteX96" fmla="*/ 171150 w 569233"/>
                <a:gd name="connsiteY96" fmla="*/ 199042 h 200309"/>
                <a:gd name="connsiteX97" fmla="*/ 171150 w 569233"/>
                <a:gd name="connsiteY97" fmla="*/ 185096 h 200309"/>
                <a:gd name="connsiteX98" fmla="*/ 133117 w 569233"/>
                <a:gd name="connsiteY98" fmla="*/ 185096 h 200309"/>
                <a:gd name="connsiteX99" fmla="*/ 133117 w 569233"/>
                <a:gd name="connsiteY99" fmla="*/ 171150 h 200309"/>
                <a:gd name="connsiteX100" fmla="*/ 169883 w 569233"/>
                <a:gd name="connsiteY100" fmla="*/ 171150 h 200309"/>
                <a:gd name="connsiteX101" fmla="*/ 169883 w 569233"/>
                <a:gd name="connsiteY101" fmla="*/ 157205 h 200309"/>
                <a:gd name="connsiteX102" fmla="*/ 133117 w 569233"/>
                <a:gd name="connsiteY102" fmla="*/ 157205 h 200309"/>
                <a:gd name="connsiteX103" fmla="*/ 133117 w 569233"/>
                <a:gd name="connsiteY103" fmla="*/ 144527 h 200309"/>
                <a:gd name="connsiteX104" fmla="*/ 171150 w 569233"/>
                <a:gd name="connsiteY104" fmla="*/ 144527 h 200309"/>
                <a:gd name="connsiteX105" fmla="*/ 171150 w 569233"/>
                <a:gd name="connsiteY105" fmla="*/ 145795 h 200309"/>
                <a:gd name="connsiteX106" fmla="*/ 479221 w 569233"/>
                <a:gd name="connsiteY106" fmla="*/ 26624 h 200309"/>
                <a:gd name="connsiteX107" fmla="*/ 505844 w 569233"/>
                <a:gd name="connsiteY107" fmla="*/ 67192 h 200309"/>
                <a:gd name="connsiteX108" fmla="*/ 524861 w 569233"/>
                <a:gd name="connsiteY108" fmla="*/ 67192 h 200309"/>
                <a:gd name="connsiteX109" fmla="*/ 524861 w 569233"/>
                <a:gd name="connsiteY109" fmla="*/ 0 h 200309"/>
                <a:gd name="connsiteX110" fmla="*/ 509648 w 569233"/>
                <a:gd name="connsiteY110" fmla="*/ 0 h 200309"/>
                <a:gd name="connsiteX111" fmla="*/ 509648 w 569233"/>
                <a:gd name="connsiteY111" fmla="*/ 44372 h 200309"/>
                <a:gd name="connsiteX112" fmla="*/ 505844 w 569233"/>
                <a:gd name="connsiteY112" fmla="*/ 38034 h 200309"/>
                <a:gd name="connsiteX113" fmla="*/ 481756 w 569233"/>
                <a:gd name="connsiteY113" fmla="*/ 0 h 200309"/>
                <a:gd name="connsiteX114" fmla="*/ 461472 w 569233"/>
                <a:gd name="connsiteY114" fmla="*/ 0 h 200309"/>
                <a:gd name="connsiteX115" fmla="*/ 461472 w 569233"/>
                <a:gd name="connsiteY115" fmla="*/ 67192 h 200309"/>
                <a:gd name="connsiteX116" fmla="*/ 476685 w 569233"/>
                <a:gd name="connsiteY116" fmla="*/ 67192 h 200309"/>
                <a:gd name="connsiteX117" fmla="*/ 476685 w 569233"/>
                <a:gd name="connsiteY117" fmla="*/ 21552 h 200309"/>
                <a:gd name="connsiteX118" fmla="*/ 479221 w 569233"/>
                <a:gd name="connsiteY118" fmla="*/ 26624 h 200309"/>
                <a:gd name="connsiteX119" fmla="*/ 413296 w 569233"/>
                <a:gd name="connsiteY119" fmla="*/ 25356 h 200309"/>
                <a:gd name="connsiteX120" fmla="*/ 418367 w 569233"/>
                <a:gd name="connsiteY120" fmla="*/ 11410 h 200309"/>
                <a:gd name="connsiteX121" fmla="*/ 423439 w 569233"/>
                <a:gd name="connsiteY121" fmla="*/ 25356 h 200309"/>
                <a:gd name="connsiteX122" fmla="*/ 429777 w 569233"/>
                <a:gd name="connsiteY122" fmla="*/ 40569 h 200309"/>
                <a:gd name="connsiteX123" fmla="*/ 406957 w 569233"/>
                <a:gd name="connsiteY123" fmla="*/ 40569 h 200309"/>
                <a:gd name="connsiteX124" fmla="*/ 413296 w 569233"/>
                <a:gd name="connsiteY124" fmla="*/ 25356 h 200309"/>
                <a:gd name="connsiteX125" fmla="*/ 439920 w 569233"/>
                <a:gd name="connsiteY125" fmla="*/ 67192 h 200309"/>
                <a:gd name="connsiteX126" fmla="*/ 456401 w 569233"/>
                <a:gd name="connsiteY126" fmla="*/ 67192 h 200309"/>
                <a:gd name="connsiteX127" fmla="*/ 427242 w 569233"/>
                <a:gd name="connsiteY127" fmla="*/ 0 h 200309"/>
                <a:gd name="connsiteX128" fmla="*/ 406957 w 569233"/>
                <a:gd name="connsiteY128" fmla="*/ 0 h 200309"/>
                <a:gd name="connsiteX129" fmla="*/ 377798 w 569233"/>
                <a:gd name="connsiteY129" fmla="*/ 67192 h 200309"/>
                <a:gd name="connsiteX130" fmla="*/ 394280 w 569233"/>
                <a:gd name="connsiteY130" fmla="*/ 67192 h 200309"/>
                <a:gd name="connsiteX131" fmla="*/ 400619 w 569233"/>
                <a:gd name="connsiteY131" fmla="*/ 53247 h 200309"/>
                <a:gd name="connsiteX132" fmla="*/ 433581 w 569233"/>
                <a:gd name="connsiteY132" fmla="*/ 53247 h 200309"/>
                <a:gd name="connsiteX133" fmla="*/ 439920 w 569233"/>
                <a:gd name="connsiteY133" fmla="*/ 67192 h 200309"/>
                <a:gd name="connsiteX134" fmla="*/ 368924 w 569233"/>
                <a:gd name="connsiteY134" fmla="*/ 67192 h 200309"/>
                <a:gd name="connsiteX135" fmla="*/ 375263 w 569233"/>
                <a:gd name="connsiteY135" fmla="*/ 53247 h 200309"/>
                <a:gd name="connsiteX136" fmla="*/ 371460 w 569233"/>
                <a:gd name="connsiteY136" fmla="*/ 53247 h 200309"/>
                <a:gd name="connsiteX137" fmla="*/ 353711 w 569233"/>
                <a:gd name="connsiteY137" fmla="*/ 34230 h 200309"/>
                <a:gd name="connsiteX138" fmla="*/ 353711 w 569233"/>
                <a:gd name="connsiteY138" fmla="*/ 32962 h 200309"/>
                <a:gd name="connsiteX139" fmla="*/ 371460 w 569233"/>
                <a:gd name="connsiteY139" fmla="*/ 13946 h 200309"/>
                <a:gd name="connsiteX140" fmla="*/ 387941 w 569233"/>
                <a:gd name="connsiteY140" fmla="*/ 13946 h 200309"/>
                <a:gd name="connsiteX141" fmla="*/ 387941 w 569233"/>
                <a:gd name="connsiteY141" fmla="*/ 0 h 200309"/>
                <a:gd name="connsiteX142" fmla="*/ 370192 w 569233"/>
                <a:gd name="connsiteY142" fmla="*/ 0 h 200309"/>
                <a:gd name="connsiteX143" fmla="*/ 338497 w 569233"/>
                <a:gd name="connsiteY143" fmla="*/ 32962 h 200309"/>
                <a:gd name="connsiteX144" fmla="*/ 338497 w 569233"/>
                <a:gd name="connsiteY144" fmla="*/ 34230 h 200309"/>
                <a:gd name="connsiteX145" fmla="*/ 368924 w 569233"/>
                <a:gd name="connsiteY145" fmla="*/ 67192 h 200309"/>
                <a:gd name="connsiteX146" fmla="*/ 311874 w 569233"/>
                <a:gd name="connsiteY146" fmla="*/ 67192 h 200309"/>
                <a:gd name="connsiteX147" fmla="*/ 327087 w 569233"/>
                <a:gd name="connsiteY147" fmla="*/ 67192 h 200309"/>
                <a:gd name="connsiteX148" fmla="*/ 327087 w 569233"/>
                <a:gd name="connsiteY148" fmla="*/ 1268 h 200309"/>
                <a:gd name="connsiteX149" fmla="*/ 311874 w 569233"/>
                <a:gd name="connsiteY149" fmla="*/ 1268 h 200309"/>
                <a:gd name="connsiteX150" fmla="*/ 311874 w 569233"/>
                <a:gd name="connsiteY150" fmla="*/ 67192 h 200309"/>
                <a:gd name="connsiteX151" fmla="*/ 278912 w 569233"/>
                <a:gd name="connsiteY151" fmla="*/ 13946 h 200309"/>
                <a:gd name="connsiteX152" fmla="*/ 287786 w 569233"/>
                <a:gd name="connsiteY152" fmla="*/ 21552 h 200309"/>
                <a:gd name="connsiteX153" fmla="*/ 278912 w 569233"/>
                <a:gd name="connsiteY153" fmla="*/ 29159 h 200309"/>
                <a:gd name="connsiteX154" fmla="*/ 259895 w 569233"/>
                <a:gd name="connsiteY154" fmla="*/ 29159 h 200309"/>
                <a:gd name="connsiteX155" fmla="*/ 259895 w 569233"/>
                <a:gd name="connsiteY155" fmla="*/ 12678 h 200309"/>
                <a:gd name="connsiteX156" fmla="*/ 278912 w 569233"/>
                <a:gd name="connsiteY156" fmla="*/ 13946 h 200309"/>
                <a:gd name="connsiteX157" fmla="*/ 259895 w 569233"/>
                <a:gd name="connsiteY157" fmla="*/ 43105 h 200309"/>
                <a:gd name="connsiteX158" fmla="*/ 267502 w 569233"/>
                <a:gd name="connsiteY158" fmla="*/ 43105 h 200309"/>
                <a:gd name="connsiteX159" fmla="*/ 287786 w 569233"/>
                <a:gd name="connsiteY159" fmla="*/ 67192 h 200309"/>
                <a:gd name="connsiteX160" fmla="*/ 306803 w 569233"/>
                <a:gd name="connsiteY160" fmla="*/ 67192 h 200309"/>
                <a:gd name="connsiteX161" fmla="*/ 283983 w 569233"/>
                <a:gd name="connsiteY161" fmla="*/ 41837 h 200309"/>
                <a:gd name="connsiteX162" fmla="*/ 301732 w 569233"/>
                <a:gd name="connsiteY162" fmla="*/ 21552 h 200309"/>
                <a:gd name="connsiteX163" fmla="*/ 278912 w 569233"/>
                <a:gd name="connsiteY163" fmla="*/ 0 h 200309"/>
                <a:gd name="connsiteX164" fmla="*/ 243414 w 569233"/>
                <a:gd name="connsiteY164" fmla="*/ 0 h 200309"/>
                <a:gd name="connsiteX165" fmla="*/ 243414 w 569233"/>
                <a:gd name="connsiteY165" fmla="*/ 67192 h 200309"/>
                <a:gd name="connsiteX166" fmla="*/ 258627 w 569233"/>
                <a:gd name="connsiteY166" fmla="*/ 67192 h 200309"/>
                <a:gd name="connsiteX167" fmla="*/ 259895 w 569233"/>
                <a:gd name="connsiteY167" fmla="*/ 43105 h 200309"/>
                <a:gd name="connsiteX168" fmla="*/ 232004 w 569233"/>
                <a:gd name="connsiteY168" fmla="*/ 13946 h 200309"/>
                <a:gd name="connsiteX169" fmla="*/ 232004 w 569233"/>
                <a:gd name="connsiteY169" fmla="*/ 0 h 200309"/>
                <a:gd name="connsiteX170" fmla="*/ 178757 w 569233"/>
                <a:gd name="connsiteY170" fmla="*/ 0 h 200309"/>
                <a:gd name="connsiteX171" fmla="*/ 178757 w 569233"/>
                <a:gd name="connsiteY171" fmla="*/ 67192 h 200309"/>
                <a:gd name="connsiteX172" fmla="*/ 232004 w 569233"/>
                <a:gd name="connsiteY172" fmla="*/ 67192 h 200309"/>
                <a:gd name="connsiteX173" fmla="*/ 232004 w 569233"/>
                <a:gd name="connsiteY173" fmla="*/ 53247 h 200309"/>
                <a:gd name="connsiteX174" fmla="*/ 193970 w 569233"/>
                <a:gd name="connsiteY174" fmla="*/ 53247 h 200309"/>
                <a:gd name="connsiteX175" fmla="*/ 193970 w 569233"/>
                <a:gd name="connsiteY175" fmla="*/ 39301 h 200309"/>
                <a:gd name="connsiteX176" fmla="*/ 230736 w 569233"/>
                <a:gd name="connsiteY176" fmla="*/ 39301 h 200309"/>
                <a:gd name="connsiteX177" fmla="*/ 230736 w 569233"/>
                <a:gd name="connsiteY177" fmla="*/ 25356 h 200309"/>
                <a:gd name="connsiteX178" fmla="*/ 193970 w 569233"/>
                <a:gd name="connsiteY178" fmla="*/ 25356 h 200309"/>
                <a:gd name="connsiteX179" fmla="*/ 193970 w 569233"/>
                <a:gd name="connsiteY179" fmla="*/ 12678 h 200309"/>
                <a:gd name="connsiteX180" fmla="*/ 232004 w 569233"/>
                <a:gd name="connsiteY180" fmla="*/ 12678 h 200309"/>
                <a:gd name="connsiteX181" fmla="*/ 232004 w 569233"/>
                <a:gd name="connsiteY181" fmla="*/ 13946 h 200309"/>
                <a:gd name="connsiteX182" fmla="*/ 116636 w 569233"/>
                <a:gd name="connsiteY182" fmla="*/ 67192 h 200309"/>
                <a:gd name="connsiteX183" fmla="*/ 130581 w 569233"/>
                <a:gd name="connsiteY183" fmla="*/ 67192 h 200309"/>
                <a:gd name="connsiteX184" fmla="*/ 149598 w 569233"/>
                <a:gd name="connsiteY184" fmla="*/ 12678 h 200309"/>
                <a:gd name="connsiteX185" fmla="*/ 149598 w 569233"/>
                <a:gd name="connsiteY185" fmla="*/ 67192 h 200309"/>
                <a:gd name="connsiteX186" fmla="*/ 164811 w 569233"/>
                <a:gd name="connsiteY186" fmla="*/ 67192 h 200309"/>
                <a:gd name="connsiteX187" fmla="*/ 164811 w 569233"/>
                <a:gd name="connsiteY187" fmla="*/ 0 h 200309"/>
                <a:gd name="connsiteX188" fmla="*/ 139456 w 569233"/>
                <a:gd name="connsiteY188" fmla="*/ 0 h 200309"/>
                <a:gd name="connsiteX189" fmla="*/ 124242 w 569233"/>
                <a:gd name="connsiteY189" fmla="*/ 45640 h 200309"/>
                <a:gd name="connsiteX190" fmla="*/ 109029 w 569233"/>
                <a:gd name="connsiteY190" fmla="*/ 0 h 200309"/>
                <a:gd name="connsiteX191" fmla="*/ 83673 w 569233"/>
                <a:gd name="connsiteY191" fmla="*/ 0 h 200309"/>
                <a:gd name="connsiteX192" fmla="*/ 83673 w 569233"/>
                <a:gd name="connsiteY192" fmla="*/ 67192 h 200309"/>
                <a:gd name="connsiteX193" fmla="*/ 98887 w 569233"/>
                <a:gd name="connsiteY193" fmla="*/ 67192 h 200309"/>
                <a:gd name="connsiteX194" fmla="*/ 98887 w 569233"/>
                <a:gd name="connsiteY194" fmla="*/ 12678 h 200309"/>
                <a:gd name="connsiteX195" fmla="*/ 116636 w 569233"/>
                <a:gd name="connsiteY195" fmla="*/ 67192 h 200309"/>
                <a:gd name="connsiteX196" fmla="*/ 34230 w 569233"/>
                <a:gd name="connsiteY196" fmla="*/ 25356 h 200309"/>
                <a:gd name="connsiteX197" fmla="*/ 39301 w 569233"/>
                <a:gd name="connsiteY197" fmla="*/ 11410 h 200309"/>
                <a:gd name="connsiteX198" fmla="*/ 44372 w 569233"/>
                <a:gd name="connsiteY198" fmla="*/ 25356 h 200309"/>
                <a:gd name="connsiteX199" fmla="*/ 50711 w 569233"/>
                <a:gd name="connsiteY199" fmla="*/ 40569 h 200309"/>
                <a:gd name="connsiteX200" fmla="*/ 27891 w 569233"/>
                <a:gd name="connsiteY200" fmla="*/ 40569 h 200309"/>
                <a:gd name="connsiteX201" fmla="*/ 34230 w 569233"/>
                <a:gd name="connsiteY201" fmla="*/ 25356 h 200309"/>
                <a:gd name="connsiteX202" fmla="*/ 60853 w 569233"/>
                <a:gd name="connsiteY202" fmla="*/ 67192 h 200309"/>
                <a:gd name="connsiteX203" fmla="*/ 77335 w 569233"/>
                <a:gd name="connsiteY203" fmla="*/ 67192 h 200309"/>
                <a:gd name="connsiteX204" fmla="*/ 48176 w 569233"/>
                <a:gd name="connsiteY204" fmla="*/ 0 h 200309"/>
                <a:gd name="connsiteX205" fmla="*/ 29159 w 569233"/>
                <a:gd name="connsiteY205" fmla="*/ 0 h 200309"/>
                <a:gd name="connsiteX206" fmla="*/ 0 w 569233"/>
                <a:gd name="connsiteY206" fmla="*/ 67192 h 200309"/>
                <a:gd name="connsiteX207" fmla="*/ 16481 w 569233"/>
                <a:gd name="connsiteY207" fmla="*/ 67192 h 200309"/>
                <a:gd name="connsiteX208" fmla="*/ 22820 w 569233"/>
                <a:gd name="connsiteY208" fmla="*/ 53247 h 200309"/>
                <a:gd name="connsiteX209" fmla="*/ 55782 w 569233"/>
                <a:gd name="connsiteY209" fmla="*/ 53247 h 200309"/>
                <a:gd name="connsiteX210" fmla="*/ 60853 w 569233"/>
                <a:gd name="connsiteY210" fmla="*/ 67192 h 20030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Lst>
              <a:rect l="l" t="t" r="r" b="b"/>
              <a:pathLst>
                <a:path w="569233" h="200309">
                  <a:moveTo>
                    <a:pt x="547681" y="186364"/>
                  </a:moveTo>
                  <a:lnTo>
                    <a:pt x="513451" y="186364"/>
                  </a:lnTo>
                  <a:lnTo>
                    <a:pt x="513451" y="200309"/>
                  </a:lnTo>
                  <a:lnTo>
                    <a:pt x="546413" y="200309"/>
                  </a:lnTo>
                  <a:cubicBezTo>
                    <a:pt x="560359" y="200309"/>
                    <a:pt x="569233" y="191435"/>
                    <a:pt x="569233" y="178757"/>
                  </a:cubicBezTo>
                  <a:cubicBezTo>
                    <a:pt x="569233" y="166079"/>
                    <a:pt x="561627" y="159740"/>
                    <a:pt x="548949" y="159740"/>
                  </a:cubicBezTo>
                  <a:lnTo>
                    <a:pt x="533735" y="159740"/>
                  </a:lnTo>
                  <a:cubicBezTo>
                    <a:pt x="529932" y="159740"/>
                    <a:pt x="527396" y="157205"/>
                    <a:pt x="527396" y="153402"/>
                  </a:cubicBezTo>
                  <a:cubicBezTo>
                    <a:pt x="527396" y="149598"/>
                    <a:pt x="529932" y="147063"/>
                    <a:pt x="533735" y="147063"/>
                  </a:cubicBezTo>
                  <a:lnTo>
                    <a:pt x="562894" y="147063"/>
                  </a:lnTo>
                  <a:lnTo>
                    <a:pt x="569233" y="133117"/>
                  </a:lnTo>
                  <a:lnTo>
                    <a:pt x="535003" y="133117"/>
                  </a:lnTo>
                  <a:cubicBezTo>
                    <a:pt x="521058" y="133117"/>
                    <a:pt x="512183" y="141991"/>
                    <a:pt x="512183" y="153402"/>
                  </a:cubicBezTo>
                  <a:cubicBezTo>
                    <a:pt x="512183" y="166079"/>
                    <a:pt x="519790" y="172418"/>
                    <a:pt x="532468" y="172418"/>
                  </a:cubicBezTo>
                  <a:lnTo>
                    <a:pt x="547681" y="172418"/>
                  </a:lnTo>
                  <a:cubicBezTo>
                    <a:pt x="551484" y="172418"/>
                    <a:pt x="554020" y="174954"/>
                    <a:pt x="554020" y="178757"/>
                  </a:cubicBezTo>
                  <a:cubicBezTo>
                    <a:pt x="555288" y="183828"/>
                    <a:pt x="552752" y="186364"/>
                    <a:pt x="547681" y="186364"/>
                  </a:cubicBezTo>
                  <a:close/>
                  <a:moveTo>
                    <a:pt x="485560" y="186364"/>
                  </a:moveTo>
                  <a:lnTo>
                    <a:pt x="451330" y="186364"/>
                  </a:lnTo>
                  <a:lnTo>
                    <a:pt x="451330" y="200309"/>
                  </a:lnTo>
                  <a:lnTo>
                    <a:pt x="484292" y="200309"/>
                  </a:lnTo>
                  <a:cubicBezTo>
                    <a:pt x="498238" y="200309"/>
                    <a:pt x="507112" y="191435"/>
                    <a:pt x="507112" y="178757"/>
                  </a:cubicBezTo>
                  <a:cubicBezTo>
                    <a:pt x="507112" y="166079"/>
                    <a:pt x="499505" y="159740"/>
                    <a:pt x="486828" y="159740"/>
                  </a:cubicBezTo>
                  <a:lnTo>
                    <a:pt x="471614" y="159740"/>
                  </a:lnTo>
                  <a:cubicBezTo>
                    <a:pt x="467811" y="159740"/>
                    <a:pt x="465275" y="157205"/>
                    <a:pt x="465275" y="153402"/>
                  </a:cubicBezTo>
                  <a:cubicBezTo>
                    <a:pt x="465275" y="149598"/>
                    <a:pt x="467811" y="147063"/>
                    <a:pt x="471614" y="147063"/>
                  </a:cubicBezTo>
                  <a:lnTo>
                    <a:pt x="500773" y="147063"/>
                  </a:lnTo>
                  <a:lnTo>
                    <a:pt x="507112" y="133117"/>
                  </a:lnTo>
                  <a:lnTo>
                    <a:pt x="472882" y="133117"/>
                  </a:lnTo>
                  <a:cubicBezTo>
                    <a:pt x="458936" y="133117"/>
                    <a:pt x="450062" y="141991"/>
                    <a:pt x="450062" y="153402"/>
                  </a:cubicBezTo>
                  <a:cubicBezTo>
                    <a:pt x="450062" y="166079"/>
                    <a:pt x="457669" y="172418"/>
                    <a:pt x="470346" y="172418"/>
                  </a:cubicBezTo>
                  <a:lnTo>
                    <a:pt x="485560" y="172418"/>
                  </a:lnTo>
                  <a:cubicBezTo>
                    <a:pt x="489363" y="172418"/>
                    <a:pt x="491899" y="174954"/>
                    <a:pt x="491899" y="178757"/>
                  </a:cubicBezTo>
                  <a:cubicBezTo>
                    <a:pt x="493166" y="183828"/>
                    <a:pt x="489363" y="186364"/>
                    <a:pt x="485560" y="186364"/>
                  </a:cubicBezTo>
                  <a:close/>
                  <a:moveTo>
                    <a:pt x="441187" y="145795"/>
                  </a:moveTo>
                  <a:lnTo>
                    <a:pt x="441187" y="131849"/>
                  </a:lnTo>
                  <a:lnTo>
                    <a:pt x="387941" y="131849"/>
                  </a:lnTo>
                  <a:lnTo>
                    <a:pt x="387941" y="199042"/>
                  </a:lnTo>
                  <a:lnTo>
                    <a:pt x="441187" y="199042"/>
                  </a:lnTo>
                  <a:lnTo>
                    <a:pt x="441187" y="185096"/>
                  </a:lnTo>
                  <a:lnTo>
                    <a:pt x="403154" y="185096"/>
                  </a:lnTo>
                  <a:lnTo>
                    <a:pt x="403154" y="171150"/>
                  </a:lnTo>
                  <a:lnTo>
                    <a:pt x="439920" y="171150"/>
                  </a:lnTo>
                  <a:lnTo>
                    <a:pt x="439920" y="157205"/>
                  </a:lnTo>
                  <a:lnTo>
                    <a:pt x="403154" y="157205"/>
                  </a:lnTo>
                  <a:lnTo>
                    <a:pt x="403154" y="144527"/>
                  </a:lnTo>
                  <a:lnTo>
                    <a:pt x="441187" y="144527"/>
                  </a:lnTo>
                  <a:lnTo>
                    <a:pt x="441187" y="145795"/>
                  </a:lnTo>
                  <a:close/>
                  <a:moveTo>
                    <a:pt x="354978" y="145795"/>
                  </a:moveTo>
                  <a:cubicBezTo>
                    <a:pt x="361317" y="145795"/>
                    <a:pt x="363853" y="149598"/>
                    <a:pt x="363853" y="153402"/>
                  </a:cubicBezTo>
                  <a:cubicBezTo>
                    <a:pt x="363853" y="157205"/>
                    <a:pt x="361317" y="161008"/>
                    <a:pt x="354978" y="161008"/>
                  </a:cubicBezTo>
                  <a:lnTo>
                    <a:pt x="335962" y="161008"/>
                  </a:lnTo>
                  <a:lnTo>
                    <a:pt x="335962" y="144527"/>
                  </a:lnTo>
                  <a:lnTo>
                    <a:pt x="354978" y="145795"/>
                  </a:lnTo>
                  <a:close/>
                  <a:moveTo>
                    <a:pt x="335962" y="174954"/>
                  </a:moveTo>
                  <a:lnTo>
                    <a:pt x="343568" y="174954"/>
                  </a:lnTo>
                  <a:lnTo>
                    <a:pt x="363853" y="199042"/>
                  </a:lnTo>
                  <a:lnTo>
                    <a:pt x="382870" y="199042"/>
                  </a:lnTo>
                  <a:lnTo>
                    <a:pt x="360050" y="173686"/>
                  </a:lnTo>
                  <a:cubicBezTo>
                    <a:pt x="371460" y="171150"/>
                    <a:pt x="377798" y="163544"/>
                    <a:pt x="377798" y="153402"/>
                  </a:cubicBezTo>
                  <a:cubicBezTo>
                    <a:pt x="377798" y="140724"/>
                    <a:pt x="368924" y="131849"/>
                    <a:pt x="354978" y="131849"/>
                  </a:cubicBezTo>
                  <a:lnTo>
                    <a:pt x="319481" y="131849"/>
                  </a:lnTo>
                  <a:lnTo>
                    <a:pt x="319481" y="199042"/>
                  </a:lnTo>
                  <a:lnTo>
                    <a:pt x="334694" y="199042"/>
                  </a:lnTo>
                  <a:lnTo>
                    <a:pt x="335962" y="174954"/>
                  </a:lnTo>
                  <a:close/>
                  <a:moveTo>
                    <a:pt x="295393" y="154669"/>
                  </a:moveTo>
                  <a:cubicBezTo>
                    <a:pt x="295393" y="159740"/>
                    <a:pt x="292857" y="163544"/>
                    <a:pt x="286518" y="163544"/>
                  </a:cubicBezTo>
                  <a:lnTo>
                    <a:pt x="266234" y="163544"/>
                  </a:lnTo>
                  <a:lnTo>
                    <a:pt x="266234" y="145795"/>
                  </a:lnTo>
                  <a:lnTo>
                    <a:pt x="285251" y="145795"/>
                  </a:lnTo>
                  <a:cubicBezTo>
                    <a:pt x="291589" y="145795"/>
                    <a:pt x="295393" y="149598"/>
                    <a:pt x="295393" y="154669"/>
                  </a:cubicBezTo>
                  <a:close/>
                  <a:moveTo>
                    <a:pt x="251020" y="131849"/>
                  </a:moveTo>
                  <a:lnTo>
                    <a:pt x="251020" y="199042"/>
                  </a:lnTo>
                  <a:lnTo>
                    <a:pt x="266234" y="199042"/>
                  </a:lnTo>
                  <a:lnTo>
                    <a:pt x="266234" y="176222"/>
                  </a:lnTo>
                  <a:lnTo>
                    <a:pt x="286518" y="176222"/>
                  </a:lnTo>
                  <a:cubicBezTo>
                    <a:pt x="300464" y="176222"/>
                    <a:pt x="310606" y="167347"/>
                    <a:pt x="310606" y="153402"/>
                  </a:cubicBezTo>
                  <a:cubicBezTo>
                    <a:pt x="310606" y="140724"/>
                    <a:pt x="301732" y="130581"/>
                    <a:pt x="287786" y="130581"/>
                  </a:cubicBezTo>
                  <a:lnTo>
                    <a:pt x="251020" y="131849"/>
                  </a:lnTo>
                  <a:close/>
                  <a:moveTo>
                    <a:pt x="228200" y="199042"/>
                  </a:moveTo>
                  <a:lnTo>
                    <a:pt x="247217" y="199042"/>
                  </a:lnTo>
                  <a:lnTo>
                    <a:pt x="220594" y="164812"/>
                  </a:lnTo>
                  <a:lnTo>
                    <a:pt x="247217" y="131849"/>
                  </a:lnTo>
                  <a:lnTo>
                    <a:pt x="228200" y="131849"/>
                  </a:lnTo>
                  <a:lnTo>
                    <a:pt x="211719" y="153402"/>
                  </a:lnTo>
                  <a:lnTo>
                    <a:pt x="195238" y="131849"/>
                  </a:lnTo>
                  <a:lnTo>
                    <a:pt x="176221" y="131849"/>
                  </a:lnTo>
                  <a:lnTo>
                    <a:pt x="202845" y="164812"/>
                  </a:lnTo>
                  <a:lnTo>
                    <a:pt x="176221" y="197774"/>
                  </a:lnTo>
                  <a:lnTo>
                    <a:pt x="195238" y="197774"/>
                  </a:lnTo>
                  <a:lnTo>
                    <a:pt x="211719" y="176222"/>
                  </a:lnTo>
                  <a:lnTo>
                    <a:pt x="228200" y="199042"/>
                  </a:lnTo>
                  <a:close/>
                  <a:moveTo>
                    <a:pt x="171150" y="145795"/>
                  </a:moveTo>
                  <a:lnTo>
                    <a:pt x="171150" y="131849"/>
                  </a:lnTo>
                  <a:lnTo>
                    <a:pt x="117904" y="131849"/>
                  </a:lnTo>
                  <a:lnTo>
                    <a:pt x="117904" y="199042"/>
                  </a:lnTo>
                  <a:lnTo>
                    <a:pt x="171150" y="199042"/>
                  </a:lnTo>
                  <a:lnTo>
                    <a:pt x="171150" y="185096"/>
                  </a:lnTo>
                  <a:lnTo>
                    <a:pt x="133117" y="185096"/>
                  </a:lnTo>
                  <a:lnTo>
                    <a:pt x="133117" y="171150"/>
                  </a:lnTo>
                  <a:lnTo>
                    <a:pt x="169883" y="171150"/>
                  </a:lnTo>
                  <a:lnTo>
                    <a:pt x="169883" y="157205"/>
                  </a:lnTo>
                  <a:lnTo>
                    <a:pt x="133117" y="157205"/>
                  </a:lnTo>
                  <a:lnTo>
                    <a:pt x="133117" y="144527"/>
                  </a:lnTo>
                  <a:lnTo>
                    <a:pt x="171150" y="144527"/>
                  </a:lnTo>
                  <a:lnTo>
                    <a:pt x="171150" y="145795"/>
                  </a:lnTo>
                  <a:close/>
                  <a:moveTo>
                    <a:pt x="479221" y="26624"/>
                  </a:moveTo>
                  <a:lnTo>
                    <a:pt x="505844" y="67192"/>
                  </a:lnTo>
                  <a:lnTo>
                    <a:pt x="524861" y="67192"/>
                  </a:lnTo>
                  <a:lnTo>
                    <a:pt x="524861" y="0"/>
                  </a:lnTo>
                  <a:lnTo>
                    <a:pt x="509648" y="0"/>
                  </a:lnTo>
                  <a:lnTo>
                    <a:pt x="509648" y="44372"/>
                  </a:lnTo>
                  <a:lnTo>
                    <a:pt x="505844" y="38034"/>
                  </a:lnTo>
                  <a:lnTo>
                    <a:pt x="481756" y="0"/>
                  </a:lnTo>
                  <a:lnTo>
                    <a:pt x="461472" y="0"/>
                  </a:lnTo>
                  <a:lnTo>
                    <a:pt x="461472" y="67192"/>
                  </a:lnTo>
                  <a:lnTo>
                    <a:pt x="476685" y="67192"/>
                  </a:lnTo>
                  <a:lnTo>
                    <a:pt x="476685" y="21552"/>
                  </a:lnTo>
                  <a:lnTo>
                    <a:pt x="479221" y="26624"/>
                  </a:lnTo>
                  <a:close/>
                  <a:moveTo>
                    <a:pt x="413296" y="25356"/>
                  </a:moveTo>
                  <a:lnTo>
                    <a:pt x="418367" y="11410"/>
                  </a:lnTo>
                  <a:lnTo>
                    <a:pt x="423439" y="25356"/>
                  </a:lnTo>
                  <a:lnTo>
                    <a:pt x="429777" y="40569"/>
                  </a:lnTo>
                  <a:lnTo>
                    <a:pt x="406957" y="40569"/>
                  </a:lnTo>
                  <a:lnTo>
                    <a:pt x="413296" y="25356"/>
                  </a:lnTo>
                  <a:close/>
                  <a:moveTo>
                    <a:pt x="439920" y="67192"/>
                  </a:moveTo>
                  <a:lnTo>
                    <a:pt x="456401" y="67192"/>
                  </a:lnTo>
                  <a:lnTo>
                    <a:pt x="427242" y="0"/>
                  </a:lnTo>
                  <a:lnTo>
                    <a:pt x="406957" y="0"/>
                  </a:lnTo>
                  <a:lnTo>
                    <a:pt x="377798" y="67192"/>
                  </a:lnTo>
                  <a:lnTo>
                    <a:pt x="394280" y="67192"/>
                  </a:lnTo>
                  <a:lnTo>
                    <a:pt x="400619" y="53247"/>
                  </a:lnTo>
                  <a:lnTo>
                    <a:pt x="433581" y="53247"/>
                  </a:lnTo>
                  <a:lnTo>
                    <a:pt x="439920" y="67192"/>
                  </a:lnTo>
                  <a:close/>
                  <a:moveTo>
                    <a:pt x="368924" y="67192"/>
                  </a:moveTo>
                  <a:lnTo>
                    <a:pt x="375263" y="53247"/>
                  </a:lnTo>
                  <a:lnTo>
                    <a:pt x="371460" y="53247"/>
                  </a:lnTo>
                  <a:cubicBezTo>
                    <a:pt x="360050" y="53247"/>
                    <a:pt x="353711" y="45640"/>
                    <a:pt x="353711" y="34230"/>
                  </a:cubicBezTo>
                  <a:lnTo>
                    <a:pt x="353711" y="32962"/>
                  </a:lnTo>
                  <a:cubicBezTo>
                    <a:pt x="353711" y="21552"/>
                    <a:pt x="360050" y="13946"/>
                    <a:pt x="371460" y="13946"/>
                  </a:cubicBezTo>
                  <a:lnTo>
                    <a:pt x="387941" y="13946"/>
                  </a:lnTo>
                  <a:lnTo>
                    <a:pt x="387941" y="0"/>
                  </a:lnTo>
                  <a:lnTo>
                    <a:pt x="370192" y="0"/>
                  </a:lnTo>
                  <a:cubicBezTo>
                    <a:pt x="349907" y="0"/>
                    <a:pt x="338497" y="13946"/>
                    <a:pt x="338497" y="32962"/>
                  </a:cubicBezTo>
                  <a:lnTo>
                    <a:pt x="338497" y="34230"/>
                  </a:lnTo>
                  <a:cubicBezTo>
                    <a:pt x="338497" y="54515"/>
                    <a:pt x="349907" y="67192"/>
                    <a:pt x="368924" y="67192"/>
                  </a:cubicBezTo>
                  <a:close/>
                  <a:moveTo>
                    <a:pt x="311874" y="67192"/>
                  </a:moveTo>
                  <a:lnTo>
                    <a:pt x="327087" y="67192"/>
                  </a:lnTo>
                  <a:lnTo>
                    <a:pt x="327087" y="1268"/>
                  </a:lnTo>
                  <a:lnTo>
                    <a:pt x="311874" y="1268"/>
                  </a:lnTo>
                  <a:lnTo>
                    <a:pt x="311874" y="67192"/>
                  </a:lnTo>
                  <a:close/>
                  <a:moveTo>
                    <a:pt x="278912" y="13946"/>
                  </a:moveTo>
                  <a:cubicBezTo>
                    <a:pt x="285251" y="13946"/>
                    <a:pt x="287786" y="17749"/>
                    <a:pt x="287786" y="21552"/>
                  </a:cubicBezTo>
                  <a:cubicBezTo>
                    <a:pt x="287786" y="25356"/>
                    <a:pt x="285251" y="29159"/>
                    <a:pt x="278912" y="29159"/>
                  </a:cubicBezTo>
                  <a:lnTo>
                    <a:pt x="259895" y="29159"/>
                  </a:lnTo>
                  <a:lnTo>
                    <a:pt x="259895" y="12678"/>
                  </a:lnTo>
                  <a:lnTo>
                    <a:pt x="278912" y="13946"/>
                  </a:lnTo>
                  <a:close/>
                  <a:moveTo>
                    <a:pt x="259895" y="43105"/>
                  </a:moveTo>
                  <a:lnTo>
                    <a:pt x="267502" y="43105"/>
                  </a:lnTo>
                  <a:lnTo>
                    <a:pt x="287786" y="67192"/>
                  </a:lnTo>
                  <a:lnTo>
                    <a:pt x="306803" y="67192"/>
                  </a:lnTo>
                  <a:lnTo>
                    <a:pt x="283983" y="41837"/>
                  </a:lnTo>
                  <a:cubicBezTo>
                    <a:pt x="295393" y="39301"/>
                    <a:pt x="301732" y="31695"/>
                    <a:pt x="301732" y="21552"/>
                  </a:cubicBezTo>
                  <a:cubicBezTo>
                    <a:pt x="301732" y="8875"/>
                    <a:pt x="292857" y="0"/>
                    <a:pt x="278912" y="0"/>
                  </a:cubicBezTo>
                  <a:lnTo>
                    <a:pt x="243414" y="0"/>
                  </a:lnTo>
                  <a:lnTo>
                    <a:pt x="243414" y="67192"/>
                  </a:lnTo>
                  <a:lnTo>
                    <a:pt x="258627" y="67192"/>
                  </a:lnTo>
                  <a:lnTo>
                    <a:pt x="259895" y="43105"/>
                  </a:lnTo>
                  <a:close/>
                  <a:moveTo>
                    <a:pt x="232004" y="13946"/>
                  </a:moveTo>
                  <a:lnTo>
                    <a:pt x="232004" y="0"/>
                  </a:lnTo>
                  <a:lnTo>
                    <a:pt x="178757" y="0"/>
                  </a:lnTo>
                  <a:lnTo>
                    <a:pt x="178757" y="67192"/>
                  </a:lnTo>
                  <a:lnTo>
                    <a:pt x="232004" y="67192"/>
                  </a:lnTo>
                  <a:lnTo>
                    <a:pt x="232004" y="53247"/>
                  </a:lnTo>
                  <a:lnTo>
                    <a:pt x="193970" y="53247"/>
                  </a:lnTo>
                  <a:lnTo>
                    <a:pt x="193970" y="39301"/>
                  </a:lnTo>
                  <a:lnTo>
                    <a:pt x="230736" y="39301"/>
                  </a:lnTo>
                  <a:lnTo>
                    <a:pt x="230736" y="25356"/>
                  </a:lnTo>
                  <a:lnTo>
                    <a:pt x="193970" y="25356"/>
                  </a:lnTo>
                  <a:lnTo>
                    <a:pt x="193970" y="12678"/>
                  </a:lnTo>
                  <a:lnTo>
                    <a:pt x="232004" y="12678"/>
                  </a:lnTo>
                  <a:lnTo>
                    <a:pt x="232004" y="13946"/>
                  </a:lnTo>
                  <a:close/>
                  <a:moveTo>
                    <a:pt x="116636" y="67192"/>
                  </a:moveTo>
                  <a:lnTo>
                    <a:pt x="130581" y="67192"/>
                  </a:lnTo>
                  <a:lnTo>
                    <a:pt x="149598" y="12678"/>
                  </a:lnTo>
                  <a:lnTo>
                    <a:pt x="149598" y="67192"/>
                  </a:lnTo>
                  <a:lnTo>
                    <a:pt x="164811" y="67192"/>
                  </a:lnTo>
                  <a:lnTo>
                    <a:pt x="164811" y="0"/>
                  </a:lnTo>
                  <a:lnTo>
                    <a:pt x="139456" y="0"/>
                  </a:lnTo>
                  <a:lnTo>
                    <a:pt x="124242" y="45640"/>
                  </a:lnTo>
                  <a:lnTo>
                    <a:pt x="109029" y="0"/>
                  </a:lnTo>
                  <a:lnTo>
                    <a:pt x="83673" y="0"/>
                  </a:lnTo>
                  <a:lnTo>
                    <a:pt x="83673" y="67192"/>
                  </a:lnTo>
                  <a:lnTo>
                    <a:pt x="98887" y="67192"/>
                  </a:lnTo>
                  <a:lnTo>
                    <a:pt x="98887" y="12678"/>
                  </a:lnTo>
                  <a:lnTo>
                    <a:pt x="116636" y="67192"/>
                  </a:lnTo>
                  <a:close/>
                  <a:moveTo>
                    <a:pt x="34230" y="25356"/>
                  </a:moveTo>
                  <a:lnTo>
                    <a:pt x="39301" y="11410"/>
                  </a:lnTo>
                  <a:lnTo>
                    <a:pt x="44372" y="25356"/>
                  </a:lnTo>
                  <a:lnTo>
                    <a:pt x="50711" y="40569"/>
                  </a:lnTo>
                  <a:lnTo>
                    <a:pt x="27891" y="40569"/>
                  </a:lnTo>
                  <a:lnTo>
                    <a:pt x="34230" y="25356"/>
                  </a:lnTo>
                  <a:close/>
                  <a:moveTo>
                    <a:pt x="60853" y="67192"/>
                  </a:moveTo>
                  <a:lnTo>
                    <a:pt x="77335" y="67192"/>
                  </a:lnTo>
                  <a:lnTo>
                    <a:pt x="48176" y="0"/>
                  </a:lnTo>
                  <a:lnTo>
                    <a:pt x="29159" y="0"/>
                  </a:lnTo>
                  <a:lnTo>
                    <a:pt x="0" y="67192"/>
                  </a:lnTo>
                  <a:lnTo>
                    <a:pt x="16481" y="67192"/>
                  </a:lnTo>
                  <a:lnTo>
                    <a:pt x="22820" y="53247"/>
                  </a:lnTo>
                  <a:lnTo>
                    <a:pt x="55782" y="53247"/>
                  </a:lnTo>
                  <a:lnTo>
                    <a:pt x="60853" y="67192"/>
                  </a:lnTo>
                  <a:close/>
                </a:path>
              </a:pathLst>
            </a:custGeom>
            <a:solidFill>
              <a:srgbClr val="006FC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pic>
        <p:nvPicPr>
          <p:cNvPr id="221" name="Picture 220" descr="A logo for a project management institute&#10;&#10;Description automatically generated">
            <a:extLst>
              <a:ext uri="{FF2B5EF4-FFF2-40B4-BE49-F238E27FC236}">
                <a16:creationId xmlns:a16="http://schemas.microsoft.com/office/drawing/2014/main" id="{D8EACB4F-D9AC-02CA-125E-89F05293ED3B}"/>
              </a:ext>
            </a:extLst>
          </p:cNvPr>
          <p:cNvPicPr>
            <a:picLocks noChangeAspect="1"/>
          </p:cNvPicPr>
          <p:nvPr/>
        </p:nvPicPr>
        <p:blipFill rotWithShape="1">
          <a:blip r:embed="rId54" cstate="print">
            <a:extLst>
              <a:ext uri="{28A0092B-C50C-407E-A947-70E740481C1C}">
                <a14:useLocalDpi xmlns:a14="http://schemas.microsoft.com/office/drawing/2010/main" val="0"/>
              </a:ext>
            </a:extLst>
          </a:blip>
          <a:srcRect/>
          <a:stretch/>
        </p:blipFill>
        <p:spPr>
          <a:xfrm>
            <a:off x="5772907" y="2474812"/>
            <a:ext cx="798787" cy="284986"/>
          </a:xfrm>
          <a:prstGeom prst="rect">
            <a:avLst/>
          </a:prstGeom>
          <a:ln>
            <a:noFill/>
          </a:ln>
        </p:spPr>
      </p:pic>
      <p:pic>
        <p:nvPicPr>
          <p:cNvPr id="3" name="Graphic 2">
            <a:extLst>
              <a:ext uri="{FF2B5EF4-FFF2-40B4-BE49-F238E27FC236}">
                <a16:creationId xmlns:a16="http://schemas.microsoft.com/office/drawing/2014/main" id="{83765AE2-8ED1-3D9E-AD83-80F424057BE3}"/>
              </a:ext>
            </a:extLst>
          </p:cNvPr>
          <p:cNvPicPr>
            <a:picLocks noChangeAspect="1"/>
          </p:cNvPicPr>
          <p:nvPr/>
        </p:nvPicPr>
        <p:blipFill>
          <a:blip r:embed="rId55" cstate="hqprint">
            <a:extLst>
              <a:ext uri="{28A0092B-C50C-407E-A947-70E740481C1C}">
                <a14:useLocalDpi xmlns:a14="http://schemas.microsoft.com/office/drawing/2010/main" val="0"/>
              </a:ext>
              <a:ext uri="{96DAC541-7B7A-43D3-8B79-37D633B846F1}">
                <asvg:svgBlip xmlns:asvg="http://schemas.microsoft.com/office/drawing/2016/SVG/main" r:embed="rId56"/>
              </a:ext>
            </a:extLst>
          </a:blip>
          <a:stretch>
            <a:fillRect/>
          </a:stretch>
        </p:blipFill>
        <p:spPr>
          <a:xfrm>
            <a:off x="2203523" y="3676699"/>
            <a:ext cx="692944" cy="250988"/>
          </a:xfrm>
          <a:prstGeom prst="rect">
            <a:avLst/>
          </a:prstGeom>
        </p:spPr>
      </p:pic>
      <p:pic>
        <p:nvPicPr>
          <p:cNvPr id="224" name="Graphic 223">
            <a:extLst>
              <a:ext uri="{FF2B5EF4-FFF2-40B4-BE49-F238E27FC236}">
                <a16:creationId xmlns:a16="http://schemas.microsoft.com/office/drawing/2014/main" id="{BF2D48FA-D499-FC62-D2DC-112106C06A2F}"/>
              </a:ext>
            </a:extLst>
          </p:cNvPr>
          <p:cNvPicPr>
            <a:picLocks noChangeAspect="1"/>
          </p:cNvPicPr>
          <p:nvPr/>
        </p:nvPicPr>
        <p:blipFill>
          <a:blip r:embed="rId57" cstate="hqprint">
            <a:extLst>
              <a:ext uri="{28A0092B-C50C-407E-A947-70E740481C1C}">
                <a14:useLocalDpi xmlns:a14="http://schemas.microsoft.com/office/drawing/2010/main" val="0"/>
              </a:ext>
              <a:ext uri="{96DAC541-7B7A-43D3-8B79-37D633B846F1}">
                <asvg:svgBlip xmlns:asvg="http://schemas.microsoft.com/office/drawing/2016/SVG/main" r:embed="rId58"/>
              </a:ext>
            </a:extLst>
          </a:blip>
          <a:stretch>
            <a:fillRect/>
          </a:stretch>
        </p:blipFill>
        <p:spPr>
          <a:xfrm>
            <a:off x="3766965" y="3608771"/>
            <a:ext cx="421967" cy="421967"/>
          </a:xfrm>
          <a:prstGeom prst="rect">
            <a:avLst/>
          </a:prstGeom>
        </p:spPr>
      </p:pic>
      <p:pic>
        <p:nvPicPr>
          <p:cNvPr id="226" name="Picture 225" descr="A black and white sign&#10;&#10;Description automatically generated">
            <a:extLst>
              <a:ext uri="{FF2B5EF4-FFF2-40B4-BE49-F238E27FC236}">
                <a16:creationId xmlns:a16="http://schemas.microsoft.com/office/drawing/2014/main" id="{EA1668AA-2CFF-C1EA-CF9C-6075834A9A2D}"/>
              </a:ext>
            </a:extLst>
          </p:cNvPr>
          <p:cNvPicPr>
            <a:picLocks noChangeAspect="1"/>
          </p:cNvPicPr>
          <p:nvPr/>
        </p:nvPicPr>
        <p:blipFill>
          <a:blip r:embed="rId59">
            <a:extLst>
              <a:ext uri="{28A0092B-C50C-407E-A947-70E740481C1C}">
                <a14:useLocalDpi xmlns:a14="http://schemas.microsoft.com/office/drawing/2010/main" val="0"/>
              </a:ext>
            </a:extLst>
          </a:blip>
          <a:stretch>
            <a:fillRect/>
          </a:stretch>
        </p:blipFill>
        <p:spPr>
          <a:xfrm>
            <a:off x="4388947" y="3661547"/>
            <a:ext cx="1059336" cy="264834"/>
          </a:xfrm>
          <a:prstGeom prst="rect">
            <a:avLst/>
          </a:prstGeom>
        </p:spPr>
      </p:pic>
      <p:grpSp>
        <p:nvGrpSpPr>
          <p:cNvPr id="235" name="Group 234">
            <a:extLst>
              <a:ext uri="{FF2B5EF4-FFF2-40B4-BE49-F238E27FC236}">
                <a16:creationId xmlns:a16="http://schemas.microsoft.com/office/drawing/2014/main" id="{3C801343-4B93-8FC7-8A3A-1039D49B2CE8}"/>
              </a:ext>
            </a:extLst>
          </p:cNvPr>
          <p:cNvGrpSpPr/>
          <p:nvPr/>
        </p:nvGrpSpPr>
        <p:grpSpPr>
          <a:xfrm>
            <a:off x="5557053" y="3700326"/>
            <a:ext cx="1540796" cy="195585"/>
            <a:chOff x="3982163" y="499662"/>
            <a:chExt cx="1881734" cy="238863"/>
          </a:xfrm>
        </p:grpSpPr>
        <p:sp>
          <p:nvSpPr>
            <p:cNvPr id="230" name="Freeform: Shape 229">
              <a:extLst>
                <a:ext uri="{FF2B5EF4-FFF2-40B4-BE49-F238E27FC236}">
                  <a16:creationId xmlns:a16="http://schemas.microsoft.com/office/drawing/2014/main" id="{0AA61529-4BC7-E792-2892-168CC56CF697}"/>
                </a:ext>
              </a:extLst>
            </p:cNvPr>
            <p:cNvSpPr/>
            <p:nvPr/>
          </p:nvSpPr>
          <p:spPr>
            <a:xfrm>
              <a:off x="4394216" y="549946"/>
              <a:ext cx="1469681" cy="153713"/>
            </a:xfrm>
            <a:custGeom>
              <a:avLst/>
              <a:gdLst>
                <a:gd name="connsiteX0" fmla="*/ 246284 w 1469681"/>
                <a:gd name="connsiteY0" fmla="*/ 17177 h 153713"/>
                <a:gd name="connsiteX1" fmla="*/ 263269 w 1469681"/>
                <a:gd name="connsiteY1" fmla="*/ 17177 h 153713"/>
                <a:gd name="connsiteX2" fmla="*/ 263269 w 1469681"/>
                <a:gd name="connsiteY2" fmla="*/ 107468 h 153713"/>
                <a:gd name="connsiteX3" fmla="*/ 184005 w 1469681"/>
                <a:gd name="connsiteY3" fmla="*/ 7047 h 153713"/>
                <a:gd name="connsiteX4" fmla="*/ 144845 w 1469681"/>
                <a:gd name="connsiteY4" fmla="*/ 7047 h 153713"/>
                <a:gd name="connsiteX5" fmla="*/ 144845 w 1469681"/>
                <a:gd name="connsiteY5" fmla="*/ 17618 h 153713"/>
                <a:gd name="connsiteX6" fmla="*/ 161358 w 1469681"/>
                <a:gd name="connsiteY6" fmla="*/ 17618 h 153713"/>
                <a:gd name="connsiteX7" fmla="*/ 166548 w 1469681"/>
                <a:gd name="connsiteY7" fmla="*/ 25105 h 153713"/>
                <a:gd name="connsiteX8" fmla="*/ 166548 w 1469681"/>
                <a:gd name="connsiteY8" fmla="*/ 138739 h 153713"/>
                <a:gd name="connsiteX9" fmla="*/ 149563 w 1469681"/>
                <a:gd name="connsiteY9" fmla="*/ 138739 h 153713"/>
                <a:gd name="connsiteX10" fmla="*/ 149563 w 1469681"/>
                <a:gd name="connsiteY10" fmla="*/ 149309 h 153713"/>
                <a:gd name="connsiteX11" fmla="*/ 198631 w 1469681"/>
                <a:gd name="connsiteY11" fmla="*/ 149309 h 153713"/>
                <a:gd name="connsiteX12" fmla="*/ 198631 w 1469681"/>
                <a:gd name="connsiteY12" fmla="*/ 138739 h 153713"/>
                <a:gd name="connsiteX13" fmla="*/ 181647 w 1469681"/>
                <a:gd name="connsiteY13" fmla="*/ 138739 h 153713"/>
                <a:gd name="connsiteX14" fmla="*/ 181647 w 1469681"/>
                <a:gd name="connsiteY14" fmla="*/ 43163 h 153713"/>
                <a:gd name="connsiteX15" fmla="*/ 266100 w 1469681"/>
                <a:gd name="connsiteY15" fmla="*/ 151952 h 153713"/>
                <a:gd name="connsiteX16" fmla="*/ 277895 w 1469681"/>
                <a:gd name="connsiteY16" fmla="*/ 151952 h 153713"/>
                <a:gd name="connsiteX17" fmla="*/ 277895 w 1469681"/>
                <a:gd name="connsiteY17" fmla="*/ 18058 h 153713"/>
                <a:gd name="connsiteX18" fmla="*/ 294880 w 1469681"/>
                <a:gd name="connsiteY18" fmla="*/ 18058 h 153713"/>
                <a:gd name="connsiteX19" fmla="*/ 294880 w 1469681"/>
                <a:gd name="connsiteY19" fmla="*/ 7488 h 153713"/>
                <a:gd name="connsiteX20" fmla="*/ 246284 w 1469681"/>
                <a:gd name="connsiteY20" fmla="*/ 7488 h 153713"/>
                <a:gd name="connsiteX21" fmla="*/ 246284 w 1469681"/>
                <a:gd name="connsiteY21" fmla="*/ 17177 h 153713"/>
                <a:gd name="connsiteX22" fmla="*/ 246284 w 1469681"/>
                <a:gd name="connsiteY22" fmla="*/ 17177 h 153713"/>
                <a:gd name="connsiteX23" fmla="*/ 62751 w 1469681"/>
                <a:gd name="connsiteY23" fmla="*/ 136537 h 153713"/>
                <a:gd name="connsiteX24" fmla="*/ 43406 w 1469681"/>
                <a:gd name="connsiteY24" fmla="*/ 136537 h 153713"/>
                <a:gd name="connsiteX25" fmla="*/ 43406 w 1469681"/>
                <a:gd name="connsiteY25" fmla="*/ 81041 h 153713"/>
                <a:gd name="connsiteX26" fmla="*/ 62751 w 1469681"/>
                <a:gd name="connsiteY26" fmla="*/ 81041 h 153713"/>
                <a:gd name="connsiteX27" fmla="*/ 96249 w 1469681"/>
                <a:gd name="connsiteY27" fmla="*/ 110110 h 153713"/>
                <a:gd name="connsiteX28" fmla="*/ 62751 w 1469681"/>
                <a:gd name="connsiteY28" fmla="*/ 136537 h 153713"/>
                <a:gd name="connsiteX29" fmla="*/ 43406 w 1469681"/>
                <a:gd name="connsiteY29" fmla="*/ 19379 h 153713"/>
                <a:gd name="connsiteX30" fmla="*/ 62278 w 1469681"/>
                <a:gd name="connsiteY30" fmla="*/ 19379 h 153713"/>
                <a:gd name="connsiteX31" fmla="*/ 88700 w 1469681"/>
                <a:gd name="connsiteY31" fmla="*/ 43604 h 153713"/>
                <a:gd name="connsiteX32" fmla="*/ 61335 w 1469681"/>
                <a:gd name="connsiteY32" fmla="*/ 69150 h 153713"/>
                <a:gd name="connsiteX33" fmla="*/ 43878 w 1469681"/>
                <a:gd name="connsiteY33" fmla="*/ 69150 h 153713"/>
                <a:gd name="connsiteX34" fmla="*/ 43878 w 1469681"/>
                <a:gd name="connsiteY34" fmla="*/ 19379 h 153713"/>
                <a:gd name="connsiteX35" fmla="*/ 43406 w 1469681"/>
                <a:gd name="connsiteY35" fmla="*/ 19379 h 153713"/>
                <a:gd name="connsiteX36" fmla="*/ 86813 w 1469681"/>
                <a:gd name="connsiteY36" fmla="*/ 73994 h 153713"/>
                <a:gd name="connsiteX37" fmla="*/ 114650 w 1469681"/>
                <a:gd name="connsiteY37" fmla="*/ 42723 h 153713"/>
                <a:gd name="connsiteX38" fmla="*/ 70299 w 1469681"/>
                <a:gd name="connsiteY38" fmla="*/ 7047 h 153713"/>
                <a:gd name="connsiteX39" fmla="*/ 0 w 1469681"/>
                <a:gd name="connsiteY39" fmla="*/ 7047 h 153713"/>
                <a:gd name="connsiteX40" fmla="*/ 0 w 1469681"/>
                <a:gd name="connsiteY40" fmla="*/ 17618 h 153713"/>
                <a:gd name="connsiteX41" fmla="*/ 16985 w 1469681"/>
                <a:gd name="connsiteY41" fmla="*/ 17618 h 153713"/>
                <a:gd name="connsiteX42" fmla="*/ 16985 w 1469681"/>
                <a:gd name="connsiteY42" fmla="*/ 138739 h 153713"/>
                <a:gd name="connsiteX43" fmla="*/ 0 w 1469681"/>
                <a:gd name="connsiteY43" fmla="*/ 138739 h 153713"/>
                <a:gd name="connsiteX44" fmla="*/ 0 w 1469681"/>
                <a:gd name="connsiteY44" fmla="*/ 149750 h 153713"/>
                <a:gd name="connsiteX45" fmla="*/ 74074 w 1469681"/>
                <a:gd name="connsiteY45" fmla="*/ 149750 h 153713"/>
                <a:gd name="connsiteX46" fmla="*/ 121727 w 1469681"/>
                <a:gd name="connsiteY46" fmla="*/ 112312 h 153713"/>
                <a:gd name="connsiteX47" fmla="*/ 86813 w 1469681"/>
                <a:gd name="connsiteY47" fmla="*/ 73994 h 153713"/>
                <a:gd name="connsiteX48" fmla="*/ 398677 w 1469681"/>
                <a:gd name="connsiteY48" fmla="*/ 17177 h 153713"/>
                <a:gd name="connsiteX49" fmla="*/ 418022 w 1469681"/>
                <a:gd name="connsiteY49" fmla="*/ 17177 h 153713"/>
                <a:gd name="connsiteX50" fmla="*/ 384996 w 1469681"/>
                <a:gd name="connsiteY50" fmla="*/ 67827 h 153713"/>
                <a:gd name="connsiteX51" fmla="*/ 350082 w 1469681"/>
                <a:gd name="connsiteY51" fmla="*/ 17177 h 153713"/>
                <a:gd name="connsiteX52" fmla="*/ 367538 w 1469681"/>
                <a:gd name="connsiteY52" fmla="*/ 17177 h 153713"/>
                <a:gd name="connsiteX53" fmla="*/ 367538 w 1469681"/>
                <a:gd name="connsiteY53" fmla="*/ 6607 h 153713"/>
                <a:gd name="connsiteX54" fmla="*/ 306203 w 1469681"/>
                <a:gd name="connsiteY54" fmla="*/ 6607 h 153713"/>
                <a:gd name="connsiteX55" fmla="*/ 306203 w 1469681"/>
                <a:gd name="connsiteY55" fmla="*/ 17177 h 153713"/>
                <a:gd name="connsiteX56" fmla="*/ 319886 w 1469681"/>
                <a:gd name="connsiteY56" fmla="*/ 17177 h 153713"/>
                <a:gd name="connsiteX57" fmla="*/ 366123 w 1469681"/>
                <a:gd name="connsiteY57" fmla="*/ 83684 h 153713"/>
                <a:gd name="connsiteX58" fmla="*/ 366123 w 1469681"/>
                <a:gd name="connsiteY58" fmla="*/ 138298 h 153713"/>
                <a:gd name="connsiteX59" fmla="*/ 349138 w 1469681"/>
                <a:gd name="connsiteY59" fmla="*/ 138298 h 153713"/>
                <a:gd name="connsiteX60" fmla="*/ 349138 w 1469681"/>
                <a:gd name="connsiteY60" fmla="*/ 149309 h 153713"/>
                <a:gd name="connsiteX61" fmla="*/ 408585 w 1469681"/>
                <a:gd name="connsiteY61" fmla="*/ 149309 h 153713"/>
                <a:gd name="connsiteX62" fmla="*/ 408585 w 1469681"/>
                <a:gd name="connsiteY62" fmla="*/ 138298 h 153713"/>
                <a:gd name="connsiteX63" fmla="*/ 391600 w 1469681"/>
                <a:gd name="connsiteY63" fmla="*/ 138298 h 153713"/>
                <a:gd name="connsiteX64" fmla="*/ 391600 w 1469681"/>
                <a:gd name="connsiteY64" fmla="*/ 82803 h 153713"/>
                <a:gd name="connsiteX65" fmla="*/ 434535 w 1469681"/>
                <a:gd name="connsiteY65" fmla="*/ 17618 h 153713"/>
                <a:gd name="connsiteX66" fmla="*/ 446803 w 1469681"/>
                <a:gd name="connsiteY66" fmla="*/ 17618 h 153713"/>
                <a:gd name="connsiteX67" fmla="*/ 446803 w 1469681"/>
                <a:gd name="connsiteY67" fmla="*/ 7047 h 153713"/>
                <a:gd name="connsiteX68" fmla="*/ 398677 w 1469681"/>
                <a:gd name="connsiteY68" fmla="*/ 7047 h 153713"/>
                <a:gd name="connsiteX69" fmla="*/ 398677 w 1469681"/>
                <a:gd name="connsiteY69" fmla="*/ 17177 h 153713"/>
                <a:gd name="connsiteX70" fmla="*/ 398677 w 1469681"/>
                <a:gd name="connsiteY70" fmla="*/ 17177 h 153713"/>
                <a:gd name="connsiteX71" fmla="*/ 1120076 w 1469681"/>
                <a:gd name="connsiteY71" fmla="*/ 136537 h 153713"/>
                <a:gd name="connsiteX72" fmla="*/ 1069584 w 1469681"/>
                <a:gd name="connsiteY72" fmla="*/ 136537 h 153713"/>
                <a:gd name="connsiteX73" fmla="*/ 1069584 w 1469681"/>
                <a:gd name="connsiteY73" fmla="*/ 17177 h 153713"/>
                <a:gd name="connsiteX74" fmla="*/ 1086577 w 1469681"/>
                <a:gd name="connsiteY74" fmla="*/ 17177 h 153713"/>
                <a:gd name="connsiteX75" fmla="*/ 1086577 w 1469681"/>
                <a:gd name="connsiteY75" fmla="*/ 6607 h 153713"/>
                <a:gd name="connsiteX76" fmla="*/ 1027122 w 1469681"/>
                <a:gd name="connsiteY76" fmla="*/ 6607 h 153713"/>
                <a:gd name="connsiteX77" fmla="*/ 1027122 w 1469681"/>
                <a:gd name="connsiteY77" fmla="*/ 17177 h 153713"/>
                <a:gd name="connsiteX78" fmla="*/ 1044114 w 1469681"/>
                <a:gd name="connsiteY78" fmla="*/ 17177 h 153713"/>
                <a:gd name="connsiteX79" fmla="*/ 1044114 w 1469681"/>
                <a:gd name="connsiteY79" fmla="*/ 138298 h 153713"/>
                <a:gd name="connsiteX80" fmla="*/ 1027122 w 1469681"/>
                <a:gd name="connsiteY80" fmla="*/ 138298 h 153713"/>
                <a:gd name="connsiteX81" fmla="*/ 1027122 w 1469681"/>
                <a:gd name="connsiteY81" fmla="*/ 149309 h 153713"/>
                <a:gd name="connsiteX82" fmla="*/ 1132811 w 1469681"/>
                <a:gd name="connsiteY82" fmla="*/ 149309 h 153713"/>
                <a:gd name="connsiteX83" fmla="*/ 1132811 w 1469681"/>
                <a:gd name="connsiteY83" fmla="*/ 118479 h 153713"/>
                <a:gd name="connsiteX84" fmla="*/ 1119600 w 1469681"/>
                <a:gd name="connsiteY84" fmla="*/ 118479 h 153713"/>
                <a:gd name="connsiteX85" fmla="*/ 1120076 w 1469681"/>
                <a:gd name="connsiteY85" fmla="*/ 136537 h 153713"/>
                <a:gd name="connsiteX86" fmla="*/ 1120076 w 1469681"/>
                <a:gd name="connsiteY86" fmla="*/ 136537 h 153713"/>
                <a:gd name="connsiteX87" fmla="*/ 989850 w 1469681"/>
                <a:gd name="connsiteY87" fmla="*/ 136537 h 153713"/>
                <a:gd name="connsiteX88" fmla="*/ 939844 w 1469681"/>
                <a:gd name="connsiteY88" fmla="*/ 136537 h 153713"/>
                <a:gd name="connsiteX89" fmla="*/ 939844 w 1469681"/>
                <a:gd name="connsiteY89" fmla="*/ 17177 h 153713"/>
                <a:gd name="connsiteX90" fmla="*/ 956827 w 1469681"/>
                <a:gd name="connsiteY90" fmla="*/ 17177 h 153713"/>
                <a:gd name="connsiteX91" fmla="*/ 956827 w 1469681"/>
                <a:gd name="connsiteY91" fmla="*/ 6607 h 153713"/>
                <a:gd name="connsiteX92" fmla="*/ 897382 w 1469681"/>
                <a:gd name="connsiteY92" fmla="*/ 6607 h 153713"/>
                <a:gd name="connsiteX93" fmla="*/ 897382 w 1469681"/>
                <a:gd name="connsiteY93" fmla="*/ 17177 h 153713"/>
                <a:gd name="connsiteX94" fmla="*/ 914365 w 1469681"/>
                <a:gd name="connsiteY94" fmla="*/ 17177 h 153713"/>
                <a:gd name="connsiteX95" fmla="*/ 914365 w 1469681"/>
                <a:gd name="connsiteY95" fmla="*/ 138298 h 153713"/>
                <a:gd name="connsiteX96" fmla="*/ 897382 w 1469681"/>
                <a:gd name="connsiteY96" fmla="*/ 138298 h 153713"/>
                <a:gd name="connsiteX97" fmla="*/ 897382 w 1469681"/>
                <a:gd name="connsiteY97" fmla="*/ 149309 h 153713"/>
                <a:gd name="connsiteX98" fmla="*/ 1003062 w 1469681"/>
                <a:gd name="connsiteY98" fmla="*/ 149309 h 153713"/>
                <a:gd name="connsiteX99" fmla="*/ 1003062 w 1469681"/>
                <a:gd name="connsiteY99" fmla="*/ 118479 h 153713"/>
                <a:gd name="connsiteX100" fmla="*/ 989850 w 1469681"/>
                <a:gd name="connsiteY100" fmla="*/ 118479 h 153713"/>
                <a:gd name="connsiteX101" fmla="*/ 989850 w 1469681"/>
                <a:gd name="connsiteY101" fmla="*/ 136537 h 153713"/>
                <a:gd name="connsiteX102" fmla="*/ 989850 w 1469681"/>
                <a:gd name="connsiteY102" fmla="*/ 136537 h 153713"/>
                <a:gd name="connsiteX103" fmla="*/ 628453 w 1469681"/>
                <a:gd name="connsiteY103" fmla="*/ 109230 h 153713"/>
                <a:gd name="connsiteX104" fmla="*/ 577018 w 1469681"/>
                <a:gd name="connsiteY104" fmla="*/ 7047 h 153713"/>
                <a:gd name="connsiteX105" fmla="*/ 534558 w 1469681"/>
                <a:gd name="connsiteY105" fmla="*/ 7047 h 153713"/>
                <a:gd name="connsiteX106" fmla="*/ 534558 w 1469681"/>
                <a:gd name="connsiteY106" fmla="*/ 17618 h 153713"/>
                <a:gd name="connsiteX107" fmla="*/ 551548 w 1469681"/>
                <a:gd name="connsiteY107" fmla="*/ 17618 h 153713"/>
                <a:gd name="connsiteX108" fmla="*/ 551548 w 1469681"/>
                <a:gd name="connsiteY108" fmla="*/ 138739 h 153713"/>
                <a:gd name="connsiteX109" fmla="*/ 534558 w 1469681"/>
                <a:gd name="connsiteY109" fmla="*/ 138739 h 153713"/>
                <a:gd name="connsiteX110" fmla="*/ 534558 w 1469681"/>
                <a:gd name="connsiteY110" fmla="*/ 149750 h 153713"/>
                <a:gd name="connsiteX111" fmla="*/ 583152 w 1469681"/>
                <a:gd name="connsiteY111" fmla="*/ 149750 h 153713"/>
                <a:gd name="connsiteX112" fmla="*/ 583152 w 1469681"/>
                <a:gd name="connsiteY112" fmla="*/ 138739 h 153713"/>
                <a:gd name="connsiteX113" fmla="*/ 566169 w 1469681"/>
                <a:gd name="connsiteY113" fmla="*/ 138739 h 153713"/>
                <a:gd name="connsiteX114" fmla="*/ 566169 w 1469681"/>
                <a:gd name="connsiteY114" fmla="*/ 40080 h 153713"/>
                <a:gd name="connsiteX115" fmla="*/ 622785 w 1469681"/>
                <a:gd name="connsiteY115" fmla="*/ 153713 h 153713"/>
                <a:gd name="connsiteX116" fmla="*/ 677040 w 1469681"/>
                <a:gd name="connsiteY116" fmla="*/ 43163 h 153713"/>
                <a:gd name="connsiteX117" fmla="*/ 677040 w 1469681"/>
                <a:gd name="connsiteY117" fmla="*/ 139179 h 153713"/>
                <a:gd name="connsiteX118" fmla="*/ 660057 w 1469681"/>
                <a:gd name="connsiteY118" fmla="*/ 139179 h 153713"/>
                <a:gd name="connsiteX119" fmla="*/ 660057 w 1469681"/>
                <a:gd name="connsiteY119" fmla="*/ 150190 h 153713"/>
                <a:gd name="connsiteX120" fmla="*/ 719512 w 1469681"/>
                <a:gd name="connsiteY120" fmla="*/ 150190 h 153713"/>
                <a:gd name="connsiteX121" fmla="*/ 719512 w 1469681"/>
                <a:gd name="connsiteY121" fmla="*/ 139179 h 153713"/>
                <a:gd name="connsiteX122" fmla="*/ 702519 w 1469681"/>
                <a:gd name="connsiteY122" fmla="*/ 139179 h 153713"/>
                <a:gd name="connsiteX123" fmla="*/ 702519 w 1469681"/>
                <a:gd name="connsiteY123" fmla="*/ 18058 h 153713"/>
                <a:gd name="connsiteX124" fmla="*/ 719512 w 1469681"/>
                <a:gd name="connsiteY124" fmla="*/ 18058 h 153713"/>
                <a:gd name="connsiteX125" fmla="*/ 719512 w 1469681"/>
                <a:gd name="connsiteY125" fmla="*/ 7488 h 153713"/>
                <a:gd name="connsiteX126" fmla="*/ 679402 w 1469681"/>
                <a:gd name="connsiteY126" fmla="*/ 7488 h 153713"/>
                <a:gd name="connsiteX127" fmla="*/ 628453 w 1469681"/>
                <a:gd name="connsiteY127" fmla="*/ 109230 h 153713"/>
                <a:gd name="connsiteX128" fmla="*/ 1224346 w 1469681"/>
                <a:gd name="connsiteY128" fmla="*/ 137858 h 153713"/>
                <a:gd name="connsiteX129" fmla="*/ 1176217 w 1469681"/>
                <a:gd name="connsiteY129" fmla="*/ 77517 h 153713"/>
                <a:gd name="connsiteX130" fmla="*/ 1224346 w 1469681"/>
                <a:gd name="connsiteY130" fmla="*/ 17618 h 153713"/>
                <a:gd name="connsiteX131" fmla="*/ 1271524 w 1469681"/>
                <a:gd name="connsiteY131" fmla="*/ 77517 h 153713"/>
                <a:gd name="connsiteX132" fmla="*/ 1224346 w 1469681"/>
                <a:gd name="connsiteY132" fmla="*/ 137858 h 153713"/>
                <a:gd name="connsiteX133" fmla="*/ 1224346 w 1469681"/>
                <a:gd name="connsiteY133" fmla="*/ 4404 h 153713"/>
                <a:gd name="connsiteX134" fmla="*/ 1148385 w 1469681"/>
                <a:gd name="connsiteY134" fmla="*/ 78398 h 153713"/>
                <a:gd name="connsiteX135" fmla="*/ 1224346 w 1469681"/>
                <a:gd name="connsiteY135" fmla="*/ 152392 h 153713"/>
                <a:gd name="connsiteX136" fmla="*/ 1299832 w 1469681"/>
                <a:gd name="connsiteY136" fmla="*/ 78398 h 153713"/>
                <a:gd name="connsiteX137" fmla="*/ 1224346 w 1469681"/>
                <a:gd name="connsiteY137" fmla="*/ 4404 h 153713"/>
                <a:gd name="connsiteX138" fmla="*/ 1421085 w 1469681"/>
                <a:gd name="connsiteY138" fmla="*/ 6607 h 153713"/>
                <a:gd name="connsiteX139" fmla="*/ 1421085 w 1469681"/>
                <a:gd name="connsiteY139" fmla="*/ 17177 h 153713"/>
                <a:gd name="connsiteX140" fmla="*/ 1438068 w 1469681"/>
                <a:gd name="connsiteY140" fmla="*/ 17177 h 153713"/>
                <a:gd name="connsiteX141" fmla="*/ 1438068 w 1469681"/>
                <a:gd name="connsiteY141" fmla="*/ 107468 h 153713"/>
                <a:gd name="connsiteX142" fmla="*/ 1359278 w 1469681"/>
                <a:gd name="connsiteY142" fmla="*/ 7047 h 153713"/>
                <a:gd name="connsiteX143" fmla="*/ 1319644 w 1469681"/>
                <a:gd name="connsiteY143" fmla="*/ 7047 h 153713"/>
                <a:gd name="connsiteX144" fmla="*/ 1319644 w 1469681"/>
                <a:gd name="connsiteY144" fmla="*/ 17618 h 153713"/>
                <a:gd name="connsiteX145" fmla="*/ 1336160 w 1469681"/>
                <a:gd name="connsiteY145" fmla="*/ 17618 h 153713"/>
                <a:gd name="connsiteX146" fmla="*/ 1341818 w 1469681"/>
                <a:gd name="connsiteY146" fmla="*/ 25105 h 153713"/>
                <a:gd name="connsiteX147" fmla="*/ 1341818 w 1469681"/>
                <a:gd name="connsiteY147" fmla="*/ 138739 h 153713"/>
                <a:gd name="connsiteX148" fmla="*/ 1324835 w 1469681"/>
                <a:gd name="connsiteY148" fmla="*/ 138739 h 153713"/>
                <a:gd name="connsiteX149" fmla="*/ 1324835 w 1469681"/>
                <a:gd name="connsiteY149" fmla="*/ 149750 h 153713"/>
                <a:gd name="connsiteX150" fmla="*/ 1373432 w 1469681"/>
                <a:gd name="connsiteY150" fmla="*/ 149750 h 153713"/>
                <a:gd name="connsiteX151" fmla="*/ 1373432 w 1469681"/>
                <a:gd name="connsiteY151" fmla="*/ 138739 h 153713"/>
                <a:gd name="connsiteX152" fmla="*/ 1356449 w 1469681"/>
                <a:gd name="connsiteY152" fmla="*/ 138739 h 153713"/>
                <a:gd name="connsiteX153" fmla="*/ 1356449 w 1469681"/>
                <a:gd name="connsiteY153" fmla="*/ 43163 h 153713"/>
                <a:gd name="connsiteX154" fmla="*/ 1440897 w 1469681"/>
                <a:gd name="connsiteY154" fmla="*/ 151952 h 153713"/>
                <a:gd name="connsiteX155" fmla="*/ 1452699 w 1469681"/>
                <a:gd name="connsiteY155" fmla="*/ 151952 h 153713"/>
                <a:gd name="connsiteX156" fmla="*/ 1452699 w 1469681"/>
                <a:gd name="connsiteY156" fmla="*/ 18058 h 153713"/>
                <a:gd name="connsiteX157" fmla="*/ 1469682 w 1469681"/>
                <a:gd name="connsiteY157" fmla="*/ 18058 h 153713"/>
                <a:gd name="connsiteX158" fmla="*/ 1469682 w 1469681"/>
                <a:gd name="connsiteY158" fmla="*/ 7488 h 153713"/>
                <a:gd name="connsiteX159" fmla="*/ 1421085 w 1469681"/>
                <a:gd name="connsiteY159" fmla="*/ 6607 h 153713"/>
                <a:gd name="connsiteX160" fmla="*/ 1421085 w 1469681"/>
                <a:gd name="connsiteY160" fmla="*/ 6607 h 153713"/>
                <a:gd name="connsiteX161" fmla="*/ 846899 w 1469681"/>
                <a:gd name="connsiteY161" fmla="*/ 136537 h 153713"/>
                <a:gd name="connsiteX162" fmla="*/ 794055 w 1469681"/>
                <a:gd name="connsiteY162" fmla="*/ 136537 h 153713"/>
                <a:gd name="connsiteX163" fmla="*/ 794055 w 1469681"/>
                <a:gd name="connsiteY163" fmla="*/ 82363 h 153713"/>
                <a:gd name="connsiteX164" fmla="*/ 834155 w 1469681"/>
                <a:gd name="connsiteY164" fmla="*/ 82363 h 153713"/>
                <a:gd name="connsiteX165" fmla="*/ 834155 w 1469681"/>
                <a:gd name="connsiteY165" fmla="*/ 98659 h 153713"/>
                <a:gd name="connsiteX166" fmla="*/ 847366 w 1469681"/>
                <a:gd name="connsiteY166" fmla="*/ 98659 h 153713"/>
                <a:gd name="connsiteX167" fmla="*/ 847366 w 1469681"/>
                <a:gd name="connsiteY167" fmla="*/ 54174 h 153713"/>
                <a:gd name="connsiteX168" fmla="*/ 833688 w 1469681"/>
                <a:gd name="connsiteY168" fmla="*/ 54174 h 153713"/>
                <a:gd name="connsiteX169" fmla="*/ 833688 w 1469681"/>
                <a:gd name="connsiteY169" fmla="*/ 70030 h 153713"/>
                <a:gd name="connsiteX170" fmla="*/ 793578 w 1469681"/>
                <a:gd name="connsiteY170" fmla="*/ 70030 h 153713"/>
                <a:gd name="connsiteX171" fmla="*/ 793578 w 1469681"/>
                <a:gd name="connsiteY171" fmla="*/ 18499 h 153713"/>
                <a:gd name="connsiteX172" fmla="*/ 844061 w 1469681"/>
                <a:gd name="connsiteY172" fmla="*/ 18499 h 153713"/>
                <a:gd name="connsiteX173" fmla="*/ 844061 w 1469681"/>
                <a:gd name="connsiteY173" fmla="*/ 36557 h 153713"/>
                <a:gd name="connsiteX174" fmla="*/ 857272 w 1469681"/>
                <a:gd name="connsiteY174" fmla="*/ 36557 h 153713"/>
                <a:gd name="connsiteX175" fmla="*/ 857272 w 1469681"/>
                <a:gd name="connsiteY175" fmla="*/ 0 h 153713"/>
                <a:gd name="connsiteX176" fmla="*/ 844061 w 1469681"/>
                <a:gd name="connsiteY176" fmla="*/ 0 h 153713"/>
                <a:gd name="connsiteX177" fmla="*/ 844061 w 1469681"/>
                <a:gd name="connsiteY177" fmla="*/ 5726 h 153713"/>
                <a:gd name="connsiteX178" fmla="*/ 751116 w 1469681"/>
                <a:gd name="connsiteY178" fmla="*/ 5726 h 153713"/>
                <a:gd name="connsiteX179" fmla="*/ 751116 w 1469681"/>
                <a:gd name="connsiteY179" fmla="*/ 16296 h 153713"/>
                <a:gd name="connsiteX180" fmla="*/ 768099 w 1469681"/>
                <a:gd name="connsiteY180" fmla="*/ 16296 h 153713"/>
                <a:gd name="connsiteX181" fmla="*/ 768099 w 1469681"/>
                <a:gd name="connsiteY181" fmla="*/ 137417 h 153713"/>
                <a:gd name="connsiteX182" fmla="*/ 751116 w 1469681"/>
                <a:gd name="connsiteY182" fmla="*/ 137417 h 153713"/>
                <a:gd name="connsiteX183" fmla="*/ 751116 w 1469681"/>
                <a:gd name="connsiteY183" fmla="*/ 148429 h 153713"/>
                <a:gd name="connsiteX184" fmla="*/ 859634 w 1469681"/>
                <a:gd name="connsiteY184" fmla="*/ 148429 h 153713"/>
                <a:gd name="connsiteX185" fmla="*/ 859634 w 1469681"/>
                <a:gd name="connsiteY185" fmla="*/ 117597 h 153713"/>
                <a:gd name="connsiteX186" fmla="*/ 846423 w 1469681"/>
                <a:gd name="connsiteY186" fmla="*/ 117597 h 153713"/>
                <a:gd name="connsiteX187" fmla="*/ 846899 w 1469681"/>
                <a:gd name="connsiteY187" fmla="*/ 136537 h 153713"/>
                <a:gd name="connsiteX188" fmla="*/ 846899 w 1469681"/>
                <a:gd name="connsiteY188" fmla="*/ 136537 h 1537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Lst>
              <a:rect l="l" t="t" r="r" b="b"/>
              <a:pathLst>
                <a:path w="1469681" h="153713">
                  <a:moveTo>
                    <a:pt x="246284" y="17177"/>
                  </a:moveTo>
                  <a:lnTo>
                    <a:pt x="263269" y="17177"/>
                  </a:lnTo>
                  <a:lnTo>
                    <a:pt x="263269" y="107468"/>
                  </a:lnTo>
                  <a:lnTo>
                    <a:pt x="184005" y="7047"/>
                  </a:lnTo>
                  <a:lnTo>
                    <a:pt x="144845" y="7047"/>
                  </a:lnTo>
                  <a:lnTo>
                    <a:pt x="144845" y="17618"/>
                  </a:lnTo>
                  <a:lnTo>
                    <a:pt x="161358" y="17618"/>
                  </a:lnTo>
                  <a:lnTo>
                    <a:pt x="166548" y="25105"/>
                  </a:lnTo>
                  <a:lnTo>
                    <a:pt x="166548" y="138739"/>
                  </a:lnTo>
                  <a:lnTo>
                    <a:pt x="149563" y="138739"/>
                  </a:lnTo>
                  <a:lnTo>
                    <a:pt x="149563" y="149309"/>
                  </a:lnTo>
                  <a:lnTo>
                    <a:pt x="198631" y="149309"/>
                  </a:lnTo>
                  <a:lnTo>
                    <a:pt x="198631" y="138739"/>
                  </a:lnTo>
                  <a:lnTo>
                    <a:pt x="181647" y="138739"/>
                  </a:lnTo>
                  <a:lnTo>
                    <a:pt x="181647" y="43163"/>
                  </a:lnTo>
                  <a:lnTo>
                    <a:pt x="266100" y="151952"/>
                  </a:lnTo>
                  <a:lnTo>
                    <a:pt x="277895" y="151952"/>
                  </a:lnTo>
                  <a:lnTo>
                    <a:pt x="277895" y="18058"/>
                  </a:lnTo>
                  <a:lnTo>
                    <a:pt x="294880" y="18058"/>
                  </a:lnTo>
                  <a:lnTo>
                    <a:pt x="294880" y="7488"/>
                  </a:lnTo>
                  <a:lnTo>
                    <a:pt x="246284" y="7488"/>
                  </a:lnTo>
                  <a:lnTo>
                    <a:pt x="246284" y="17177"/>
                  </a:lnTo>
                  <a:lnTo>
                    <a:pt x="246284" y="17177"/>
                  </a:lnTo>
                  <a:close/>
                  <a:moveTo>
                    <a:pt x="62751" y="136537"/>
                  </a:moveTo>
                  <a:lnTo>
                    <a:pt x="43406" y="136537"/>
                  </a:lnTo>
                  <a:lnTo>
                    <a:pt x="43406" y="81041"/>
                  </a:lnTo>
                  <a:lnTo>
                    <a:pt x="62751" y="81041"/>
                  </a:lnTo>
                  <a:cubicBezTo>
                    <a:pt x="83038" y="81041"/>
                    <a:pt x="96249" y="92052"/>
                    <a:pt x="96249" y="110110"/>
                  </a:cubicBezTo>
                  <a:cubicBezTo>
                    <a:pt x="96249" y="129489"/>
                    <a:pt x="78320" y="136537"/>
                    <a:pt x="62751" y="136537"/>
                  </a:cubicBezTo>
                  <a:moveTo>
                    <a:pt x="43406" y="19379"/>
                  </a:moveTo>
                  <a:lnTo>
                    <a:pt x="62278" y="19379"/>
                  </a:lnTo>
                  <a:cubicBezTo>
                    <a:pt x="72186" y="19379"/>
                    <a:pt x="88700" y="22463"/>
                    <a:pt x="88700" y="43604"/>
                  </a:cubicBezTo>
                  <a:cubicBezTo>
                    <a:pt x="88700" y="61221"/>
                    <a:pt x="75018" y="69150"/>
                    <a:pt x="61335" y="69150"/>
                  </a:cubicBezTo>
                  <a:lnTo>
                    <a:pt x="43878" y="69150"/>
                  </a:lnTo>
                  <a:lnTo>
                    <a:pt x="43878" y="19379"/>
                  </a:lnTo>
                  <a:lnTo>
                    <a:pt x="43406" y="19379"/>
                  </a:lnTo>
                  <a:close/>
                  <a:moveTo>
                    <a:pt x="86813" y="73994"/>
                  </a:moveTo>
                  <a:cubicBezTo>
                    <a:pt x="101438" y="70030"/>
                    <a:pt x="114650" y="59900"/>
                    <a:pt x="114650" y="42723"/>
                  </a:cubicBezTo>
                  <a:cubicBezTo>
                    <a:pt x="114650" y="20701"/>
                    <a:pt x="97192" y="7047"/>
                    <a:pt x="70299" y="7047"/>
                  </a:cubicBezTo>
                  <a:lnTo>
                    <a:pt x="0" y="7047"/>
                  </a:lnTo>
                  <a:lnTo>
                    <a:pt x="0" y="17618"/>
                  </a:lnTo>
                  <a:lnTo>
                    <a:pt x="16985" y="17618"/>
                  </a:lnTo>
                  <a:lnTo>
                    <a:pt x="16985" y="138739"/>
                  </a:lnTo>
                  <a:lnTo>
                    <a:pt x="0" y="138739"/>
                  </a:lnTo>
                  <a:lnTo>
                    <a:pt x="0" y="149750"/>
                  </a:lnTo>
                  <a:lnTo>
                    <a:pt x="74074" y="149750"/>
                  </a:lnTo>
                  <a:cubicBezTo>
                    <a:pt x="102854" y="149750"/>
                    <a:pt x="121727" y="134335"/>
                    <a:pt x="121727" y="112312"/>
                  </a:cubicBezTo>
                  <a:cubicBezTo>
                    <a:pt x="122198" y="88969"/>
                    <a:pt x="105213" y="77517"/>
                    <a:pt x="86813" y="73994"/>
                  </a:cubicBezTo>
                  <a:moveTo>
                    <a:pt x="398677" y="17177"/>
                  </a:moveTo>
                  <a:lnTo>
                    <a:pt x="418022" y="17177"/>
                  </a:lnTo>
                  <a:lnTo>
                    <a:pt x="384996" y="67827"/>
                  </a:lnTo>
                  <a:lnTo>
                    <a:pt x="350082" y="17177"/>
                  </a:lnTo>
                  <a:lnTo>
                    <a:pt x="367538" y="17177"/>
                  </a:lnTo>
                  <a:lnTo>
                    <a:pt x="367538" y="6607"/>
                  </a:lnTo>
                  <a:lnTo>
                    <a:pt x="306203" y="6607"/>
                  </a:lnTo>
                  <a:lnTo>
                    <a:pt x="306203" y="17177"/>
                  </a:lnTo>
                  <a:lnTo>
                    <a:pt x="319886" y="17177"/>
                  </a:lnTo>
                  <a:lnTo>
                    <a:pt x="366123" y="83684"/>
                  </a:lnTo>
                  <a:lnTo>
                    <a:pt x="366123" y="138298"/>
                  </a:lnTo>
                  <a:lnTo>
                    <a:pt x="349138" y="138298"/>
                  </a:lnTo>
                  <a:lnTo>
                    <a:pt x="349138" y="149309"/>
                  </a:lnTo>
                  <a:lnTo>
                    <a:pt x="408585" y="149309"/>
                  </a:lnTo>
                  <a:lnTo>
                    <a:pt x="408585" y="138298"/>
                  </a:lnTo>
                  <a:lnTo>
                    <a:pt x="391600" y="138298"/>
                  </a:lnTo>
                  <a:lnTo>
                    <a:pt x="391600" y="82803"/>
                  </a:lnTo>
                  <a:lnTo>
                    <a:pt x="434535" y="17618"/>
                  </a:lnTo>
                  <a:lnTo>
                    <a:pt x="446803" y="17618"/>
                  </a:lnTo>
                  <a:lnTo>
                    <a:pt x="446803" y="7047"/>
                  </a:lnTo>
                  <a:lnTo>
                    <a:pt x="398677" y="7047"/>
                  </a:lnTo>
                  <a:lnTo>
                    <a:pt x="398677" y="17177"/>
                  </a:lnTo>
                  <a:lnTo>
                    <a:pt x="398677" y="17177"/>
                  </a:lnTo>
                  <a:close/>
                  <a:moveTo>
                    <a:pt x="1120076" y="136537"/>
                  </a:moveTo>
                  <a:lnTo>
                    <a:pt x="1069584" y="136537"/>
                  </a:lnTo>
                  <a:lnTo>
                    <a:pt x="1069584" y="17177"/>
                  </a:lnTo>
                  <a:lnTo>
                    <a:pt x="1086577" y="17177"/>
                  </a:lnTo>
                  <a:lnTo>
                    <a:pt x="1086577" y="6607"/>
                  </a:lnTo>
                  <a:lnTo>
                    <a:pt x="1027122" y="6607"/>
                  </a:lnTo>
                  <a:lnTo>
                    <a:pt x="1027122" y="17177"/>
                  </a:lnTo>
                  <a:lnTo>
                    <a:pt x="1044114" y="17177"/>
                  </a:lnTo>
                  <a:lnTo>
                    <a:pt x="1044114" y="138298"/>
                  </a:lnTo>
                  <a:lnTo>
                    <a:pt x="1027122" y="138298"/>
                  </a:lnTo>
                  <a:lnTo>
                    <a:pt x="1027122" y="149309"/>
                  </a:lnTo>
                  <a:lnTo>
                    <a:pt x="1132811" y="149309"/>
                  </a:lnTo>
                  <a:lnTo>
                    <a:pt x="1132811" y="118479"/>
                  </a:lnTo>
                  <a:lnTo>
                    <a:pt x="1119600" y="118479"/>
                  </a:lnTo>
                  <a:lnTo>
                    <a:pt x="1120076" y="136537"/>
                  </a:lnTo>
                  <a:lnTo>
                    <a:pt x="1120076" y="136537"/>
                  </a:lnTo>
                  <a:close/>
                  <a:moveTo>
                    <a:pt x="989850" y="136537"/>
                  </a:moveTo>
                  <a:lnTo>
                    <a:pt x="939844" y="136537"/>
                  </a:lnTo>
                  <a:lnTo>
                    <a:pt x="939844" y="17177"/>
                  </a:lnTo>
                  <a:lnTo>
                    <a:pt x="956827" y="17177"/>
                  </a:lnTo>
                  <a:lnTo>
                    <a:pt x="956827" y="6607"/>
                  </a:lnTo>
                  <a:lnTo>
                    <a:pt x="897382" y="6607"/>
                  </a:lnTo>
                  <a:lnTo>
                    <a:pt x="897382" y="17177"/>
                  </a:lnTo>
                  <a:lnTo>
                    <a:pt x="914365" y="17177"/>
                  </a:lnTo>
                  <a:lnTo>
                    <a:pt x="914365" y="138298"/>
                  </a:lnTo>
                  <a:lnTo>
                    <a:pt x="897382" y="138298"/>
                  </a:lnTo>
                  <a:lnTo>
                    <a:pt x="897382" y="149309"/>
                  </a:lnTo>
                  <a:lnTo>
                    <a:pt x="1003062" y="149309"/>
                  </a:lnTo>
                  <a:lnTo>
                    <a:pt x="1003062" y="118479"/>
                  </a:lnTo>
                  <a:lnTo>
                    <a:pt x="989850" y="118479"/>
                  </a:lnTo>
                  <a:lnTo>
                    <a:pt x="989850" y="136537"/>
                  </a:lnTo>
                  <a:lnTo>
                    <a:pt x="989850" y="136537"/>
                  </a:lnTo>
                  <a:close/>
                  <a:moveTo>
                    <a:pt x="628453" y="109230"/>
                  </a:moveTo>
                  <a:lnTo>
                    <a:pt x="577018" y="7047"/>
                  </a:lnTo>
                  <a:lnTo>
                    <a:pt x="534558" y="7047"/>
                  </a:lnTo>
                  <a:lnTo>
                    <a:pt x="534558" y="17618"/>
                  </a:lnTo>
                  <a:lnTo>
                    <a:pt x="551548" y="17618"/>
                  </a:lnTo>
                  <a:lnTo>
                    <a:pt x="551548" y="138739"/>
                  </a:lnTo>
                  <a:lnTo>
                    <a:pt x="534558" y="138739"/>
                  </a:lnTo>
                  <a:lnTo>
                    <a:pt x="534558" y="149750"/>
                  </a:lnTo>
                  <a:lnTo>
                    <a:pt x="583152" y="149750"/>
                  </a:lnTo>
                  <a:lnTo>
                    <a:pt x="583152" y="138739"/>
                  </a:lnTo>
                  <a:lnTo>
                    <a:pt x="566169" y="138739"/>
                  </a:lnTo>
                  <a:lnTo>
                    <a:pt x="566169" y="40080"/>
                  </a:lnTo>
                  <a:lnTo>
                    <a:pt x="622785" y="153713"/>
                  </a:lnTo>
                  <a:lnTo>
                    <a:pt x="677040" y="43163"/>
                  </a:lnTo>
                  <a:lnTo>
                    <a:pt x="677040" y="139179"/>
                  </a:lnTo>
                  <a:lnTo>
                    <a:pt x="660057" y="139179"/>
                  </a:lnTo>
                  <a:lnTo>
                    <a:pt x="660057" y="150190"/>
                  </a:lnTo>
                  <a:lnTo>
                    <a:pt x="719512" y="150190"/>
                  </a:lnTo>
                  <a:lnTo>
                    <a:pt x="719512" y="139179"/>
                  </a:lnTo>
                  <a:lnTo>
                    <a:pt x="702519" y="139179"/>
                  </a:lnTo>
                  <a:lnTo>
                    <a:pt x="702519" y="18058"/>
                  </a:lnTo>
                  <a:lnTo>
                    <a:pt x="719512" y="18058"/>
                  </a:lnTo>
                  <a:lnTo>
                    <a:pt x="719512" y="7488"/>
                  </a:lnTo>
                  <a:lnTo>
                    <a:pt x="679402" y="7488"/>
                  </a:lnTo>
                  <a:lnTo>
                    <a:pt x="628453" y="109230"/>
                  </a:lnTo>
                  <a:close/>
                  <a:moveTo>
                    <a:pt x="1224346" y="137858"/>
                  </a:moveTo>
                  <a:cubicBezTo>
                    <a:pt x="1196029" y="137858"/>
                    <a:pt x="1176217" y="113193"/>
                    <a:pt x="1176217" y="77517"/>
                  </a:cubicBezTo>
                  <a:cubicBezTo>
                    <a:pt x="1176217" y="42282"/>
                    <a:pt x="1196029" y="17618"/>
                    <a:pt x="1224346" y="17618"/>
                  </a:cubicBezTo>
                  <a:cubicBezTo>
                    <a:pt x="1251702" y="17618"/>
                    <a:pt x="1271524" y="42282"/>
                    <a:pt x="1271524" y="77517"/>
                  </a:cubicBezTo>
                  <a:cubicBezTo>
                    <a:pt x="1271990" y="113193"/>
                    <a:pt x="1252655" y="137858"/>
                    <a:pt x="1224346" y="137858"/>
                  </a:cubicBezTo>
                  <a:moveTo>
                    <a:pt x="1224346" y="4404"/>
                  </a:moveTo>
                  <a:cubicBezTo>
                    <a:pt x="1182351" y="4404"/>
                    <a:pt x="1148385" y="37437"/>
                    <a:pt x="1148385" y="78398"/>
                  </a:cubicBezTo>
                  <a:cubicBezTo>
                    <a:pt x="1148385" y="119360"/>
                    <a:pt x="1182351" y="152392"/>
                    <a:pt x="1224346" y="152392"/>
                  </a:cubicBezTo>
                  <a:cubicBezTo>
                    <a:pt x="1265856" y="152392"/>
                    <a:pt x="1299832" y="119360"/>
                    <a:pt x="1299832" y="78398"/>
                  </a:cubicBezTo>
                  <a:cubicBezTo>
                    <a:pt x="1299832" y="36997"/>
                    <a:pt x="1266333" y="4404"/>
                    <a:pt x="1224346" y="4404"/>
                  </a:cubicBezTo>
                  <a:moveTo>
                    <a:pt x="1421085" y="6607"/>
                  </a:moveTo>
                  <a:lnTo>
                    <a:pt x="1421085" y="17177"/>
                  </a:lnTo>
                  <a:lnTo>
                    <a:pt x="1438068" y="17177"/>
                  </a:lnTo>
                  <a:lnTo>
                    <a:pt x="1438068" y="107468"/>
                  </a:lnTo>
                  <a:lnTo>
                    <a:pt x="1359278" y="7047"/>
                  </a:lnTo>
                  <a:lnTo>
                    <a:pt x="1319644" y="7047"/>
                  </a:lnTo>
                  <a:lnTo>
                    <a:pt x="1319644" y="17618"/>
                  </a:lnTo>
                  <a:lnTo>
                    <a:pt x="1336160" y="17618"/>
                  </a:lnTo>
                  <a:lnTo>
                    <a:pt x="1341818" y="25105"/>
                  </a:lnTo>
                  <a:lnTo>
                    <a:pt x="1341818" y="138739"/>
                  </a:lnTo>
                  <a:lnTo>
                    <a:pt x="1324835" y="138739"/>
                  </a:lnTo>
                  <a:lnTo>
                    <a:pt x="1324835" y="149750"/>
                  </a:lnTo>
                  <a:lnTo>
                    <a:pt x="1373432" y="149750"/>
                  </a:lnTo>
                  <a:lnTo>
                    <a:pt x="1373432" y="138739"/>
                  </a:lnTo>
                  <a:lnTo>
                    <a:pt x="1356449" y="138739"/>
                  </a:lnTo>
                  <a:lnTo>
                    <a:pt x="1356449" y="43163"/>
                  </a:lnTo>
                  <a:lnTo>
                    <a:pt x="1440897" y="151952"/>
                  </a:lnTo>
                  <a:lnTo>
                    <a:pt x="1452699" y="151952"/>
                  </a:lnTo>
                  <a:lnTo>
                    <a:pt x="1452699" y="18058"/>
                  </a:lnTo>
                  <a:lnTo>
                    <a:pt x="1469682" y="18058"/>
                  </a:lnTo>
                  <a:lnTo>
                    <a:pt x="1469682" y="7488"/>
                  </a:lnTo>
                  <a:lnTo>
                    <a:pt x="1421085" y="6607"/>
                  </a:lnTo>
                  <a:lnTo>
                    <a:pt x="1421085" y="6607"/>
                  </a:lnTo>
                  <a:close/>
                  <a:moveTo>
                    <a:pt x="846899" y="136537"/>
                  </a:moveTo>
                  <a:lnTo>
                    <a:pt x="794055" y="136537"/>
                  </a:lnTo>
                  <a:lnTo>
                    <a:pt x="794055" y="82363"/>
                  </a:lnTo>
                  <a:lnTo>
                    <a:pt x="834155" y="82363"/>
                  </a:lnTo>
                  <a:lnTo>
                    <a:pt x="834155" y="98659"/>
                  </a:lnTo>
                  <a:lnTo>
                    <a:pt x="847366" y="98659"/>
                  </a:lnTo>
                  <a:lnTo>
                    <a:pt x="847366" y="54174"/>
                  </a:lnTo>
                  <a:lnTo>
                    <a:pt x="833688" y="54174"/>
                  </a:lnTo>
                  <a:lnTo>
                    <a:pt x="833688" y="70030"/>
                  </a:lnTo>
                  <a:lnTo>
                    <a:pt x="793578" y="70030"/>
                  </a:lnTo>
                  <a:lnTo>
                    <a:pt x="793578" y="18499"/>
                  </a:lnTo>
                  <a:lnTo>
                    <a:pt x="844061" y="18499"/>
                  </a:lnTo>
                  <a:lnTo>
                    <a:pt x="844061" y="36557"/>
                  </a:lnTo>
                  <a:lnTo>
                    <a:pt x="857272" y="36557"/>
                  </a:lnTo>
                  <a:lnTo>
                    <a:pt x="857272" y="0"/>
                  </a:lnTo>
                  <a:lnTo>
                    <a:pt x="844061" y="0"/>
                  </a:lnTo>
                  <a:lnTo>
                    <a:pt x="844061" y="5726"/>
                  </a:lnTo>
                  <a:lnTo>
                    <a:pt x="751116" y="5726"/>
                  </a:lnTo>
                  <a:lnTo>
                    <a:pt x="751116" y="16296"/>
                  </a:lnTo>
                  <a:lnTo>
                    <a:pt x="768099" y="16296"/>
                  </a:lnTo>
                  <a:lnTo>
                    <a:pt x="768099" y="137417"/>
                  </a:lnTo>
                  <a:lnTo>
                    <a:pt x="751116" y="137417"/>
                  </a:lnTo>
                  <a:lnTo>
                    <a:pt x="751116" y="148429"/>
                  </a:lnTo>
                  <a:lnTo>
                    <a:pt x="859634" y="148429"/>
                  </a:lnTo>
                  <a:lnTo>
                    <a:pt x="859634" y="117597"/>
                  </a:lnTo>
                  <a:lnTo>
                    <a:pt x="846423" y="117597"/>
                  </a:lnTo>
                  <a:lnTo>
                    <a:pt x="846899" y="136537"/>
                  </a:lnTo>
                  <a:lnTo>
                    <a:pt x="846899" y="136537"/>
                  </a:lnTo>
                  <a:close/>
                </a:path>
              </a:pathLst>
            </a:custGeom>
            <a:solidFill>
              <a:schemeClr val="tx1"/>
            </a:solidFill>
            <a:ln w="9525" cap="flat">
              <a:noFill/>
              <a:prstDash val="solid"/>
              <a:miter/>
            </a:ln>
          </p:spPr>
          <p:txBody>
            <a:bodyPr rtlCol="0" anchor="ctr"/>
            <a:lstStyle/>
            <a:p>
              <a:endParaRPr lang="en-US"/>
            </a:p>
          </p:txBody>
        </p:sp>
        <p:grpSp>
          <p:nvGrpSpPr>
            <p:cNvPr id="231" name="Graphic 227">
              <a:extLst>
                <a:ext uri="{FF2B5EF4-FFF2-40B4-BE49-F238E27FC236}">
                  <a16:creationId xmlns:a16="http://schemas.microsoft.com/office/drawing/2014/main" id="{63D2FA2D-241B-7011-0998-75080E78E4A4}"/>
                </a:ext>
              </a:extLst>
            </p:cNvPr>
            <p:cNvGrpSpPr/>
            <p:nvPr/>
          </p:nvGrpSpPr>
          <p:grpSpPr>
            <a:xfrm>
              <a:off x="3982163" y="499662"/>
              <a:ext cx="300220" cy="238863"/>
              <a:chOff x="3982163" y="499662"/>
              <a:chExt cx="300220" cy="238863"/>
            </a:xfrm>
          </p:grpSpPr>
          <p:sp>
            <p:nvSpPr>
              <p:cNvPr id="232" name="Freeform: Shape 231">
                <a:extLst>
                  <a:ext uri="{FF2B5EF4-FFF2-40B4-BE49-F238E27FC236}">
                    <a16:creationId xmlns:a16="http://schemas.microsoft.com/office/drawing/2014/main" id="{CD48029A-088F-F3ED-6950-870204987BD2}"/>
                  </a:ext>
                </a:extLst>
              </p:cNvPr>
              <p:cNvSpPr/>
              <p:nvPr/>
            </p:nvSpPr>
            <p:spPr>
              <a:xfrm>
                <a:off x="4061316" y="561642"/>
                <a:ext cx="221067" cy="114425"/>
              </a:xfrm>
              <a:custGeom>
                <a:avLst/>
                <a:gdLst>
                  <a:gd name="connsiteX0" fmla="*/ 221068 w 221067"/>
                  <a:gd name="connsiteY0" fmla="*/ 57212 h 114425"/>
                  <a:gd name="connsiteX1" fmla="*/ 76811 w 221067"/>
                  <a:gd name="connsiteY1" fmla="*/ 0 h 114425"/>
                  <a:gd name="connsiteX2" fmla="*/ 0 w 221067"/>
                  <a:gd name="connsiteY2" fmla="*/ 57212 h 114425"/>
                  <a:gd name="connsiteX3" fmla="*/ 76811 w 221067"/>
                  <a:gd name="connsiteY3" fmla="*/ 114425 h 114425"/>
                  <a:gd name="connsiteX4" fmla="*/ 221068 w 221067"/>
                  <a:gd name="connsiteY4" fmla="*/ 57212 h 11442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21067" h="114425">
                    <a:moveTo>
                      <a:pt x="221068" y="57212"/>
                    </a:moveTo>
                    <a:lnTo>
                      <a:pt x="76811" y="0"/>
                    </a:lnTo>
                    <a:cubicBezTo>
                      <a:pt x="45900" y="17164"/>
                      <a:pt x="20608" y="37188"/>
                      <a:pt x="0" y="57212"/>
                    </a:cubicBezTo>
                    <a:cubicBezTo>
                      <a:pt x="20608" y="77237"/>
                      <a:pt x="45900" y="97261"/>
                      <a:pt x="76811" y="114425"/>
                    </a:cubicBezTo>
                    <a:lnTo>
                      <a:pt x="221068" y="57212"/>
                    </a:lnTo>
                    <a:close/>
                  </a:path>
                </a:pathLst>
              </a:custGeom>
              <a:solidFill>
                <a:srgbClr val="AE8639"/>
              </a:solidFill>
              <a:ln w="9525" cap="flat">
                <a:noFill/>
                <a:prstDash val="solid"/>
                <a:miter/>
              </a:ln>
            </p:spPr>
            <p:txBody>
              <a:bodyPr rtlCol="0" anchor="ctr"/>
              <a:lstStyle/>
              <a:p>
                <a:endParaRPr lang="en-US"/>
              </a:p>
            </p:txBody>
          </p:sp>
          <p:sp>
            <p:nvSpPr>
              <p:cNvPr id="233" name="Freeform: Shape 232">
                <a:extLst>
                  <a:ext uri="{FF2B5EF4-FFF2-40B4-BE49-F238E27FC236}">
                    <a16:creationId xmlns:a16="http://schemas.microsoft.com/office/drawing/2014/main" id="{967E0080-AE39-0783-1149-AEDAF2510474}"/>
                  </a:ext>
                </a:extLst>
              </p:cNvPr>
              <p:cNvSpPr/>
              <p:nvPr/>
            </p:nvSpPr>
            <p:spPr>
              <a:xfrm>
                <a:off x="3982163" y="499662"/>
                <a:ext cx="146129" cy="105366"/>
              </a:xfrm>
              <a:custGeom>
                <a:avLst/>
                <a:gdLst>
                  <a:gd name="connsiteX0" fmla="*/ 0 w 146129"/>
                  <a:gd name="connsiteY0" fmla="*/ 0 h 105366"/>
                  <a:gd name="connsiteX1" fmla="*/ 65571 w 146129"/>
                  <a:gd name="connsiteY1" fmla="*/ 105366 h 105366"/>
                  <a:gd name="connsiteX2" fmla="*/ 146129 w 146129"/>
                  <a:gd name="connsiteY2" fmla="*/ 58643 h 105366"/>
                  <a:gd name="connsiteX3" fmla="*/ 0 w 146129"/>
                  <a:gd name="connsiteY3" fmla="*/ 0 h 105366"/>
                </a:gdLst>
                <a:ahLst/>
                <a:cxnLst>
                  <a:cxn ang="0">
                    <a:pos x="connsiteX0" y="connsiteY0"/>
                  </a:cxn>
                  <a:cxn ang="0">
                    <a:pos x="connsiteX1" y="connsiteY1"/>
                  </a:cxn>
                  <a:cxn ang="0">
                    <a:pos x="connsiteX2" y="connsiteY2"/>
                  </a:cxn>
                  <a:cxn ang="0">
                    <a:pos x="connsiteX3" y="connsiteY3"/>
                  </a:cxn>
                </a:cxnLst>
                <a:rect l="l" t="t" r="r" b="b"/>
                <a:pathLst>
                  <a:path w="146129" h="105366">
                    <a:moveTo>
                      <a:pt x="0" y="0"/>
                    </a:moveTo>
                    <a:cubicBezTo>
                      <a:pt x="0" y="0"/>
                      <a:pt x="14988" y="50538"/>
                      <a:pt x="65571" y="105366"/>
                    </a:cubicBezTo>
                    <a:cubicBezTo>
                      <a:pt x="87584" y="88203"/>
                      <a:pt x="114280" y="71993"/>
                      <a:pt x="146129" y="58643"/>
                    </a:cubicBezTo>
                    <a:lnTo>
                      <a:pt x="0" y="0"/>
                    </a:lnTo>
                    <a:close/>
                  </a:path>
                </a:pathLst>
              </a:custGeom>
              <a:solidFill>
                <a:srgbClr val="A7A8AB"/>
              </a:solidFill>
              <a:ln w="9525" cap="flat">
                <a:noFill/>
                <a:prstDash val="solid"/>
                <a:miter/>
              </a:ln>
            </p:spPr>
            <p:txBody>
              <a:bodyPr rtlCol="0" anchor="ctr"/>
              <a:lstStyle/>
              <a:p>
                <a:endParaRPr lang="en-US"/>
              </a:p>
            </p:txBody>
          </p:sp>
          <p:sp>
            <p:nvSpPr>
              <p:cNvPr id="234" name="Freeform: Shape 233">
                <a:extLst>
                  <a:ext uri="{FF2B5EF4-FFF2-40B4-BE49-F238E27FC236}">
                    <a16:creationId xmlns:a16="http://schemas.microsoft.com/office/drawing/2014/main" id="{AB9AD8A0-FAAC-8289-5D84-C67448E45D4F}"/>
                  </a:ext>
                </a:extLst>
              </p:cNvPr>
              <p:cNvSpPr/>
              <p:nvPr/>
            </p:nvSpPr>
            <p:spPr>
              <a:xfrm>
                <a:off x="3982163" y="633159"/>
                <a:ext cx="146129" cy="105366"/>
              </a:xfrm>
              <a:custGeom>
                <a:avLst/>
                <a:gdLst>
                  <a:gd name="connsiteX0" fmla="*/ 0 w 146129"/>
                  <a:gd name="connsiteY0" fmla="*/ 105367 h 105366"/>
                  <a:gd name="connsiteX1" fmla="*/ 65571 w 146129"/>
                  <a:gd name="connsiteY1" fmla="*/ 0 h 105366"/>
                  <a:gd name="connsiteX2" fmla="*/ 146129 w 146129"/>
                  <a:gd name="connsiteY2" fmla="*/ 46723 h 105366"/>
                  <a:gd name="connsiteX3" fmla="*/ 0 w 146129"/>
                  <a:gd name="connsiteY3" fmla="*/ 105367 h 105366"/>
                </a:gdLst>
                <a:ahLst/>
                <a:cxnLst>
                  <a:cxn ang="0">
                    <a:pos x="connsiteX0" y="connsiteY0"/>
                  </a:cxn>
                  <a:cxn ang="0">
                    <a:pos x="connsiteX1" y="connsiteY1"/>
                  </a:cxn>
                  <a:cxn ang="0">
                    <a:pos x="connsiteX2" y="connsiteY2"/>
                  </a:cxn>
                  <a:cxn ang="0">
                    <a:pos x="connsiteX3" y="connsiteY3"/>
                  </a:cxn>
                </a:cxnLst>
                <a:rect l="l" t="t" r="r" b="b"/>
                <a:pathLst>
                  <a:path w="146129" h="105366">
                    <a:moveTo>
                      <a:pt x="0" y="105367"/>
                    </a:moveTo>
                    <a:cubicBezTo>
                      <a:pt x="0" y="105367"/>
                      <a:pt x="14988" y="54829"/>
                      <a:pt x="65571" y="0"/>
                    </a:cubicBezTo>
                    <a:cubicBezTo>
                      <a:pt x="87584" y="17163"/>
                      <a:pt x="114280" y="33374"/>
                      <a:pt x="146129" y="46723"/>
                    </a:cubicBezTo>
                    <a:lnTo>
                      <a:pt x="0" y="105367"/>
                    </a:lnTo>
                    <a:close/>
                  </a:path>
                </a:pathLst>
              </a:custGeom>
              <a:solidFill>
                <a:srgbClr val="A59875"/>
              </a:solidFill>
              <a:ln w="9525" cap="flat">
                <a:noFill/>
                <a:prstDash val="solid"/>
                <a:miter/>
              </a:ln>
            </p:spPr>
            <p:txBody>
              <a:bodyPr rtlCol="0" anchor="ctr"/>
              <a:lstStyle/>
              <a:p>
                <a:endParaRPr lang="en-US"/>
              </a:p>
            </p:txBody>
          </p:sp>
        </p:grpSp>
      </p:grpSp>
      <p:grpSp>
        <p:nvGrpSpPr>
          <p:cNvPr id="237" name="Group 236">
            <a:extLst>
              <a:ext uri="{FF2B5EF4-FFF2-40B4-BE49-F238E27FC236}">
                <a16:creationId xmlns:a16="http://schemas.microsoft.com/office/drawing/2014/main" id="{619967F2-B797-C14E-1FAB-FC148CCB25CD}"/>
              </a:ext>
            </a:extLst>
          </p:cNvPr>
          <p:cNvGrpSpPr/>
          <p:nvPr/>
        </p:nvGrpSpPr>
        <p:grpSpPr>
          <a:xfrm>
            <a:off x="4703487" y="4327451"/>
            <a:ext cx="919327" cy="156264"/>
            <a:chOff x="4345254" y="4298242"/>
            <a:chExt cx="1121078" cy="190557"/>
          </a:xfrm>
        </p:grpSpPr>
        <p:sp>
          <p:nvSpPr>
            <p:cNvPr id="238" name="Freeform: Shape 237">
              <a:extLst>
                <a:ext uri="{FF2B5EF4-FFF2-40B4-BE49-F238E27FC236}">
                  <a16:creationId xmlns:a16="http://schemas.microsoft.com/office/drawing/2014/main" id="{7679D812-3864-58E3-CA8D-DD3FED711C12}"/>
                </a:ext>
              </a:extLst>
            </p:cNvPr>
            <p:cNvSpPr/>
            <p:nvPr/>
          </p:nvSpPr>
          <p:spPr>
            <a:xfrm>
              <a:off x="5406928" y="4434797"/>
              <a:ext cx="59404" cy="54002"/>
            </a:xfrm>
            <a:custGeom>
              <a:avLst/>
              <a:gdLst>
                <a:gd name="connsiteX0" fmla="*/ 0 w 49094"/>
                <a:gd name="connsiteY0" fmla="*/ 24514 h 49093"/>
                <a:gd name="connsiteX1" fmla="*/ 24580 w 49094"/>
                <a:gd name="connsiteY1" fmla="*/ 0 h 49093"/>
                <a:gd name="connsiteX2" fmla="*/ 49094 w 49094"/>
                <a:gd name="connsiteY2" fmla="*/ 24580 h 49093"/>
                <a:gd name="connsiteX3" fmla="*/ 24710 w 49094"/>
                <a:gd name="connsiteY3" fmla="*/ 49094 h 49093"/>
                <a:gd name="connsiteX4" fmla="*/ 163 w 49094"/>
                <a:gd name="connsiteY4" fmla="*/ 24514 h 4909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9094" h="49093">
                  <a:moveTo>
                    <a:pt x="0" y="24514"/>
                  </a:moveTo>
                  <a:cubicBezTo>
                    <a:pt x="20" y="10957"/>
                    <a:pt x="11022" y="-18"/>
                    <a:pt x="24580" y="0"/>
                  </a:cubicBezTo>
                  <a:cubicBezTo>
                    <a:pt x="38138" y="18"/>
                    <a:pt x="49114" y="11023"/>
                    <a:pt x="49094" y="24580"/>
                  </a:cubicBezTo>
                  <a:cubicBezTo>
                    <a:pt x="49074" y="38060"/>
                    <a:pt x="38190" y="49004"/>
                    <a:pt x="24710" y="49094"/>
                  </a:cubicBezTo>
                  <a:cubicBezTo>
                    <a:pt x="11149" y="49076"/>
                    <a:pt x="163" y="38076"/>
                    <a:pt x="163" y="24514"/>
                  </a:cubicBezTo>
                </a:path>
              </a:pathLst>
            </a:custGeom>
            <a:solidFill>
              <a:srgbClr val="86BC25"/>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39" name="Freeform: Shape 238">
              <a:extLst>
                <a:ext uri="{FF2B5EF4-FFF2-40B4-BE49-F238E27FC236}">
                  <a16:creationId xmlns:a16="http://schemas.microsoft.com/office/drawing/2014/main" id="{DC68C501-62C1-97EE-BBF4-34D27FDB663D}"/>
                </a:ext>
              </a:extLst>
            </p:cNvPr>
            <p:cNvSpPr/>
            <p:nvPr/>
          </p:nvSpPr>
          <p:spPr>
            <a:xfrm>
              <a:off x="4345254" y="4299033"/>
              <a:ext cx="170301" cy="186496"/>
            </a:xfrm>
            <a:custGeom>
              <a:avLst/>
              <a:gdLst>
                <a:gd name="connsiteX0" fmla="*/ 140745 w 140745"/>
                <a:gd name="connsiteY0" fmla="*/ 81290 h 169541"/>
                <a:gd name="connsiteX1" fmla="*/ 117865 w 140745"/>
                <a:gd name="connsiteY1" fmla="*/ 146661 h 169541"/>
                <a:gd name="connsiteX2" fmla="*/ 53605 w 140745"/>
                <a:gd name="connsiteY2" fmla="*/ 169542 h 169541"/>
                <a:gd name="connsiteX3" fmla="*/ 0 w 140745"/>
                <a:gd name="connsiteY3" fmla="*/ 169542 h 169541"/>
                <a:gd name="connsiteX4" fmla="*/ 0 w 140745"/>
                <a:gd name="connsiteY4" fmla="*/ 0 h 169541"/>
                <a:gd name="connsiteX5" fmla="*/ 57396 w 140745"/>
                <a:gd name="connsiteY5" fmla="*/ 0 h 169541"/>
                <a:gd name="connsiteX6" fmla="*/ 119042 w 140745"/>
                <a:gd name="connsiteY6" fmla="*/ 20886 h 169541"/>
                <a:gd name="connsiteX7" fmla="*/ 140745 w 140745"/>
                <a:gd name="connsiteY7" fmla="*/ 81290 h 169541"/>
                <a:gd name="connsiteX8" fmla="*/ 94266 w 140745"/>
                <a:gd name="connsiteY8" fmla="*/ 82924 h 169541"/>
                <a:gd name="connsiteX9" fmla="*/ 85245 w 140745"/>
                <a:gd name="connsiteY9" fmla="*/ 48310 h 169541"/>
                <a:gd name="connsiteX10" fmla="*/ 57854 w 140745"/>
                <a:gd name="connsiteY10" fmla="*/ 37033 h 169541"/>
                <a:gd name="connsiteX11" fmla="*/ 44780 w 140745"/>
                <a:gd name="connsiteY11" fmla="*/ 37033 h 169541"/>
                <a:gd name="connsiteX12" fmla="*/ 44780 w 140745"/>
                <a:gd name="connsiteY12" fmla="*/ 132149 h 169541"/>
                <a:gd name="connsiteX13" fmla="*/ 54749 w 140745"/>
                <a:gd name="connsiteY13" fmla="*/ 132149 h 169541"/>
                <a:gd name="connsiteX14" fmla="*/ 84689 w 140745"/>
                <a:gd name="connsiteY14" fmla="*/ 120022 h 169541"/>
                <a:gd name="connsiteX15" fmla="*/ 94233 w 140745"/>
                <a:gd name="connsiteY15" fmla="*/ 82924 h 1695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140745" h="169541">
                  <a:moveTo>
                    <a:pt x="140745" y="81290"/>
                  </a:moveTo>
                  <a:cubicBezTo>
                    <a:pt x="140745" y="109618"/>
                    <a:pt x="133118" y="131408"/>
                    <a:pt x="117865" y="146661"/>
                  </a:cubicBezTo>
                  <a:cubicBezTo>
                    <a:pt x="102611" y="161915"/>
                    <a:pt x="81192" y="169542"/>
                    <a:pt x="53605" y="169542"/>
                  </a:cubicBezTo>
                  <a:lnTo>
                    <a:pt x="0" y="169542"/>
                  </a:lnTo>
                  <a:lnTo>
                    <a:pt x="0" y="0"/>
                  </a:lnTo>
                  <a:lnTo>
                    <a:pt x="57396" y="0"/>
                  </a:lnTo>
                  <a:cubicBezTo>
                    <a:pt x="84002" y="0"/>
                    <a:pt x="104551" y="6962"/>
                    <a:pt x="119042" y="20886"/>
                  </a:cubicBezTo>
                  <a:cubicBezTo>
                    <a:pt x="133532" y="34810"/>
                    <a:pt x="140767" y="54945"/>
                    <a:pt x="140745" y="81290"/>
                  </a:cubicBezTo>
                  <a:moveTo>
                    <a:pt x="94266" y="82924"/>
                  </a:moveTo>
                  <a:cubicBezTo>
                    <a:pt x="94266" y="67366"/>
                    <a:pt x="91259" y="55827"/>
                    <a:pt x="85245" y="48310"/>
                  </a:cubicBezTo>
                  <a:cubicBezTo>
                    <a:pt x="79230" y="40792"/>
                    <a:pt x="70100" y="37033"/>
                    <a:pt x="57854" y="37033"/>
                  </a:cubicBezTo>
                  <a:lnTo>
                    <a:pt x="44780" y="37033"/>
                  </a:lnTo>
                  <a:lnTo>
                    <a:pt x="44780" y="132149"/>
                  </a:lnTo>
                  <a:lnTo>
                    <a:pt x="54749" y="132149"/>
                  </a:lnTo>
                  <a:cubicBezTo>
                    <a:pt x="68346" y="132149"/>
                    <a:pt x="78326" y="128107"/>
                    <a:pt x="84689" y="120022"/>
                  </a:cubicBezTo>
                  <a:cubicBezTo>
                    <a:pt x="91052" y="111938"/>
                    <a:pt x="94233" y="99572"/>
                    <a:pt x="94233" y="82924"/>
                  </a:cubicBezTo>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40" name="Freeform: Shape 239">
              <a:extLst>
                <a:ext uri="{FF2B5EF4-FFF2-40B4-BE49-F238E27FC236}">
                  <a16:creationId xmlns:a16="http://schemas.microsoft.com/office/drawing/2014/main" id="{AA3F713C-5092-4B68-0EF9-7179B605B82E}"/>
                </a:ext>
              </a:extLst>
            </p:cNvPr>
            <p:cNvSpPr/>
            <p:nvPr/>
          </p:nvSpPr>
          <p:spPr>
            <a:xfrm>
              <a:off x="4695348" y="4298242"/>
              <a:ext cx="51651" cy="187575"/>
            </a:xfrm>
            <a:custGeom>
              <a:avLst/>
              <a:gdLst>
                <a:gd name="connsiteX0" fmla="*/ 0 w 42687"/>
                <a:gd name="connsiteY0" fmla="*/ 0 h 170522"/>
                <a:gd name="connsiteX1" fmla="*/ 42688 w 42687"/>
                <a:gd name="connsiteY1" fmla="*/ 0 h 170522"/>
                <a:gd name="connsiteX2" fmla="*/ 42688 w 42687"/>
                <a:gd name="connsiteY2" fmla="*/ 170522 h 170522"/>
                <a:gd name="connsiteX3" fmla="*/ 0 w 42687"/>
                <a:gd name="connsiteY3" fmla="*/ 170522 h 170522"/>
              </a:gdLst>
              <a:ahLst/>
              <a:cxnLst>
                <a:cxn ang="0">
                  <a:pos x="connsiteX0" y="connsiteY0"/>
                </a:cxn>
                <a:cxn ang="0">
                  <a:pos x="connsiteX1" y="connsiteY1"/>
                </a:cxn>
                <a:cxn ang="0">
                  <a:pos x="connsiteX2" y="connsiteY2"/>
                </a:cxn>
                <a:cxn ang="0">
                  <a:pos x="connsiteX3" y="connsiteY3"/>
                </a:cxn>
              </a:cxnLst>
              <a:rect l="l" t="t" r="r" b="b"/>
              <a:pathLst>
                <a:path w="42687" h="170522">
                  <a:moveTo>
                    <a:pt x="0" y="0"/>
                  </a:moveTo>
                  <a:lnTo>
                    <a:pt x="42688" y="0"/>
                  </a:lnTo>
                  <a:lnTo>
                    <a:pt x="42688" y="170522"/>
                  </a:lnTo>
                  <a:lnTo>
                    <a:pt x="0" y="170522"/>
                  </a:ln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41" name="Freeform: Shape 240">
              <a:extLst>
                <a:ext uri="{FF2B5EF4-FFF2-40B4-BE49-F238E27FC236}">
                  <a16:creationId xmlns:a16="http://schemas.microsoft.com/office/drawing/2014/main" id="{E575AC71-4ACE-A152-153B-05E92363B2C8}"/>
                </a:ext>
              </a:extLst>
            </p:cNvPr>
            <p:cNvSpPr/>
            <p:nvPr/>
          </p:nvSpPr>
          <p:spPr>
            <a:xfrm>
              <a:off x="4766973" y="4343998"/>
              <a:ext cx="149538" cy="144263"/>
            </a:xfrm>
            <a:custGeom>
              <a:avLst/>
              <a:gdLst>
                <a:gd name="connsiteX0" fmla="*/ 123585 w 123585"/>
                <a:gd name="connsiteY0" fmla="*/ 65319 h 131148"/>
                <a:gd name="connsiteX1" fmla="*/ 107242 w 123585"/>
                <a:gd name="connsiteY1" fmla="*/ 113759 h 131148"/>
                <a:gd name="connsiteX2" fmla="*/ 61482 w 123585"/>
                <a:gd name="connsiteY2" fmla="*/ 131148 h 131148"/>
                <a:gd name="connsiteX3" fmla="*/ 16670 w 123585"/>
                <a:gd name="connsiteY3" fmla="*/ 113367 h 131148"/>
                <a:gd name="connsiteX4" fmla="*/ 0 w 123585"/>
                <a:gd name="connsiteY4" fmla="*/ 65319 h 131148"/>
                <a:gd name="connsiteX5" fmla="*/ 16343 w 123585"/>
                <a:gd name="connsiteY5" fmla="*/ 17173 h 131148"/>
                <a:gd name="connsiteX6" fmla="*/ 62103 w 123585"/>
                <a:gd name="connsiteY6" fmla="*/ 13 h 131148"/>
                <a:gd name="connsiteX7" fmla="*/ 94299 w 123585"/>
                <a:gd name="connsiteY7" fmla="*/ 7955 h 131148"/>
                <a:gd name="connsiteX8" fmla="*/ 115871 w 123585"/>
                <a:gd name="connsiteY8" fmla="*/ 30835 h 131148"/>
                <a:gd name="connsiteX9" fmla="*/ 123454 w 123585"/>
                <a:gd name="connsiteY9" fmla="*/ 65450 h 131148"/>
                <a:gd name="connsiteX10" fmla="*/ 43309 w 123585"/>
                <a:gd name="connsiteY10" fmla="*/ 65450 h 131148"/>
                <a:gd name="connsiteX11" fmla="*/ 47591 w 123585"/>
                <a:gd name="connsiteY11" fmla="*/ 90324 h 131148"/>
                <a:gd name="connsiteX12" fmla="*/ 61874 w 123585"/>
                <a:gd name="connsiteY12" fmla="*/ 98855 h 131148"/>
                <a:gd name="connsiteX13" fmla="*/ 75896 w 123585"/>
                <a:gd name="connsiteY13" fmla="*/ 90324 h 131148"/>
                <a:gd name="connsiteX14" fmla="*/ 79982 w 123585"/>
                <a:gd name="connsiteY14" fmla="*/ 65450 h 131148"/>
                <a:gd name="connsiteX15" fmla="*/ 75864 w 123585"/>
                <a:gd name="connsiteY15" fmla="*/ 40968 h 131148"/>
                <a:gd name="connsiteX16" fmla="*/ 53526 w 123585"/>
                <a:gd name="connsiteY16" fmla="*/ 35032 h 131148"/>
                <a:gd name="connsiteX17" fmla="*/ 47591 w 123585"/>
                <a:gd name="connsiteY17" fmla="*/ 40968 h 131148"/>
                <a:gd name="connsiteX18" fmla="*/ 43309 w 123585"/>
                <a:gd name="connsiteY18" fmla="*/ 65515 h 13114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123585" h="131148">
                  <a:moveTo>
                    <a:pt x="123585" y="65319"/>
                  </a:moveTo>
                  <a:cubicBezTo>
                    <a:pt x="123585" y="86042"/>
                    <a:pt x="118136" y="102189"/>
                    <a:pt x="107242" y="113759"/>
                  </a:cubicBezTo>
                  <a:cubicBezTo>
                    <a:pt x="96348" y="125330"/>
                    <a:pt x="81093" y="131126"/>
                    <a:pt x="61482" y="131148"/>
                  </a:cubicBezTo>
                  <a:cubicBezTo>
                    <a:pt x="42697" y="131148"/>
                    <a:pt x="27760" y="125221"/>
                    <a:pt x="16670" y="113367"/>
                  </a:cubicBezTo>
                  <a:cubicBezTo>
                    <a:pt x="5579" y="101513"/>
                    <a:pt x="23" y="85497"/>
                    <a:pt x="0" y="65319"/>
                  </a:cubicBezTo>
                  <a:cubicBezTo>
                    <a:pt x="0" y="44662"/>
                    <a:pt x="5449" y="28613"/>
                    <a:pt x="16343" y="17173"/>
                  </a:cubicBezTo>
                  <a:cubicBezTo>
                    <a:pt x="27237" y="5733"/>
                    <a:pt x="42492" y="13"/>
                    <a:pt x="62103" y="13"/>
                  </a:cubicBezTo>
                  <a:cubicBezTo>
                    <a:pt x="73347" y="-211"/>
                    <a:pt x="84450" y="2528"/>
                    <a:pt x="94299" y="7955"/>
                  </a:cubicBezTo>
                  <a:cubicBezTo>
                    <a:pt x="103611" y="13260"/>
                    <a:pt x="111122" y="21228"/>
                    <a:pt x="115871" y="30835"/>
                  </a:cubicBezTo>
                  <a:cubicBezTo>
                    <a:pt x="121121" y="41604"/>
                    <a:pt x="123722" y="53472"/>
                    <a:pt x="123454" y="65450"/>
                  </a:cubicBezTo>
                  <a:moveTo>
                    <a:pt x="43309" y="65450"/>
                  </a:moveTo>
                  <a:cubicBezTo>
                    <a:pt x="42871" y="73956"/>
                    <a:pt x="44335" y="82453"/>
                    <a:pt x="47591" y="90324"/>
                  </a:cubicBezTo>
                  <a:cubicBezTo>
                    <a:pt x="50130" y="95846"/>
                    <a:pt x="55808" y="99236"/>
                    <a:pt x="61874" y="98855"/>
                  </a:cubicBezTo>
                  <a:cubicBezTo>
                    <a:pt x="67875" y="99239"/>
                    <a:pt x="73478" y="95830"/>
                    <a:pt x="75896" y="90324"/>
                  </a:cubicBezTo>
                  <a:cubicBezTo>
                    <a:pt x="79028" y="82421"/>
                    <a:pt x="80420" y="73938"/>
                    <a:pt x="79982" y="65450"/>
                  </a:cubicBezTo>
                  <a:cubicBezTo>
                    <a:pt x="80430" y="57085"/>
                    <a:pt x="79024" y="48725"/>
                    <a:pt x="75864" y="40968"/>
                  </a:cubicBezTo>
                  <a:cubicBezTo>
                    <a:pt x="71333" y="33161"/>
                    <a:pt x="61335" y="30503"/>
                    <a:pt x="53526" y="35032"/>
                  </a:cubicBezTo>
                  <a:cubicBezTo>
                    <a:pt x="51065" y="36460"/>
                    <a:pt x="49019" y="38506"/>
                    <a:pt x="47591" y="40968"/>
                  </a:cubicBezTo>
                  <a:cubicBezTo>
                    <a:pt x="44737" y="46459"/>
                    <a:pt x="43309" y="54642"/>
                    <a:pt x="43309" y="65515"/>
                  </a:cubicBezTo>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42" name="Freeform: Shape 241">
              <a:extLst>
                <a:ext uri="{FF2B5EF4-FFF2-40B4-BE49-F238E27FC236}">
                  <a16:creationId xmlns:a16="http://schemas.microsoft.com/office/drawing/2014/main" id="{7A8689E8-1B12-A898-706A-F0F254D448AD}"/>
                </a:ext>
              </a:extLst>
            </p:cNvPr>
            <p:cNvSpPr/>
            <p:nvPr/>
          </p:nvSpPr>
          <p:spPr>
            <a:xfrm>
              <a:off x="4936997" y="4346493"/>
              <a:ext cx="51651" cy="139323"/>
            </a:xfrm>
            <a:custGeom>
              <a:avLst/>
              <a:gdLst>
                <a:gd name="connsiteX0" fmla="*/ 0 w 42687"/>
                <a:gd name="connsiteY0" fmla="*/ 0 h 126657"/>
                <a:gd name="connsiteX1" fmla="*/ 42688 w 42687"/>
                <a:gd name="connsiteY1" fmla="*/ 0 h 126657"/>
                <a:gd name="connsiteX2" fmla="*/ 42688 w 42687"/>
                <a:gd name="connsiteY2" fmla="*/ 126658 h 126657"/>
                <a:gd name="connsiteX3" fmla="*/ 0 w 42687"/>
                <a:gd name="connsiteY3" fmla="*/ 126658 h 126657"/>
              </a:gdLst>
              <a:ahLst/>
              <a:cxnLst>
                <a:cxn ang="0">
                  <a:pos x="connsiteX0" y="connsiteY0"/>
                </a:cxn>
                <a:cxn ang="0">
                  <a:pos x="connsiteX1" y="connsiteY1"/>
                </a:cxn>
                <a:cxn ang="0">
                  <a:pos x="connsiteX2" y="connsiteY2"/>
                </a:cxn>
                <a:cxn ang="0">
                  <a:pos x="connsiteX3" y="connsiteY3"/>
                </a:cxn>
              </a:cxnLst>
              <a:rect l="l" t="t" r="r" b="b"/>
              <a:pathLst>
                <a:path w="42687" h="126657">
                  <a:moveTo>
                    <a:pt x="0" y="0"/>
                  </a:moveTo>
                  <a:lnTo>
                    <a:pt x="42688" y="0"/>
                  </a:lnTo>
                  <a:lnTo>
                    <a:pt x="42688" y="126658"/>
                  </a:lnTo>
                  <a:lnTo>
                    <a:pt x="0" y="126658"/>
                  </a:ln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43" name="Freeform: Shape 242">
              <a:extLst>
                <a:ext uri="{FF2B5EF4-FFF2-40B4-BE49-F238E27FC236}">
                  <a16:creationId xmlns:a16="http://schemas.microsoft.com/office/drawing/2014/main" id="{BDEEFE70-C70F-B3EA-9FC0-2A62A8F811B2}"/>
                </a:ext>
              </a:extLst>
            </p:cNvPr>
            <p:cNvSpPr/>
            <p:nvPr/>
          </p:nvSpPr>
          <p:spPr>
            <a:xfrm>
              <a:off x="4936997" y="4298242"/>
              <a:ext cx="51651" cy="31387"/>
            </a:xfrm>
            <a:custGeom>
              <a:avLst/>
              <a:gdLst>
                <a:gd name="connsiteX0" fmla="*/ 0 w 42687"/>
                <a:gd name="connsiteY0" fmla="*/ 0 h 28534"/>
                <a:gd name="connsiteX1" fmla="*/ 42688 w 42687"/>
                <a:gd name="connsiteY1" fmla="*/ 0 h 28534"/>
                <a:gd name="connsiteX2" fmla="*/ 42688 w 42687"/>
                <a:gd name="connsiteY2" fmla="*/ 28535 h 28534"/>
                <a:gd name="connsiteX3" fmla="*/ 0 w 42687"/>
                <a:gd name="connsiteY3" fmla="*/ 28535 h 28534"/>
              </a:gdLst>
              <a:ahLst/>
              <a:cxnLst>
                <a:cxn ang="0">
                  <a:pos x="connsiteX0" y="connsiteY0"/>
                </a:cxn>
                <a:cxn ang="0">
                  <a:pos x="connsiteX1" y="connsiteY1"/>
                </a:cxn>
                <a:cxn ang="0">
                  <a:pos x="connsiteX2" y="connsiteY2"/>
                </a:cxn>
                <a:cxn ang="0">
                  <a:pos x="connsiteX3" y="connsiteY3"/>
                </a:cxn>
              </a:cxnLst>
              <a:rect l="l" t="t" r="r" b="b"/>
              <a:pathLst>
                <a:path w="42687" h="28534">
                  <a:moveTo>
                    <a:pt x="0" y="0"/>
                  </a:moveTo>
                  <a:lnTo>
                    <a:pt x="42688" y="0"/>
                  </a:lnTo>
                  <a:lnTo>
                    <a:pt x="42688" y="28535"/>
                  </a:lnTo>
                  <a:lnTo>
                    <a:pt x="0" y="28535"/>
                  </a:ln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44" name="Freeform: Shape 243">
              <a:extLst>
                <a:ext uri="{FF2B5EF4-FFF2-40B4-BE49-F238E27FC236}">
                  <a16:creationId xmlns:a16="http://schemas.microsoft.com/office/drawing/2014/main" id="{2CDC0D2D-9116-D86E-E8E4-A1F3F40D5A88}"/>
                </a:ext>
              </a:extLst>
            </p:cNvPr>
            <p:cNvSpPr/>
            <p:nvPr/>
          </p:nvSpPr>
          <p:spPr>
            <a:xfrm>
              <a:off x="5009295" y="4302700"/>
              <a:ext cx="108999" cy="185572"/>
            </a:xfrm>
            <a:custGeom>
              <a:avLst/>
              <a:gdLst>
                <a:gd name="connsiteX0" fmla="*/ 69425 w 90082"/>
                <a:gd name="connsiteY0" fmla="*/ 134143 h 168701"/>
                <a:gd name="connsiteX1" fmla="*/ 90082 w 90082"/>
                <a:gd name="connsiteY1" fmla="*/ 129959 h 168701"/>
                <a:gd name="connsiteX2" fmla="*/ 90082 w 90082"/>
                <a:gd name="connsiteY2" fmla="*/ 161664 h 168701"/>
                <a:gd name="connsiteX3" fmla="*/ 73739 w 90082"/>
                <a:gd name="connsiteY3" fmla="*/ 167057 h 168701"/>
                <a:gd name="connsiteX4" fmla="*/ 55435 w 90082"/>
                <a:gd name="connsiteY4" fmla="*/ 168692 h 168701"/>
                <a:gd name="connsiteX5" fmla="*/ 24449 w 90082"/>
                <a:gd name="connsiteY5" fmla="*/ 157905 h 168701"/>
                <a:gd name="connsiteX6" fmla="*/ 14970 w 90082"/>
                <a:gd name="connsiteY6" fmla="*/ 124762 h 168701"/>
                <a:gd name="connsiteX7" fmla="*/ 14970 w 90082"/>
                <a:gd name="connsiteY7" fmla="*/ 72465 h 168701"/>
                <a:gd name="connsiteX8" fmla="*/ 0 w 90082"/>
                <a:gd name="connsiteY8" fmla="*/ 72465 h 168701"/>
                <a:gd name="connsiteX9" fmla="*/ 0 w 90082"/>
                <a:gd name="connsiteY9" fmla="*/ 39779 h 168701"/>
                <a:gd name="connsiteX10" fmla="*/ 14970 w 90082"/>
                <a:gd name="connsiteY10" fmla="*/ 39779 h 168701"/>
                <a:gd name="connsiteX11" fmla="*/ 14970 w 90082"/>
                <a:gd name="connsiteY11" fmla="*/ 7485 h 168701"/>
                <a:gd name="connsiteX12" fmla="*/ 57854 w 90082"/>
                <a:gd name="connsiteY12" fmla="*/ 0 h 168701"/>
                <a:gd name="connsiteX13" fmla="*/ 57854 w 90082"/>
                <a:gd name="connsiteY13" fmla="*/ 39811 h 168701"/>
                <a:gd name="connsiteX14" fmla="*/ 85114 w 90082"/>
                <a:gd name="connsiteY14" fmla="*/ 39811 h 168701"/>
                <a:gd name="connsiteX15" fmla="*/ 85114 w 90082"/>
                <a:gd name="connsiteY15" fmla="*/ 72497 h 168701"/>
                <a:gd name="connsiteX16" fmla="*/ 57854 w 90082"/>
                <a:gd name="connsiteY16" fmla="*/ 72497 h 168701"/>
                <a:gd name="connsiteX17" fmla="*/ 57854 w 90082"/>
                <a:gd name="connsiteY17" fmla="*/ 121853 h 168701"/>
                <a:gd name="connsiteX18" fmla="*/ 69425 w 90082"/>
                <a:gd name="connsiteY18" fmla="*/ 134143 h 1687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90082" h="168701">
                  <a:moveTo>
                    <a:pt x="69425" y="134143"/>
                  </a:moveTo>
                  <a:cubicBezTo>
                    <a:pt x="76498" y="133935"/>
                    <a:pt x="83486" y="132520"/>
                    <a:pt x="90082" y="129959"/>
                  </a:cubicBezTo>
                  <a:lnTo>
                    <a:pt x="90082" y="161664"/>
                  </a:lnTo>
                  <a:cubicBezTo>
                    <a:pt x="84839" y="164028"/>
                    <a:pt x="79361" y="165836"/>
                    <a:pt x="73739" y="167057"/>
                  </a:cubicBezTo>
                  <a:cubicBezTo>
                    <a:pt x="67712" y="168235"/>
                    <a:pt x="61577" y="168782"/>
                    <a:pt x="55435" y="168692"/>
                  </a:cubicBezTo>
                  <a:cubicBezTo>
                    <a:pt x="41119" y="168692"/>
                    <a:pt x="30790" y="165096"/>
                    <a:pt x="24449" y="157905"/>
                  </a:cubicBezTo>
                  <a:cubicBezTo>
                    <a:pt x="18108" y="150714"/>
                    <a:pt x="14947" y="139667"/>
                    <a:pt x="14970" y="124762"/>
                  </a:cubicBezTo>
                  <a:lnTo>
                    <a:pt x="14970" y="72465"/>
                  </a:lnTo>
                  <a:lnTo>
                    <a:pt x="0" y="72465"/>
                  </a:lnTo>
                  <a:lnTo>
                    <a:pt x="0" y="39779"/>
                  </a:lnTo>
                  <a:lnTo>
                    <a:pt x="14970" y="39779"/>
                  </a:lnTo>
                  <a:lnTo>
                    <a:pt x="14970" y="7485"/>
                  </a:lnTo>
                  <a:lnTo>
                    <a:pt x="57854" y="0"/>
                  </a:lnTo>
                  <a:lnTo>
                    <a:pt x="57854" y="39811"/>
                  </a:lnTo>
                  <a:lnTo>
                    <a:pt x="85114" y="39811"/>
                  </a:lnTo>
                  <a:lnTo>
                    <a:pt x="85114" y="72497"/>
                  </a:lnTo>
                  <a:lnTo>
                    <a:pt x="57854" y="72497"/>
                  </a:lnTo>
                  <a:lnTo>
                    <a:pt x="57854" y="121853"/>
                  </a:lnTo>
                  <a:cubicBezTo>
                    <a:pt x="57854" y="130057"/>
                    <a:pt x="61743" y="134143"/>
                    <a:pt x="69425" y="134143"/>
                  </a:cubicBezTo>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45" name="Freeform: Shape 244">
              <a:extLst>
                <a:ext uri="{FF2B5EF4-FFF2-40B4-BE49-F238E27FC236}">
                  <a16:creationId xmlns:a16="http://schemas.microsoft.com/office/drawing/2014/main" id="{11033775-D5C5-F996-F8D4-18C39D8F9801}"/>
                </a:ext>
              </a:extLst>
            </p:cNvPr>
            <p:cNvSpPr/>
            <p:nvPr/>
          </p:nvSpPr>
          <p:spPr>
            <a:xfrm>
              <a:off x="5128735" y="4302808"/>
              <a:ext cx="109078" cy="185463"/>
            </a:xfrm>
            <a:custGeom>
              <a:avLst/>
              <a:gdLst>
                <a:gd name="connsiteX0" fmla="*/ 69523 w 90147"/>
                <a:gd name="connsiteY0" fmla="*/ 134045 h 168602"/>
                <a:gd name="connsiteX1" fmla="*/ 90147 w 90147"/>
                <a:gd name="connsiteY1" fmla="*/ 129861 h 168602"/>
                <a:gd name="connsiteX2" fmla="*/ 90147 w 90147"/>
                <a:gd name="connsiteY2" fmla="*/ 161566 h 168602"/>
                <a:gd name="connsiteX3" fmla="*/ 73804 w 90147"/>
                <a:gd name="connsiteY3" fmla="*/ 166959 h 168602"/>
                <a:gd name="connsiteX4" fmla="*/ 55500 w 90147"/>
                <a:gd name="connsiteY4" fmla="*/ 168594 h 168602"/>
                <a:gd name="connsiteX5" fmla="*/ 24514 w 90147"/>
                <a:gd name="connsiteY5" fmla="*/ 157807 h 168602"/>
                <a:gd name="connsiteX6" fmla="*/ 15003 w 90147"/>
                <a:gd name="connsiteY6" fmla="*/ 124664 h 168602"/>
                <a:gd name="connsiteX7" fmla="*/ 15003 w 90147"/>
                <a:gd name="connsiteY7" fmla="*/ 72366 h 168602"/>
                <a:gd name="connsiteX8" fmla="*/ 0 w 90147"/>
                <a:gd name="connsiteY8" fmla="*/ 72366 h 168602"/>
                <a:gd name="connsiteX9" fmla="*/ 0 w 90147"/>
                <a:gd name="connsiteY9" fmla="*/ 39681 h 168602"/>
                <a:gd name="connsiteX10" fmla="*/ 14937 w 90147"/>
                <a:gd name="connsiteY10" fmla="*/ 39681 h 168602"/>
                <a:gd name="connsiteX11" fmla="*/ 14937 w 90147"/>
                <a:gd name="connsiteY11" fmla="*/ 6995 h 168602"/>
                <a:gd name="connsiteX12" fmla="*/ 57952 w 90147"/>
                <a:gd name="connsiteY12" fmla="*/ 0 h 168602"/>
                <a:gd name="connsiteX13" fmla="*/ 57952 w 90147"/>
                <a:gd name="connsiteY13" fmla="*/ 39713 h 168602"/>
                <a:gd name="connsiteX14" fmla="*/ 85212 w 90147"/>
                <a:gd name="connsiteY14" fmla="*/ 39713 h 168602"/>
                <a:gd name="connsiteX15" fmla="*/ 85212 w 90147"/>
                <a:gd name="connsiteY15" fmla="*/ 72399 h 168602"/>
                <a:gd name="connsiteX16" fmla="*/ 57952 w 90147"/>
                <a:gd name="connsiteY16" fmla="*/ 72399 h 168602"/>
                <a:gd name="connsiteX17" fmla="*/ 57952 w 90147"/>
                <a:gd name="connsiteY17" fmla="*/ 121755 h 168602"/>
                <a:gd name="connsiteX18" fmla="*/ 69523 w 90147"/>
                <a:gd name="connsiteY18" fmla="*/ 134045 h 1686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90147" h="168602">
                  <a:moveTo>
                    <a:pt x="69523" y="134045"/>
                  </a:moveTo>
                  <a:cubicBezTo>
                    <a:pt x="76586" y="133834"/>
                    <a:pt x="83561" y="132419"/>
                    <a:pt x="90147" y="129861"/>
                  </a:cubicBezTo>
                  <a:lnTo>
                    <a:pt x="90147" y="161566"/>
                  </a:lnTo>
                  <a:cubicBezTo>
                    <a:pt x="84905" y="163937"/>
                    <a:pt x="79426" y="165745"/>
                    <a:pt x="73804" y="166959"/>
                  </a:cubicBezTo>
                  <a:cubicBezTo>
                    <a:pt x="67777" y="168135"/>
                    <a:pt x="61642" y="168683"/>
                    <a:pt x="55500" y="168594"/>
                  </a:cubicBezTo>
                  <a:cubicBezTo>
                    <a:pt x="41184" y="168594"/>
                    <a:pt x="30823" y="164998"/>
                    <a:pt x="24514" y="157807"/>
                  </a:cubicBezTo>
                  <a:cubicBezTo>
                    <a:pt x="18206" y="150616"/>
                    <a:pt x="15003" y="139569"/>
                    <a:pt x="15003" y="124664"/>
                  </a:cubicBezTo>
                  <a:lnTo>
                    <a:pt x="15003" y="72366"/>
                  </a:lnTo>
                  <a:lnTo>
                    <a:pt x="0" y="72366"/>
                  </a:lnTo>
                  <a:lnTo>
                    <a:pt x="0" y="39681"/>
                  </a:lnTo>
                  <a:lnTo>
                    <a:pt x="14937" y="39681"/>
                  </a:lnTo>
                  <a:lnTo>
                    <a:pt x="14937" y="6995"/>
                  </a:lnTo>
                  <a:lnTo>
                    <a:pt x="57952" y="0"/>
                  </a:lnTo>
                  <a:lnTo>
                    <a:pt x="57952" y="39713"/>
                  </a:lnTo>
                  <a:lnTo>
                    <a:pt x="85212" y="39713"/>
                  </a:lnTo>
                  <a:lnTo>
                    <a:pt x="85212" y="72399"/>
                  </a:lnTo>
                  <a:lnTo>
                    <a:pt x="57952" y="72399"/>
                  </a:lnTo>
                  <a:lnTo>
                    <a:pt x="57952" y="121755"/>
                  </a:lnTo>
                  <a:cubicBezTo>
                    <a:pt x="57952" y="129948"/>
                    <a:pt x="61809" y="134045"/>
                    <a:pt x="69523" y="134045"/>
                  </a:cubicBezTo>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46" name="Freeform: Shape 245">
              <a:extLst>
                <a:ext uri="{FF2B5EF4-FFF2-40B4-BE49-F238E27FC236}">
                  <a16:creationId xmlns:a16="http://schemas.microsoft.com/office/drawing/2014/main" id="{27665C0F-332A-C094-9279-30921C7BF724}"/>
                </a:ext>
              </a:extLst>
            </p:cNvPr>
            <p:cNvSpPr/>
            <p:nvPr/>
          </p:nvSpPr>
          <p:spPr>
            <a:xfrm>
              <a:off x="5249758" y="4344012"/>
              <a:ext cx="144395" cy="144261"/>
            </a:xfrm>
            <a:custGeom>
              <a:avLst/>
              <a:gdLst>
                <a:gd name="connsiteX0" fmla="*/ 104202 w 119335"/>
                <a:gd name="connsiteY0" fmla="*/ 14937 h 131146"/>
                <a:gd name="connsiteX1" fmla="*/ 61024 w 119335"/>
                <a:gd name="connsiteY1" fmla="*/ 0 h 131146"/>
                <a:gd name="connsiteX2" fmla="*/ 15820 w 119335"/>
                <a:gd name="connsiteY2" fmla="*/ 17160 h 131146"/>
                <a:gd name="connsiteX3" fmla="*/ 0 w 119335"/>
                <a:gd name="connsiteY3" fmla="*/ 66418 h 131146"/>
                <a:gd name="connsiteX4" fmla="*/ 17095 w 119335"/>
                <a:gd name="connsiteY4" fmla="*/ 114302 h 131146"/>
                <a:gd name="connsiteX5" fmla="*/ 65077 w 119335"/>
                <a:gd name="connsiteY5" fmla="*/ 131136 h 131146"/>
                <a:gd name="connsiteX6" fmla="*/ 90605 w 119335"/>
                <a:gd name="connsiteY6" fmla="*/ 129109 h 131146"/>
                <a:gd name="connsiteX7" fmla="*/ 111230 w 119335"/>
                <a:gd name="connsiteY7" fmla="*/ 121918 h 131146"/>
                <a:gd name="connsiteX8" fmla="*/ 104693 w 119335"/>
                <a:gd name="connsiteY8" fmla="*/ 93383 h 131146"/>
                <a:gd name="connsiteX9" fmla="*/ 90899 w 119335"/>
                <a:gd name="connsiteY9" fmla="*/ 97894 h 131146"/>
                <a:gd name="connsiteX10" fmla="*/ 70242 w 119335"/>
                <a:gd name="connsiteY10" fmla="*/ 100051 h 131146"/>
                <a:gd name="connsiteX11" fmla="*/ 50630 w 119335"/>
                <a:gd name="connsiteY11" fmla="*/ 94037 h 131146"/>
                <a:gd name="connsiteX12" fmla="*/ 43047 w 119335"/>
                <a:gd name="connsiteY12" fmla="*/ 77367 h 131146"/>
                <a:gd name="connsiteX13" fmla="*/ 119336 w 119335"/>
                <a:gd name="connsiteY13" fmla="*/ 77367 h 131146"/>
                <a:gd name="connsiteX14" fmla="*/ 119336 w 119335"/>
                <a:gd name="connsiteY14" fmla="*/ 57919 h 131146"/>
                <a:gd name="connsiteX15" fmla="*/ 104104 w 119335"/>
                <a:gd name="connsiteY15" fmla="*/ 14937 h 131146"/>
                <a:gd name="connsiteX16" fmla="*/ 43995 w 119335"/>
                <a:gd name="connsiteY16" fmla="*/ 49911 h 131146"/>
                <a:gd name="connsiteX17" fmla="*/ 50009 w 119335"/>
                <a:gd name="connsiteY17" fmla="*/ 34614 h 131146"/>
                <a:gd name="connsiteX18" fmla="*/ 62626 w 119335"/>
                <a:gd name="connsiteY18" fmla="*/ 29744 h 131146"/>
                <a:gd name="connsiteX19" fmla="*/ 75700 w 119335"/>
                <a:gd name="connsiteY19" fmla="*/ 35235 h 131146"/>
                <a:gd name="connsiteX20" fmla="*/ 80669 w 119335"/>
                <a:gd name="connsiteY20" fmla="*/ 49911 h 13114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119335" h="131146">
                  <a:moveTo>
                    <a:pt x="104202" y="14937"/>
                  </a:moveTo>
                  <a:cubicBezTo>
                    <a:pt x="94070" y="5001"/>
                    <a:pt x="79678" y="22"/>
                    <a:pt x="61024" y="0"/>
                  </a:cubicBezTo>
                  <a:cubicBezTo>
                    <a:pt x="41413" y="0"/>
                    <a:pt x="26345" y="5720"/>
                    <a:pt x="15820" y="17160"/>
                  </a:cubicBezTo>
                  <a:cubicBezTo>
                    <a:pt x="5295" y="28600"/>
                    <a:pt x="23" y="45019"/>
                    <a:pt x="0" y="66418"/>
                  </a:cubicBezTo>
                  <a:cubicBezTo>
                    <a:pt x="0" y="87140"/>
                    <a:pt x="5697" y="103102"/>
                    <a:pt x="17095" y="114302"/>
                  </a:cubicBezTo>
                  <a:cubicBezTo>
                    <a:pt x="28492" y="125503"/>
                    <a:pt x="44485" y="131114"/>
                    <a:pt x="65077" y="131136"/>
                  </a:cubicBezTo>
                  <a:cubicBezTo>
                    <a:pt x="73631" y="131242"/>
                    <a:pt x="82175" y="130563"/>
                    <a:pt x="90605" y="129109"/>
                  </a:cubicBezTo>
                  <a:cubicBezTo>
                    <a:pt x="97799" y="127754"/>
                    <a:pt x="104751" y="125330"/>
                    <a:pt x="111230" y="121918"/>
                  </a:cubicBezTo>
                  <a:lnTo>
                    <a:pt x="104693" y="93383"/>
                  </a:lnTo>
                  <a:cubicBezTo>
                    <a:pt x="100218" y="95241"/>
                    <a:pt x="95606" y="96749"/>
                    <a:pt x="90899" y="97894"/>
                  </a:cubicBezTo>
                  <a:cubicBezTo>
                    <a:pt x="84117" y="99386"/>
                    <a:pt x="77188" y="100110"/>
                    <a:pt x="70242" y="100051"/>
                  </a:cubicBezTo>
                  <a:cubicBezTo>
                    <a:pt x="63191" y="100485"/>
                    <a:pt x="56226" y="98349"/>
                    <a:pt x="50630" y="94037"/>
                  </a:cubicBezTo>
                  <a:cubicBezTo>
                    <a:pt x="45773" y="89866"/>
                    <a:pt x="43001" y="83769"/>
                    <a:pt x="43047" y="77367"/>
                  </a:cubicBezTo>
                  <a:lnTo>
                    <a:pt x="119336" y="77367"/>
                  </a:lnTo>
                  <a:lnTo>
                    <a:pt x="119336" y="57919"/>
                  </a:lnTo>
                  <a:cubicBezTo>
                    <a:pt x="119336" y="39223"/>
                    <a:pt x="114260" y="24896"/>
                    <a:pt x="104104" y="14937"/>
                  </a:cubicBezTo>
                  <a:moveTo>
                    <a:pt x="43995" y="49911"/>
                  </a:moveTo>
                  <a:cubicBezTo>
                    <a:pt x="44070" y="44250"/>
                    <a:pt x="46208" y="38811"/>
                    <a:pt x="50009" y="34614"/>
                  </a:cubicBezTo>
                  <a:cubicBezTo>
                    <a:pt x="53399" y="31374"/>
                    <a:pt x="57939" y="29621"/>
                    <a:pt x="62626" y="29744"/>
                  </a:cubicBezTo>
                  <a:cubicBezTo>
                    <a:pt x="67588" y="29519"/>
                    <a:pt x="72389" y="31535"/>
                    <a:pt x="75700" y="35235"/>
                  </a:cubicBezTo>
                  <a:cubicBezTo>
                    <a:pt x="79080" y="39364"/>
                    <a:pt x="80845" y="44579"/>
                    <a:pt x="80669" y="49911"/>
                  </a:cubicBez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sp>
          <p:nvSpPr>
            <p:cNvPr id="247" name="Freeform: Shape 246">
              <a:extLst>
                <a:ext uri="{FF2B5EF4-FFF2-40B4-BE49-F238E27FC236}">
                  <a16:creationId xmlns:a16="http://schemas.microsoft.com/office/drawing/2014/main" id="{40615642-3663-F6B6-1E34-48CBC3B00538}"/>
                </a:ext>
              </a:extLst>
            </p:cNvPr>
            <p:cNvSpPr/>
            <p:nvPr/>
          </p:nvSpPr>
          <p:spPr>
            <a:xfrm>
              <a:off x="4530861" y="4344012"/>
              <a:ext cx="144514" cy="144261"/>
            </a:xfrm>
            <a:custGeom>
              <a:avLst/>
              <a:gdLst>
                <a:gd name="connsiteX0" fmla="*/ 104202 w 119433"/>
                <a:gd name="connsiteY0" fmla="*/ 14937 h 131146"/>
                <a:gd name="connsiteX1" fmla="*/ 61024 w 119433"/>
                <a:gd name="connsiteY1" fmla="*/ 0 h 131146"/>
                <a:gd name="connsiteX2" fmla="*/ 15853 w 119433"/>
                <a:gd name="connsiteY2" fmla="*/ 17160 h 131146"/>
                <a:gd name="connsiteX3" fmla="*/ 0 w 119433"/>
                <a:gd name="connsiteY3" fmla="*/ 66418 h 131146"/>
                <a:gd name="connsiteX4" fmla="*/ 17095 w 119433"/>
                <a:gd name="connsiteY4" fmla="*/ 114302 h 131146"/>
                <a:gd name="connsiteX5" fmla="*/ 65077 w 119433"/>
                <a:gd name="connsiteY5" fmla="*/ 131136 h 131146"/>
                <a:gd name="connsiteX6" fmla="*/ 90638 w 119433"/>
                <a:gd name="connsiteY6" fmla="*/ 129109 h 131146"/>
                <a:gd name="connsiteX7" fmla="*/ 111361 w 119433"/>
                <a:gd name="connsiteY7" fmla="*/ 121820 h 131146"/>
                <a:gd name="connsiteX8" fmla="*/ 104823 w 119433"/>
                <a:gd name="connsiteY8" fmla="*/ 93383 h 131146"/>
                <a:gd name="connsiteX9" fmla="*/ 91030 w 119433"/>
                <a:gd name="connsiteY9" fmla="*/ 97894 h 131146"/>
                <a:gd name="connsiteX10" fmla="*/ 70340 w 119433"/>
                <a:gd name="connsiteY10" fmla="*/ 100051 h 131146"/>
                <a:gd name="connsiteX11" fmla="*/ 50728 w 119433"/>
                <a:gd name="connsiteY11" fmla="*/ 94037 h 131146"/>
                <a:gd name="connsiteX12" fmla="*/ 43145 w 119433"/>
                <a:gd name="connsiteY12" fmla="*/ 77367 h 131146"/>
                <a:gd name="connsiteX13" fmla="*/ 119434 w 119433"/>
                <a:gd name="connsiteY13" fmla="*/ 77367 h 131146"/>
                <a:gd name="connsiteX14" fmla="*/ 119434 w 119433"/>
                <a:gd name="connsiteY14" fmla="*/ 57919 h 131146"/>
                <a:gd name="connsiteX15" fmla="*/ 104202 w 119433"/>
                <a:gd name="connsiteY15" fmla="*/ 14937 h 131146"/>
                <a:gd name="connsiteX16" fmla="*/ 43995 w 119433"/>
                <a:gd name="connsiteY16" fmla="*/ 49911 h 131146"/>
                <a:gd name="connsiteX17" fmla="*/ 49944 w 119433"/>
                <a:gd name="connsiteY17" fmla="*/ 34647 h 131146"/>
                <a:gd name="connsiteX18" fmla="*/ 62561 w 119433"/>
                <a:gd name="connsiteY18" fmla="*/ 29777 h 131146"/>
                <a:gd name="connsiteX19" fmla="*/ 75635 w 119433"/>
                <a:gd name="connsiteY19" fmla="*/ 35268 h 131146"/>
                <a:gd name="connsiteX20" fmla="*/ 80701 w 119433"/>
                <a:gd name="connsiteY20" fmla="*/ 49911 h 13114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119433" h="131146">
                  <a:moveTo>
                    <a:pt x="104202" y="14937"/>
                  </a:moveTo>
                  <a:cubicBezTo>
                    <a:pt x="94070" y="5001"/>
                    <a:pt x="79677" y="22"/>
                    <a:pt x="61024" y="0"/>
                  </a:cubicBezTo>
                  <a:cubicBezTo>
                    <a:pt x="41413" y="0"/>
                    <a:pt x="26356" y="5720"/>
                    <a:pt x="15853" y="17160"/>
                  </a:cubicBezTo>
                  <a:cubicBezTo>
                    <a:pt x="5350" y="28600"/>
                    <a:pt x="65" y="45019"/>
                    <a:pt x="0" y="66418"/>
                  </a:cubicBezTo>
                  <a:cubicBezTo>
                    <a:pt x="0" y="87140"/>
                    <a:pt x="5698" y="103102"/>
                    <a:pt x="17095" y="114302"/>
                  </a:cubicBezTo>
                  <a:cubicBezTo>
                    <a:pt x="28491" y="125503"/>
                    <a:pt x="44485" y="131114"/>
                    <a:pt x="65077" y="131136"/>
                  </a:cubicBezTo>
                  <a:cubicBezTo>
                    <a:pt x="73641" y="131240"/>
                    <a:pt x="82197" y="130562"/>
                    <a:pt x="90638" y="129109"/>
                  </a:cubicBezTo>
                  <a:cubicBezTo>
                    <a:pt x="97872" y="127735"/>
                    <a:pt x="104859" y="125278"/>
                    <a:pt x="111361" y="121820"/>
                  </a:cubicBezTo>
                  <a:lnTo>
                    <a:pt x="104823" y="93383"/>
                  </a:lnTo>
                  <a:cubicBezTo>
                    <a:pt x="100347" y="95236"/>
                    <a:pt x="95736" y="96744"/>
                    <a:pt x="91030" y="97894"/>
                  </a:cubicBezTo>
                  <a:cubicBezTo>
                    <a:pt x="84236" y="99384"/>
                    <a:pt x="77295" y="100108"/>
                    <a:pt x="70340" y="100051"/>
                  </a:cubicBezTo>
                  <a:cubicBezTo>
                    <a:pt x="63293" y="100465"/>
                    <a:pt x="56332" y="98330"/>
                    <a:pt x="50728" y="94037"/>
                  </a:cubicBezTo>
                  <a:cubicBezTo>
                    <a:pt x="45883" y="89858"/>
                    <a:pt x="43112" y="83766"/>
                    <a:pt x="43145" y="77367"/>
                  </a:cubicBezTo>
                  <a:lnTo>
                    <a:pt x="119434" y="77367"/>
                  </a:lnTo>
                  <a:lnTo>
                    <a:pt x="119434" y="57919"/>
                  </a:lnTo>
                  <a:cubicBezTo>
                    <a:pt x="119434" y="39223"/>
                    <a:pt x="114357" y="24896"/>
                    <a:pt x="104202" y="14937"/>
                  </a:cubicBezTo>
                  <a:moveTo>
                    <a:pt x="43995" y="49911"/>
                  </a:moveTo>
                  <a:cubicBezTo>
                    <a:pt x="44059" y="44270"/>
                    <a:pt x="46174" y="38844"/>
                    <a:pt x="49944" y="34647"/>
                  </a:cubicBezTo>
                  <a:cubicBezTo>
                    <a:pt x="53332" y="31407"/>
                    <a:pt x="57874" y="29654"/>
                    <a:pt x="62561" y="29777"/>
                  </a:cubicBezTo>
                  <a:cubicBezTo>
                    <a:pt x="67522" y="29551"/>
                    <a:pt x="72323" y="31567"/>
                    <a:pt x="75635" y="35268"/>
                  </a:cubicBezTo>
                  <a:cubicBezTo>
                    <a:pt x="79025" y="39384"/>
                    <a:pt x="80823" y="44581"/>
                    <a:pt x="80701" y="49911"/>
                  </a:cubicBezTo>
                  <a:close/>
                </a:path>
              </a:pathLst>
            </a:custGeom>
            <a:solidFill>
              <a:srgbClr val="000000"/>
            </a:solidFill>
            <a:ln w="326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287" name="Group 286">
            <a:extLst>
              <a:ext uri="{FF2B5EF4-FFF2-40B4-BE49-F238E27FC236}">
                <a16:creationId xmlns:a16="http://schemas.microsoft.com/office/drawing/2014/main" id="{6CAD602D-1C03-DECF-7CC5-E99F2712671C}"/>
              </a:ext>
            </a:extLst>
          </p:cNvPr>
          <p:cNvGrpSpPr/>
          <p:nvPr/>
        </p:nvGrpSpPr>
        <p:grpSpPr>
          <a:xfrm>
            <a:off x="3215813" y="4216864"/>
            <a:ext cx="322040" cy="332732"/>
            <a:chOff x="4074215" y="-535742"/>
            <a:chExt cx="487680" cy="503872"/>
          </a:xfrm>
        </p:grpSpPr>
        <p:sp>
          <p:nvSpPr>
            <p:cNvPr id="288" name="Freeform: Shape 287">
              <a:extLst>
                <a:ext uri="{FF2B5EF4-FFF2-40B4-BE49-F238E27FC236}">
                  <a16:creationId xmlns:a16="http://schemas.microsoft.com/office/drawing/2014/main" id="{4054E910-5027-D969-0CA8-6A4E845F8042}"/>
                </a:ext>
              </a:extLst>
            </p:cNvPr>
            <p:cNvSpPr/>
            <p:nvPr/>
          </p:nvSpPr>
          <p:spPr>
            <a:xfrm>
              <a:off x="4074215" y="-535742"/>
              <a:ext cx="487680" cy="183832"/>
            </a:xfrm>
            <a:custGeom>
              <a:avLst/>
              <a:gdLst>
                <a:gd name="connsiteX0" fmla="*/ 487680 w 487680"/>
                <a:gd name="connsiteY0" fmla="*/ 0 h 183832"/>
                <a:gd name="connsiteX1" fmla="*/ 0 w 487680"/>
                <a:gd name="connsiteY1" fmla="*/ 183833 h 183832"/>
                <a:gd name="connsiteX2" fmla="*/ 0 w 487680"/>
                <a:gd name="connsiteY2" fmla="*/ 183833 h 183832"/>
                <a:gd name="connsiteX3" fmla="*/ 487680 w 487680"/>
                <a:gd name="connsiteY3" fmla="*/ 95250 h 183832"/>
              </a:gdLst>
              <a:ahLst/>
              <a:cxnLst>
                <a:cxn ang="0">
                  <a:pos x="connsiteX0" y="connsiteY0"/>
                </a:cxn>
                <a:cxn ang="0">
                  <a:pos x="connsiteX1" y="connsiteY1"/>
                </a:cxn>
                <a:cxn ang="0">
                  <a:pos x="connsiteX2" y="connsiteY2"/>
                </a:cxn>
                <a:cxn ang="0">
                  <a:pos x="connsiteX3" y="connsiteY3"/>
                </a:cxn>
              </a:cxnLst>
              <a:rect l="l" t="t" r="r" b="b"/>
              <a:pathLst>
                <a:path w="487680" h="183832">
                  <a:moveTo>
                    <a:pt x="487680" y="0"/>
                  </a:moveTo>
                  <a:lnTo>
                    <a:pt x="0" y="183833"/>
                  </a:lnTo>
                  <a:lnTo>
                    <a:pt x="0" y="183833"/>
                  </a:lnTo>
                  <a:lnTo>
                    <a:pt x="487680" y="95250"/>
                  </a:lnTo>
                  <a:close/>
                </a:path>
              </a:pathLst>
            </a:custGeom>
            <a:solidFill>
              <a:srgbClr val="FFE600"/>
            </a:solidFill>
            <a:ln w="9525" cap="flat">
              <a:noFill/>
              <a:prstDash val="solid"/>
              <a:miter/>
            </a:ln>
          </p:spPr>
          <p:txBody>
            <a:bodyPr rtlCol="0" anchor="ctr"/>
            <a:lstStyle/>
            <a:p>
              <a:endParaRPr lang="en-US"/>
            </a:p>
          </p:txBody>
        </p:sp>
        <p:sp>
          <p:nvSpPr>
            <p:cNvPr id="289" name="Freeform: Shape 288">
              <a:extLst>
                <a:ext uri="{FF2B5EF4-FFF2-40B4-BE49-F238E27FC236}">
                  <a16:creationId xmlns:a16="http://schemas.microsoft.com/office/drawing/2014/main" id="{32168AE9-D87C-6084-E907-C5C6B467AA38}"/>
                </a:ext>
              </a:extLst>
            </p:cNvPr>
            <p:cNvSpPr/>
            <p:nvPr/>
          </p:nvSpPr>
          <p:spPr>
            <a:xfrm>
              <a:off x="4236140" y="-278567"/>
              <a:ext cx="245744" cy="246697"/>
            </a:xfrm>
            <a:custGeom>
              <a:avLst/>
              <a:gdLst>
                <a:gd name="connsiteX0" fmla="*/ 164783 w 245744"/>
                <a:gd name="connsiteY0" fmla="*/ 0 h 246697"/>
                <a:gd name="connsiteX1" fmla="*/ 123825 w 245744"/>
                <a:gd name="connsiteY1" fmla="*/ 80963 h 246697"/>
                <a:gd name="connsiteX2" fmla="*/ 81915 w 245744"/>
                <a:gd name="connsiteY2" fmla="*/ 0 h 246697"/>
                <a:gd name="connsiteX3" fmla="*/ 0 w 245744"/>
                <a:gd name="connsiteY3" fmla="*/ 0 h 246697"/>
                <a:gd name="connsiteX4" fmla="*/ 86678 w 245744"/>
                <a:gd name="connsiteY4" fmla="*/ 149543 h 246697"/>
                <a:gd name="connsiteX5" fmla="*/ 86678 w 245744"/>
                <a:gd name="connsiteY5" fmla="*/ 246698 h 246697"/>
                <a:gd name="connsiteX6" fmla="*/ 160020 w 245744"/>
                <a:gd name="connsiteY6" fmla="*/ 246698 h 246697"/>
                <a:gd name="connsiteX7" fmla="*/ 160020 w 245744"/>
                <a:gd name="connsiteY7" fmla="*/ 149543 h 246697"/>
                <a:gd name="connsiteX8" fmla="*/ 245745 w 245744"/>
                <a:gd name="connsiteY8" fmla="*/ 0 h 2466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45744" h="246697">
                  <a:moveTo>
                    <a:pt x="164783" y="0"/>
                  </a:moveTo>
                  <a:lnTo>
                    <a:pt x="123825" y="80963"/>
                  </a:lnTo>
                  <a:lnTo>
                    <a:pt x="81915" y="0"/>
                  </a:lnTo>
                  <a:lnTo>
                    <a:pt x="0" y="0"/>
                  </a:lnTo>
                  <a:lnTo>
                    <a:pt x="86678" y="149543"/>
                  </a:lnTo>
                  <a:lnTo>
                    <a:pt x="86678" y="246698"/>
                  </a:lnTo>
                  <a:lnTo>
                    <a:pt x="160020" y="246698"/>
                  </a:lnTo>
                  <a:lnTo>
                    <a:pt x="160020" y="149543"/>
                  </a:lnTo>
                  <a:lnTo>
                    <a:pt x="245745" y="0"/>
                  </a:lnTo>
                  <a:close/>
                </a:path>
              </a:pathLst>
            </a:custGeom>
            <a:solidFill>
              <a:schemeClr val="tx1"/>
            </a:solidFill>
            <a:ln w="9525" cap="flat">
              <a:noFill/>
              <a:prstDash val="solid"/>
              <a:miter/>
            </a:ln>
          </p:spPr>
          <p:txBody>
            <a:bodyPr rtlCol="0" anchor="ctr"/>
            <a:lstStyle/>
            <a:p>
              <a:endParaRPr lang="en-US"/>
            </a:p>
          </p:txBody>
        </p:sp>
        <p:sp>
          <p:nvSpPr>
            <p:cNvPr id="290" name="Freeform: Shape 289">
              <a:extLst>
                <a:ext uri="{FF2B5EF4-FFF2-40B4-BE49-F238E27FC236}">
                  <a16:creationId xmlns:a16="http://schemas.microsoft.com/office/drawing/2014/main" id="{D431CB87-D1D3-54C4-5989-6D91203DD0C8}"/>
                </a:ext>
              </a:extLst>
            </p:cNvPr>
            <p:cNvSpPr/>
            <p:nvPr/>
          </p:nvSpPr>
          <p:spPr>
            <a:xfrm>
              <a:off x="4074215" y="-278567"/>
              <a:ext cx="196215" cy="246697"/>
            </a:xfrm>
            <a:custGeom>
              <a:avLst/>
              <a:gdLst>
                <a:gd name="connsiteX0" fmla="*/ 73343 w 196215"/>
                <a:gd name="connsiteY0" fmla="*/ 149543 h 246697"/>
                <a:gd name="connsiteX1" fmla="*/ 161925 w 196215"/>
                <a:gd name="connsiteY1" fmla="*/ 149543 h 246697"/>
                <a:gd name="connsiteX2" fmla="*/ 161925 w 196215"/>
                <a:gd name="connsiteY2" fmla="*/ 98107 h 246697"/>
                <a:gd name="connsiteX3" fmla="*/ 73343 w 196215"/>
                <a:gd name="connsiteY3" fmla="*/ 98107 h 246697"/>
                <a:gd name="connsiteX4" fmla="*/ 73343 w 196215"/>
                <a:gd name="connsiteY4" fmla="*/ 57150 h 246697"/>
                <a:gd name="connsiteX5" fmla="*/ 171450 w 196215"/>
                <a:gd name="connsiteY5" fmla="*/ 57150 h 246697"/>
                <a:gd name="connsiteX6" fmla="*/ 139065 w 196215"/>
                <a:gd name="connsiteY6" fmla="*/ 0 h 246697"/>
                <a:gd name="connsiteX7" fmla="*/ 0 w 196215"/>
                <a:gd name="connsiteY7" fmla="*/ 0 h 246697"/>
                <a:gd name="connsiteX8" fmla="*/ 0 w 196215"/>
                <a:gd name="connsiteY8" fmla="*/ 246698 h 246697"/>
                <a:gd name="connsiteX9" fmla="*/ 196215 w 196215"/>
                <a:gd name="connsiteY9" fmla="*/ 246698 h 246697"/>
                <a:gd name="connsiteX10" fmla="*/ 196215 w 196215"/>
                <a:gd name="connsiteY10" fmla="*/ 190500 h 246697"/>
                <a:gd name="connsiteX11" fmla="*/ 73343 w 196215"/>
                <a:gd name="connsiteY11" fmla="*/ 190500 h 2466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96215" h="246697">
                  <a:moveTo>
                    <a:pt x="73343" y="149543"/>
                  </a:moveTo>
                  <a:lnTo>
                    <a:pt x="161925" y="149543"/>
                  </a:lnTo>
                  <a:lnTo>
                    <a:pt x="161925" y="98107"/>
                  </a:lnTo>
                  <a:lnTo>
                    <a:pt x="73343" y="98107"/>
                  </a:lnTo>
                  <a:lnTo>
                    <a:pt x="73343" y="57150"/>
                  </a:lnTo>
                  <a:lnTo>
                    <a:pt x="171450" y="57150"/>
                  </a:lnTo>
                  <a:lnTo>
                    <a:pt x="139065" y="0"/>
                  </a:lnTo>
                  <a:lnTo>
                    <a:pt x="0" y="0"/>
                  </a:lnTo>
                  <a:lnTo>
                    <a:pt x="0" y="246698"/>
                  </a:lnTo>
                  <a:lnTo>
                    <a:pt x="196215" y="246698"/>
                  </a:lnTo>
                  <a:lnTo>
                    <a:pt x="196215" y="190500"/>
                  </a:lnTo>
                  <a:lnTo>
                    <a:pt x="73343" y="190500"/>
                  </a:lnTo>
                  <a:close/>
                </a:path>
              </a:pathLst>
            </a:custGeom>
            <a:solidFill>
              <a:schemeClr val="tx1"/>
            </a:solidFill>
            <a:ln w="9525" cap="flat">
              <a:noFill/>
              <a:prstDash val="solid"/>
              <a:miter/>
            </a:ln>
          </p:spPr>
          <p:txBody>
            <a:bodyPr rtlCol="0" anchor="ctr"/>
            <a:lstStyle/>
            <a:p>
              <a:endParaRPr lang="en-US"/>
            </a:p>
          </p:txBody>
        </p:sp>
      </p:grpSp>
      <p:pic>
        <p:nvPicPr>
          <p:cNvPr id="291" name="Graphic 290">
            <a:extLst>
              <a:ext uri="{FF2B5EF4-FFF2-40B4-BE49-F238E27FC236}">
                <a16:creationId xmlns:a16="http://schemas.microsoft.com/office/drawing/2014/main" id="{24563180-8A84-FE79-7F37-38CDF12D0C81}"/>
              </a:ext>
            </a:extLst>
          </p:cNvPr>
          <p:cNvPicPr>
            <a:picLocks noChangeAspect="1"/>
          </p:cNvPicPr>
          <p:nvPr/>
        </p:nvPicPr>
        <p:blipFill>
          <a:blip r:embed="rId60" cstate="hqprint">
            <a:extLst>
              <a:ext uri="{28A0092B-C50C-407E-A947-70E740481C1C}">
                <a14:useLocalDpi xmlns:a14="http://schemas.microsoft.com/office/drawing/2010/main" val="0"/>
              </a:ext>
              <a:ext uri="{96DAC541-7B7A-43D3-8B79-37D633B846F1}">
                <asvg:svgBlip xmlns:asvg="http://schemas.microsoft.com/office/drawing/2016/SVG/main" r:embed="rId61"/>
              </a:ext>
            </a:extLst>
          </a:blip>
          <a:stretch>
            <a:fillRect/>
          </a:stretch>
        </p:blipFill>
        <p:spPr>
          <a:xfrm>
            <a:off x="4219949" y="1908907"/>
            <a:ext cx="710249" cy="223221"/>
          </a:xfrm>
          <a:prstGeom prst="rect">
            <a:avLst/>
          </a:prstGeom>
        </p:spPr>
      </p:pic>
    </p:spTree>
    <p:extLst>
      <p:ext uri="{BB962C8B-B14F-4D97-AF65-F5344CB8AC3E}">
        <p14:creationId xmlns:p14="http://schemas.microsoft.com/office/powerpoint/2010/main" val="195678164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D21FEDF-5102-2D3B-761A-785F05638C36}"/>
              </a:ext>
            </a:extLst>
          </p:cNvPr>
          <p:cNvSpPr>
            <a:spLocks noGrp="1"/>
          </p:cNvSpPr>
          <p:nvPr>
            <p:ph type="title"/>
          </p:nvPr>
        </p:nvSpPr>
        <p:spPr/>
        <p:txBody>
          <a:bodyPr/>
          <a:lstStyle/>
          <a:p>
            <a:r>
              <a:rPr lang="en-US"/>
              <a:t>Aptara Strategic Partnerships at a Glance (Partial List)</a:t>
            </a:r>
            <a:endParaRPr lang="en-IN"/>
          </a:p>
        </p:txBody>
      </p:sp>
      <p:pic>
        <p:nvPicPr>
          <p:cNvPr id="4" name="Picture 3" descr="Walmart.png">
            <a:extLst>
              <a:ext uri="{FF2B5EF4-FFF2-40B4-BE49-F238E27FC236}">
                <a16:creationId xmlns:a16="http://schemas.microsoft.com/office/drawing/2014/main" id="{B032BE75-00EC-0F3E-367E-D9CAD962A152}"/>
              </a:ext>
            </a:extLst>
          </p:cNvPr>
          <p:cNvPicPr>
            <a:picLocks noChangeAspect="1"/>
          </p:cNvPicPr>
          <p:nvPr/>
        </p:nvPicPr>
        <p:blipFill>
          <a:blip r:embed="rId2" cstate="screen">
            <a:extLst>
              <a:ext uri="{28A0092B-C50C-407E-A947-70E740481C1C}">
                <a14:useLocalDpi xmlns:a14="http://schemas.microsoft.com/office/drawing/2010/main" val="0"/>
              </a:ext>
            </a:extLst>
          </a:blip>
          <a:stretch>
            <a:fillRect/>
          </a:stretch>
        </p:blipFill>
        <p:spPr>
          <a:xfrm>
            <a:off x="3567846" y="1692711"/>
            <a:ext cx="825580" cy="250912"/>
          </a:xfrm>
          <a:prstGeom prst="rect">
            <a:avLst/>
          </a:prstGeom>
        </p:spPr>
      </p:pic>
      <p:cxnSp>
        <p:nvCxnSpPr>
          <p:cNvPr id="5" name="Straight Connector 4">
            <a:extLst>
              <a:ext uri="{FF2B5EF4-FFF2-40B4-BE49-F238E27FC236}">
                <a16:creationId xmlns:a16="http://schemas.microsoft.com/office/drawing/2014/main" id="{AE943644-8A3D-B641-3A6E-E0360AC7C014}"/>
              </a:ext>
            </a:extLst>
          </p:cNvPr>
          <p:cNvCxnSpPr>
            <a:cxnSpLocks/>
          </p:cNvCxnSpPr>
          <p:nvPr/>
        </p:nvCxnSpPr>
        <p:spPr>
          <a:xfrm flipV="1">
            <a:off x="628120" y="2562266"/>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6" name="Straight Connector 5">
            <a:extLst>
              <a:ext uri="{FF2B5EF4-FFF2-40B4-BE49-F238E27FC236}">
                <a16:creationId xmlns:a16="http://schemas.microsoft.com/office/drawing/2014/main" id="{7660BBD9-E518-8AEC-6594-29FCDDAD7996}"/>
              </a:ext>
            </a:extLst>
          </p:cNvPr>
          <p:cNvCxnSpPr>
            <a:cxnSpLocks/>
          </p:cNvCxnSpPr>
          <p:nvPr/>
        </p:nvCxnSpPr>
        <p:spPr>
          <a:xfrm flipV="1">
            <a:off x="628120" y="3129215"/>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7" name="Straight Connector 6">
            <a:extLst>
              <a:ext uri="{FF2B5EF4-FFF2-40B4-BE49-F238E27FC236}">
                <a16:creationId xmlns:a16="http://schemas.microsoft.com/office/drawing/2014/main" id="{7788BDB5-893D-95F4-4EAC-9AF21F7E8E9D}"/>
              </a:ext>
            </a:extLst>
          </p:cNvPr>
          <p:cNvCxnSpPr>
            <a:cxnSpLocks/>
          </p:cNvCxnSpPr>
          <p:nvPr/>
        </p:nvCxnSpPr>
        <p:spPr>
          <a:xfrm flipV="1">
            <a:off x="628120" y="3696474"/>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a:extLst>
              <a:ext uri="{FF2B5EF4-FFF2-40B4-BE49-F238E27FC236}">
                <a16:creationId xmlns:a16="http://schemas.microsoft.com/office/drawing/2014/main" id="{A70AD15C-4D32-0079-9226-E878D9288684}"/>
              </a:ext>
            </a:extLst>
          </p:cNvPr>
          <p:cNvCxnSpPr>
            <a:cxnSpLocks/>
          </p:cNvCxnSpPr>
          <p:nvPr/>
        </p:nvCxnSpPr>
        <p:spPr>
          <a:xfrm flipV="1">
            <a:off x="628120" y="4265519"/>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04C92FDF-8572-F80C-FDB1-87A9281F6ADF}"/>
              </a:ext>
            </a:extLst>
          </p:cNvPr>
          <p:cNvCxnSpPr>
            <a:cxnSpLocks/>
          </p:cNvCxnSpPr>
          <p:nvPr/>
        </p:nvCxnSpPr>
        <p:spPr>
          <a:xfrm flipV="1">
            <a:off x="628120" y="4830682"/>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9C2F0664-F32A-ED38-5C2B-50B4B1A752FA}"/>
              </a:ext>
            </a:extLst>
          </p:cNvPr>
          <p:cNvCxnSpPr>
            <a:cxnSpLocks/>
          </p:cNvCxnSpPr>
          <p:nvPr/>
        </p:nvCxnSpPr>
        <p:spPr>
          <a:xfrm flipV="1">
            <a:off x="628120" y="5397786"/>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30663396-8C11-3406-735A-ADAAFD5A547D}"/>
              </a:ext>
            </a:extLst>
          </p:cNvPr>
          <p:cNvCxnSpPr>
            <a:cxnSpLocks/>
          </p:cNvCxnSpPr>
          <p:nvPr/>
        </p:nvCxnSpPr>
        <p:spPr>
          <a:xfrm flipV="1">
            <a:off x="628120" y="5964890"/>
            <a:ext cx="11036880" cy="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8641385B-005D-0D85-5317-B6A9DC3B80DD}"/>
              </a:ext>
            </a:extLst>
          </p:cNvPr>
          <p:cNvCxnSpPr>
            <a:cxnSpLocks/>
          </p:cNvCxnSpPr>
          <p:nvPr/>
        </p:nvCxnSpPr>
        <p:spPr>
          <a:xfrm>
            <a:off x="2170323" y="1999598"/>
            <a:ext cx="0" cy="3963214"/>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A1BA5EDE-27D2-77A4-8200-363C33C09E7A}"/>
              </a:ext>
            </a:extLst>
          </p:cNvPr>
          <p:cNvCxnSpPr>
            <a:cxnSpLocks/>
          </p:cNvCxnSpPr>
          <p:nvPr/>
        </p:nvCxnSpPr>
        <p:spPr>
          <a:xfrm>
            <a:off x="2622445"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CF3609A4-483F-5D58-64C6-C1F104C38293}"/>
              </a:ext>
            </a:extLst>
          </p:cNvPr>
          <p:cNvCxnSpPr>
            <a:cxnSpLocks/>
          </p:cNvCxnSpPr>
          <p:nvPr/>
        </p:nvCxnSpPr>
        <p:spPr>
          <a:xfrm>
            <a:off x="11664882"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sp>
        <p:nvSpPr>
          <p:cNvPr id="15" name="Rectangle 14">
            <a:extLst>
              <a:ext uri="{FF2B5EF4-FFF2-40B4-BE49-F238E27FC236}">
                <a16:creationId xmlns:a16="http://schemas.microsoft.com/office/drawing/2014/main" id="{08129703-FA4A-6E7A-B8C2-AF0DE06B3B73}"/>
              </a:ext>
            </a:extLst>
          </p:cNvPr>
          <p:cNvSpPr/>
          <p:nvPr/>
        </p:nvSpPr>
        <p:spPr>
          <a:xfrm>
            <a:off x="297713" y="2336664"/>
            <a:ext cx="1256764" cy="464698"/>
          </a:xfrm>
          <a:prstGeom prst="rect">
            <a:avLst/>
          </a:prstGeom>
          <a:solidFill>
            <a:srgbClr val="0085BE"/>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50">
                <a:latin typeface="Roboto" panose="02000000000000000000" pitchFamily="2" charset="0"/>
                <a:ea typeface="Roboto" panose="02000000000000000000" pitchFamily="2" charset="0"/>
                <a:cs typeface="Roboto" panose="02000000000000000000" pitchFamily="2" charset="0"/>
              </a:rPr>
              <a:t>Managed Content Learning Services</a:t>
            </a:r>
          </a:p>
        </p:txBody>
      </p:sp>
      <p:sp>
        <p:nvSpPr>
          <p:cNvPr id="16" name="Rectangle 15">
            <a:extLst>
              <a:ext uri="{FF2B5EF4-FFF2-40B4-BE49-F238E27FC236}">
                <a16:creationId xmlns:a16="http://schemas.microsoft.com/office/drawing/2014/main" id="{21EFE960-76C0-B4A8-FD4A-9331BED254C2}"/>
              </a:ext>
            </a:extLst>
          </p:cNvPr>
          <p:cNvSpPr/>
          <p:nvPr/>
        </p:nvSpPr>
        <p:spPr>
          <a:xfrm>
            <a:off x="297713" y="2893934"/>
            <a:ext cx="1256764" cy="464698"/>
          </a:xfrm>
          <a:prstGeom prst="rect">
            <a:avLst/>
          </a:prstGeom>
          <a:solidFill>
            <a:srgbClr val="0085BE"/>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50">
                <a:latin typeface="Roboto" panose="02000000000000000000" pitchFamily="2" charset="0"/>
                <a:ea typeface="Roboto" panose="02000000000000000000" pitchFamily="2" charset="0"/>
                <a:cs typeface="Roboto" panose="02000000000000000000" pitchFamily="2" charset="0"/>
              </a:rPr>
              <a:t>Professional Services</a:t>
            </a:r>
          </a:p>
        </p:txBody>
      </p:sp>
      <p:sp>
        <p:nvSpPr>
          <p:cNvPr id="17" name="Rectangle 16">
            <a:extLst>
              <a:ext uri="{FF2B5EF4-FFF2-40B4-BE49-F238E27FC236}">
                <a16:creationId xmlns:a16="http://schemas.microsoft.com/office/drawing/2014/main" id="{86F08DCC-BB2F-894C-31A4-16E27B55C1A2}"/>
              </a:ext>
            </a:extLst>
          </p:cNvPr>
          <p:cNvSpPr/>
          <p:nvPr/>
        </p:nvSpPr>
        <p:spPr>
          <a:xfrm>
            <a:off x="297713" y="3470714"/>
            <a:ext cx="1256764" cy="464698"/>
          </a:xfrm>
          <a:prstGeom prst="rect">
            <a:avLst/>
          </a:prstGeom>
          <a:solidFill>
            <a:srgbClr val="0085BE"/>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50">
                <a:latin typeface="Roboto" panose="02000000000000000000" pitchFamily="2" charset="0"/>
                <a:ea typeface="Roboto" panose="02000000000000000000" pitchFamily="2" charset="0"/>
                <a:cs typeface="Roboto" panose="02000000000000000000" pitchFamily="2" charset="0"/>
              </a:rPr>
              <a:t>Content Technology &amp; Analytic Services</a:t>
            </a:r>
          </a:p>
        </p:txBody>
      </p:sp>
      <p:sp>
        <p:nvSpPr>
          <p:cNvPr id="18" name="Rectangle 17">
            <a:extLst>
              <a:ext uri="{FF2B5EF4-FFF2-40B4-BE49-F238E27FC236}">
                <a16:creationId xmlns:a16="http://schemas.microsoft.com/office/drawing/2014/main" id="{409B265A-8509-ED28-6B00-E60F136E9C59}"/>
              </a:ext>
            </a:extLst>
          </p:cNvPr>
          <p:cNvSpPr/>
          <p:nvPr/>
        </p:nvSpPr>
        <p:spPr>
          <a:xfrm>
            <a:off x="297713" y="4028485"/>
            <a:ext cx="1256764" cy="464698"/>
          </a:xfrm>
          <a:prstGeom prst="rect">
            <a:avLst/>
          </a:prstGeom>
          <a:solidFill>
            <a:srgbClr val="0085BE"/>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50">
                <a:latin typeface="Roboto" panose="02000000000000000000" pitchFamily="2" charset="0"/>
                <a:ea typeface="Roboto" panose="02000000000000000000" pitchFamily="2" charset="0"/>
                <a:cs typeface="Roboto" panose="02000000000000000000" pitchFamily="2" charset="0"/>
              </a:rPr>
              <a:t>Content Development</a:t>
            </a:r>
          </a:p>
        </p:txBody>
      </p:sp>
      <p:sp>
        <p:nvSpPr>
          <p:cNvPr id="19" name="Rectangle 18">
            <a:extLst>
              <a:ext uri="{FF2B5EF4-FFF2-40B4-BE49-F238E27FC236}">
                <a16:creationId xmlns:a16="http://schemas.microsoft.com/office/drawing/2014/main" id="{19F18824-F970-D327-CA61-F29CF67178BC}"/>
              </a:ext>
            </a:extLst>
          </p:cNvPr>
          <p:cNvSpPr/>
          <p:nvPr/>
        </p:nvSpPr>
        <p:spPr>
          <a:xfrm>
            <a:off x="297713" y="4595587"/>
            <a:ext cx="1256764" cy="464698"/>
          </a:xfrm>
          <a:prstGeom prst="rect">
            <a:avLst/>
          </a:prstGeom>
          <a:solidFill>
            <a:srgbClr val="0085BE"/>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50">
                <a:latin typeface="Roboto" panose="02000000000000000000" pitchFamily="2" charset="0"/>
                <a:ea typeface="Roboto" panose="02000000000000000000" pitchFamily="2" charset="0"/>
                <a:cs typeface="Roboto" panose="02000000000000000000" pitchFamily="2" charset="0"/>
              </a:rPr>
              <a:t>Support Services (LMS Admin &amp; Tech Support)</a:t>
            </a:r>
          </a:p>
        </p:txBody>
      </p:sp>
      <p:pic>
        <p:nvPicPr>
          <p:cNvPr id="20" name="Picture 19">
            <a:extLst>
              <a:ext uri="{FF2B5EF4-FFF2-40B4-BE49-F238E27FC236}">
                <a16:creationId xmlns:a16="http://schemas.microsoft.com/office/drawing/2014/main" id="{217D7362-6F1A-8BC6-343E-8223720E92EF}"/>
              </a:ext>
            </a:extLst>
          </p:cNvPr>
          <p:cNvPicPr>
            <a:picLocks noChangeAspect="1"/>
          </p:cNvPicPr>
          <p:nvPr/>
        </p:nvPicPr>
        <p:blipFill>
          <a:blip r:embed="rId3" cstate="screen">
            <a:extLst>
              <a:ext uri="{28A0092B-C50C-407E-A947-70E740481C1C}">
                <a14:useLocalDpi xmlns:a14="http://schemas.microsoft.com/office/drawing/2010/main" val="0"/>
              </a:ext>
            </a:extLst>
          </a:blip>
          <a:stretch>
            <a:fillRect/>
          </a:stretch>
        </p:blipFill>
        <p:spPr>
          <a:xfrm>
            <a:off x="2065114" y="1573457"/>
            <a:ext cx="279689" cy="320906"/>
          </a:xfrm>
          <a:prstGeom prst="rect">
            <a:avLst/>
          </a:prstGeom>
        </p:spPr>
      </p:pic>
      <p:grpSp>
        <p:nvGrpSpPr>
          <p:cNvPr id="21" name="Group 20">
            <a:extLst>
              <a:ext uri="{FF2B5EF4-FFF2-40B4-BE49-F238E27FC236}">
                <a16:creationId xmlns:a16="http://schemas.microsoft.com/office/drawing/2014/main" id="{FDABAB85-7CB6-3655-40A5-C4D4E7030F68}"/>
              </a:ext>
            </a:extLst>
          </p:cNvPr>
          <p:cNvGrpSpPr/>
          <p:nvPr/>
        </p:nvGrpSpPr>
        <p:grpSpPr>
          <a:xfrm>
            <a:off x="2106200" y="2484583"/>
            <a:ext cx="137160" cy="137160"/>
            <a:chOff x="2956012" y="2369957"/>
            <a:chExt cx="137160" cy="137160"/>
          </a:xfrm>
        </p:grpSpPr>
        <p:sp>
          <p:nvSpPr>
            <p:cNvPr id="289" name="Oval 288">
              <a:extLst>
                <a:ext uri="{FF2B5EF4-FFF2-40B4-BE49-F238E27FC236}">
                  <a16:creationId xmlns:a16="http://schemas.microsoft.com/office/drawing/2014/main" id="{F7DD48A9-E370-3BB4-81D5-88504173ED9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0" name="Oval 289">
              <a:extLst>
                <a:ext uri="{FF2B5EF4-FFF2-40B4-BE49-F238E27FC236}">
                  <a16:creationId xmlns:a16="http://schemas.microsoft.com/office/drawing/2014/main" id="{B2BBBFB0-E161-718D-6496-742A733987AE}"/>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2" name="Group 21">
            <a:extLst>
              <a:ext uri="{FF2B5EF4-FFF2-40B4-BE49-F238E27FC236}">
                <a16:creationId xmlns:a16="http://schemas.microsoft.com/office/drawing/2014/main" id="{EB8BBC3F-D21E-9094-30D7-7487D5E602D7}"/>
              </a:ext>
            </a:extLst>
          </p:cNvPr>
          <p:cNvGrpSpPr/>
          <p:nvPr/>
        </p:nvGrpSpPr>
        <p:grpSpPr>
          <a:xfrm>
            <a:off x="2106200" y="4208116"/>
            <a:ext cx="137160" cy="137160"/>
            <a:chOff x="2956012" y="2369957"/>
            <a:chExt cx="137160" cy="137160"/>
          </a:xfrm>
        </p:grpSpPr>
        <p:sp>
          <p:nvSpPr>
            <p:cNvPr id="287" name="Oval 286">
              <a:extLst>
                <a:ext uri="{FF2B5EF4-FFF2-40B4-BE49-F238E27FC236}">
                  <a16:creationId xmlns:a16="http://schemas.microsoft.com/office/drawing/2014/main" id="{6A58E22F-C81F-301D-4942-A6145188B12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8" name="Oval 287">
              <a:extLst>
                <a:ext uri="{FF2B5EF4-FFF2-40B4-BE49-F238E27FC236}">
                  <a16:creationId xmlns:a16="http://schemas.microsoft.com/office/drawing/2014/main" id="{1FD55256-7F02-BEFD-AE9F-D017280A361B}"/>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3" name="Group 22">
            <a:extLst>
              <a:ext uri="{FF2B5EF4-FFF2-40B4-BE49-F238E27FC236}">
                <a16:creationId xmlns:a16="http://schemas.microsoft.com/office/drawing/2014/main" id="{6AF77C2C-FE6B-49A7-6C3F-BA5DD479284B}"/>
              </a:ext>
            </a:extLst>
          </p:cNvPr>
          <p:cNvGrpSpPr/>
          <p:nvPr/>
        </p:nvGrpSpPr>
        <p:grpSpPr>
          <a:xfrm>
            <a:off x="2106200" y="3633023"/>
            <a:ext cx="137160" cy="137160"/>
            <a:chOff x="2956012" y="2369957"/>
            <a:chExt cx="137160" cy="137160"/>
          </a:xfrm>
        </p:grpSpPr>
        <p:sp>
          <p:nvSpPr>
            <p:cNvPr id="285" name="Oval 284">
              <a:extLst>
                <a:ext uri="{FF2B5EF4-FFF2-40B4-BE49-F238E27FC236}">
                  <a16:creationId xmlns:a16="http://schemas.microsoft.com/office/drawing/2014/main" id="{B8EDA918-B2B4-D52A-7B5D-10BB5CB27B14}"/>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6" name="Oval 285">
              <a:extLst>
                <a:ext uri="{FF2B5EF4-FFF2-40B4-BE49-F238E27FC236}">
                  <a16:creationId xmlns:a16="http://schemas.microsoft.com/office/drawing/2014/main" id="{0DF7AD78-A3B8-97D0-B680-946AB2F8DE8F}"/>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4" name="Group 23">
            <a:extLst>
              <a:ext uri="{FF2B5EF4-FFF2-40B4-BE49-F238E27FC236}">
                <a16:creationId xmlns:a16="http://schemas.microsoft.com/office/drawing/2014/main" id="{80FA3D57-0E0E-0F89-FF23-9A7B986DB345}"/>
              </a:ext>
            </a:extLst>
          </p:cNvPr>
          <p:cNvGrpSpPr/>
          <p:nvPr/>
        </p:nvGrpSpPr>
        <p:grpSpPr>
          <a:xfrm>
            <a:off x="2106200" y="3070595"/>
            <a:ext cx="137160" cy="137160"/>
            <a:chOff x="2956012" y="2369957"/>
            <a:chExt cx="137160" cy="137160"/>
          </a:xfrm>
        </p:grpSpPr>
        <p:sp>
          <p:nvSpPr>
            <p:cNvPr id="283" name="Oval 282">
              <a:extLst>
                <a:ext uri="{FF2B5EF4-FFF2-40B4-BE49-F238E27FC236}">
                  <a16:creationId xmlns:a16="http://schemas.microsoft.com/office/drawing/2014/main" id="{16A93B1C-F507-D7C1-E35E-3A44E8B5932E}"/>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4" name="Oval 283">
              <a:extLst>
                <a:ext uri="{FF2B5EF4-FFF2-40B4-BE49-F238E27FC236}">
                  <a16:creationId xmlns:a16="http://schemas.microsoft.com/office/drawing/2014/main" id="{D8B28C49-A643-B424-89DC-B12D808C142A}"/>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cxnSp>
        <p:nvCxnSpPr>
          <p:cNvPr id="25" name="Straight Connector 24">
            <a:extLst>
              <a:ext uri="{FF2B5EF4-FFF2-40B4-BE49-F238E27FC236}">
                <a16:creationId xmlns:a16="http://schemas.microsoft.com/office/drawing/2014/main" id="{381BAA60-AEAE-E764-DFAC-EF4395407DC1}"/>
              </a:ext>
            </a:extLst>
          </p:cNvPr>
          <p:cNvCxnSpPr>
            <a:cxnSpLocks/>
          </p:cNvCxnSpPr>
          <p:nvPr/>
        </p:nvCxnSpPr>
        <p:spPr>
          <a:xfrm>
            <a:off x="1753556" y="2003279"/>
            <a:ext cx="9911444" cy="0"/>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grpSp>
        <p:nvGrpSpPr>
          <p:cNvPr id="26" name="Group 25">
            <a:extLst>
              <a:ext uri="{FF2B5EF4-FFF2-40B4-BE49-F238E27FC236}">
                <a16:creationId xmlns:a16="http://schemas.microsoft.com/office/drawing/2014/main" id="{B9495097-1B03-2CBF-1638-06CCB2410394}"/>
              </a:ext>
            </a:extLst>
          </p:cNvPr>
          <p:cNvGrpSpPr/>
          <p:nvPr/>
        </p:nvGrpSpPr>
        <p:grpSpPr>
          <a:xfrm>
            <a:off x="2106200" y="4746107"/>
            <a:ext cx="137160" cy="137160"/>
            <a:chOff x="2956012" y="2369957"/>
            <a:chExt cx="137160" cy="137160"/>
          </a:xfrm>
        </p:grpSpPr>
        <p:sp>
          <p:nvSpPr>
            <p:cNvPr id="281" name="Oval 280">
              <a:extLst>
                <a:ext uri="{FF2B5EF4-FFF2-40B4-BE49-F238E27FC236}">
                  <a16:creationId xmlns:a16="http://schemas.microsoft.com/office/drawing/2014/main" id="{D8157394-21C9-558A-6F74-B6C1064136AC}"/>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2" name="Oval 281">
              <a:extLst>
                <a:ext uri="{FF2B5EF4-FFF2-40B4-BE49-F238E27FC236}">
                  <a16:creationId xmlns:a16="http://schemas.microsoft.com/office/drawing/2014/main" id="{788684AD-3B34-AD19-E75A-C0666DF78CF7}"/>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cxnSp>
        <p:nvCxnSpPr>
          <p:cNvPr id="27" name="Straight Connector 26">
            <a:extLst>
              <a:ext uri="{FF2B5EF4-FFF2-40B4-BE49-F238E27FC236}">
                <a16:creationId xmlns:a16="http://schemas.microsoft.com/office/drawing/2014/main" id="{37A9B03E-D9D1-9002-ABDF-0CFAAB1D2DFD}"/>
              </a:ext>
            </a:extLst>
          </p:cNvPr>
          <p:cNvCxnSpPr>
            <a:cxnSpLocks/>
          </p:cNvCxnSpPr>
          <p:nvPr/>
        </p:nvCxnSpPr>
        <p:spPr>
          <a:xfrm>
            <a:off x="3074567" y="1999598"/>
            <a:ext cx="0" cy="397486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06F9CEA3-FB7D-0852-50A3-771480A1BE11}"/>
              </a:ext>
            </a:extLst>
          </p:cNvPr>
          <p:cNvCxnSpPr>
            <a:cxnSpLocks/>
          </p:cNvCxnSpPr>
          <p:nvPr/>
        </p:nvCxnSpPr>
        <p:spPr>
          <a:xfrm>
            <a:off x="3526689"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CD1356A4-5183-69C7-8A27-DCB4E69168F0}"/>
              </a:ext>
            </a:extLst>
          </p:cNvPr>
          <p:cNvCxnSpPr>
            <a:cxnSpLocks/>
          </p:cNvCxnSpPr>
          <p:nvPr/>
        </p:nvCxnSpPr>
        <p:spPr>
          <a:xfrm>
            <a:off x="3978811" y="2008929"/>
            <a:ext cx="0" cy="3963214"/>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0" name="Straight Connector 29">
            <a:extLst>
              <a:ext uri="{FF2B5EF4-FFF2-40B4-BE49-F238E27FC236}">
                <a16:creationId xmlns:a16="http://schemas.microsoft.com/office/drawing/2014/main" id="{0ABCDCCB-C53F-8E0A-6B72-DFECB6A527A2}"/>
              </a:ext>
            </a:extLst>
          </p:cNvPr>
          <p:cNvCxnSpPr>
            <a:cxnSpLocks/>
          </p:cNvCxnSpPr>
          <p:nvPr/>
        </p:nvCxnSpPr>
        <p:spPr>
          <a:xfrm>
            <a:off x="4430933"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1" name="Straight Connector 30">
            <a:extLst>
              <a:ext uri="{FF2B5EF4-FFF2-40B4-BE49-F238E27FC236}">
                <a16:creationId xmlns:a16="http://schemas.microsoft.com/office/drawing/2014/main" id="{90D1D071-AE56-0EA0-F854-27FDC8F8F944}"/>
              </a:ext>
            </a:extLst>
          </p:cNvPr>
          <p:cNvCxnSpPr>
            <a:cxnSpLocks/>
          </p:cNvCxnSpPr>
          <p:nvPr/>
        </p:nvCxnSpPr>
        <p:spPr>
          <a:xfrm>
            <a:off x="4883055" y="1999598"/>
            <a:ext cx="0" cy="397486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D08A35C7-542B-EB50-76E0-8B3126034DF5}"/>
              </a:ext>
            </a:extLst>
          </p:cNvPr>
          <p:cNvCxnSpPr>
            <a:cxnSpLocks/>
          </p:cNvCxnSpPr>
          <p:nvPr/>
        </p:nvCxnSpPr>
        <p:spPr>
          <a:xfrm>
            <a:off x="5335177"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3" name="Straight Connector 32">
            <a:extLst>
              <a:ext uri="{FF2B5EF4-FFF2-40B4-BE49-F238E27FC236}">
                <a16:creationId xmlns:a16="http://schemas.microsoft.com/office/drawing/2014/main" id="{0C41C7D1-0580-1D3E-5BBB-E350692C1596}"/>
              </a:ext>
            </a:extLst>
          </p:cNvPr>
          <p:cNvCxnSpPr>
            <a:cxnSpLocks/>
          </p:cNvCxnSpPr>
          <p:nvPr/>
        </p:nvCxnSpPr>
        <p:spPr>
          <a:xfrm>
            <a:off x="5787299" y="1999598"/>
            <a:ext cx="0" cy="397486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E7636607-1D57-88A2-E464-629990CF8CEB}"/>
              </a:ext>
            </a:extLst>
          </p:cNvPr>
          <p:cNvCxnSpPr>
            <a:cxnSpLocks/>
          </p:cNvCxnSpPr>
          <p:nvPr/>
        </p:nvCxnSpPr>
        <p:spPr>
          <a:xfrm>
            <a:off x="6239421"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013A05FA-D87C-9F1B-CF5C-E1ABDD8BE14D}"/>
              </a:ext>
            </a:extLst>
          </p:cNvPr>
          <p:cNvCxnSpPr>
            <a:cxnSpLocks/>
          </p:cNvCxnSpPr>
          <p:nvPr/>
        </p:nvCxnSpPr>
        <p:spPr>
          <a:xfrm>
            <a:off x="6691543" y="1999598"/>
            <a:ext cx="0" cy="396962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A877383C-BDCC-6603-79A8-9C5B65CFDE17}"/>
              </a:ext>
            </a:extLst>
          </p:cNvPr>
          <p:cNvCxnSpPr>
            <a:cxnSpLocks/>
          </p:cNvCxnSpPr>
          <p:nvPr/>
        </p:nvCxnSpPr>
        <p:spPr>
          <a:xfrm>
            <a:off x="7143665"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7" name="Straight Connector 36">
            <a:extLst>
              <a:ext uri="{FF2B5EF4-FFF2-40B4-BE49-F238E27FC236}">
                <a16:creationId xmlns:a16="http://schemas.microsoft.com/office/drawing/2014/main" id="{5D893DB4-2930-28A8-AD14-29A3B6D5A0FB}"/>
              </a:ext>
            </a:extLst>
          </p:cNvPr>
          <p:cNvCxnSpPr>
            <a:cxnSpLocks/>
          </p:cNvCxnSpPr>
          <p:nvPr/>
        </p:nvCxnSpPr>
        <p:spPr>
          <a:xfrm>
            <a:off x="7595787" y="2008929"/>
            <a:ext cx="0" cy="3955961"/>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8" name="Straight Connector 37">
            <a:extLst>
              <a:ext uri="{FF2B5EF4-FFF2-40B4-BE49-F238E27FC236}">
                <a16:creationId xmlns:a16="http://schemas.microsoft.com/office/drawing/2014/main" id="{F872FA92-C782-34E3-4510-D5DDCBAEFC4F}"/>
              </a:ext>
            </a:extLst>
          </p:cNvPr>
          <p:cNvCxnSpPr>
            <a:cxnSpLocks/>
          </p:cNvCxnSpPr>
          <p:nvPr/>
        </p:nvCxnSpPr>
        <p:spPr>
          <a:xfrm>
            <a:off x="8047909"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9" name="Straight Connector 38">
            <a:extLst>
              <a:ext uri="{FF2B5EF4-FFF2-40B4-BE49-F238E27FC236}">
                <a16:creationId xmlns:a16="http://schemas.microsoft.com/office/drawing/2014/main" id="{B269110E-094A-9AE3-06CA-9E32B39BD2C9}"/>
              </a:ext>
            </a:extLst>
          </p:cNvPr>
          <p:cNvCxnSpPr>
            <a:cxnSpLocks/>
          </p:cNvCxnSpPr>
          <p:nvPr/>
        </p:nvCxnSpPr>
        <p:spPr>
          <a:xfrm>
            <a:off x="8952153"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40" name="Straight Connector 39">
            <a:extLst>
              <a:ext uri="{FF2B5EF4-FFF2-40B4-BE49-F238E27FC236}">
                <a16:creationId xmlns:a16="http://schemas.microsoft.com/office/drawing/2014/main" id="{60D7EC51-EEDF-FFBF-630E-754A036DFC9B}"/>
              </a:ext>
            </a:extLst>
          </p:cNvPr>
          <p:cNvCxnSpPr>
            <a:cxnSpLocks/>
          </p:cNvCxnSpPr>
          <p:nvPr/>
        </p:nvCxnSpPr>
        <p:spPr>
          <a:xfrm>
            <a:off x="9404275" y="2008929"/>
            <a:ext cx="0" cy="396962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41" name="Straight Connector 40">
            <a:extLst>
              <a:ext uri="{FF2B5EF4-FFF2-40B4-BE49-F238E27FC236}">
                <a16:creationId xmlns:a16="http://schemas.microsoft.com/office/drawing/2014/main" id="{596DA020-F6D7-E7FB-8D75-737E417CAB41}"/>
              </a:ext>
            </a:extLst>
          </p:cNvPr>
          <p:cNvCxnSpPr>
            <a:cxnSpLocks/>
          </p:cNvCxnSpPr>
          <p:nvPr/>
        </p:nvCxnSpPr>
        <p:spPr>
          <a:xfrm>
            <a:off x="9856397"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42" name="Straight Connector 41">
            <a:extLst>
              <a:ext uri="{FF2B5EF4-FFF2-40B4-BE49-F238E27FC236}">
                <a16:creationId xmlns:a16="http://schemas.microsoft.com/office/drawing/2014/main" id="{75124BD9-E252-416F-205C-FF9C49FD2B43}"/>
              </a:ext>
            </a:extLst>
          </p:cNvPr>
          <p:cNvCxnSpPr>
            <a:cxnSpLocks/>
          </p:cNvCxnSpPr>
          <p:nvPr/>
        </p:nvCxnSpPr>
        <p:spPr>
          <a:xfrm>
            <a:off x="10298078" y="2008929"/>
            <a:ext cx="0" cy="3963214"/>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43" name="Straight Connector 42">
            <a:extLst>
              <a:ext uri="{FF2B5EF4-FFF2-40B4-BE49-F238E27FC236}">
                <a16:creationId xmlns:a16="http://schemas.microsoft.com/office/drawing/2014/main" id="{785A976B-1EBE-3100-78E6-6C71C70CA9DE}"/>
              </a:ext>
            </a:extLst>
          </p:cNvPr>
          <p:cNvCxnSpPr>
            <a:cxnSpLocks/>
          </p:cNvCxnSpPr>
          <p:nvPr/>
        </p:nvCxnSpPr>
        <p:spPr>
          <a:xfrm>
            <a:off x="10760641"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cxnSp>
        <p:nvCxnSpPr>
          <p:cNvPr id="44" name="Straight Connector 43">
            <a:extLst>
              <a:ext uri="{FF2B5EF4-FFF2-40B4-BE49-F238E27FC236}">
                <a16:creationId xmlns:a16="http://schemas.microsoft.com/office/drawing/2014/main" id="{E4B09752-8D9D-84CD-9457-296EAB471095}"/>
              </a:ext>
            </a:extLst>
          </p:cNvPr>
          <p:cNvCxnSpPr>
            <a:cxnSpLocks/>
          </p:cNvCxnSpPr>
          <p:nvPr/>
        </p:nvCxnSpPr>
        <p:spPr>
          <a:xfrm>
            <a:off x="11212763" y="1999598"/>
            <a:ext cx="0" cy="3969627"/>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5B1EDBDD-BDC5-BCBF-C4CC-630A9B69F163}"/>
              </a:ext>
            </a:extLst>
          </p:cNvPr>
          <p:cNvGrpSpPr/>
          <p:nvPr/>
        </p:nvGrpSpPr>
        <p:grpSpPr>
          <a:xfrm>
            <a:off x="2560969" y="4208116"/>
            <a:ext cx="137160" cy="137160"/>
            <a:chOff x="2956012" y="2369957"/>
            <a:chExt cx="137160" cy="137160"/>
          </a:xfrm>
        </p:grpSpPr>
        <p:sp>
          <p:nvSpPr>
            <p:cNvPr id="279" name="Oval 278">
              <a:extLst>
                <a:ext uri="{FF2B5EF4-FFF2-40B4-BE49-F238E27FC236}">
                  <a16:creationId xmlns:a16="http://schemas.microsoft.com/office/drawing/2014/main" id="{615F3EB3-5B84-3E67-2A96-613148A51CAD}"/>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0" name="Oval 279">
              <a:extLst>
                <a:ext uri="{FF2B5EF4-FFF2-40B4-BE49-F238E27FC236}">
                  <a16:creationId xmlns:a16="http://schemas.microsoft.com/office/drawing/2014/main" id="{2D661420-686A-E9DC-0728-80B314364E96}"/>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6" name="Group 45">
            <a:extLst>
              <a:ext uri="{FF2B5EF4-FFF2-40B4-BE49-F238E27FC236}">
                <a16:creationId xmlns:a16="http://schemas.microsoft.com/office/drawing/2014/main" id="{89A80AA4-84D9-36B3-C976-2AF5ABDFA63C}"/>
              </a:ext>
            </a:extLst>
          </p:cNvPr>
          <p:cNvGrpSpPr/>
          <p:nvPr/>
        </p:nvGrpSpPr>
        <p:grpSpPr>
          <a:xfrm>
            <a:off x="5272225" y="3633023"/>
            <a:ext cx="137160" cy="137160"/>
            <a:chOff x="2956012" y="2369957"/>
            <a:chExt cx="137160" cy="137160"/>
          </a:xfrm>
        </p:grpSpPr>
        <p:sp>
          <p:nvSpPr>
            <p:cNvPr id="277" name="Oval 276">
              <a:extLst>
                <a:ext uri="{FF2B5EF4-FFF2-40B4-BE49-F238E27FC236}">
                  <a16:creationId xmlns:a16="http://schemas.microsoft.com/office/drawing/2014/main" id="{4BF08CE1-A6A3-4072-D201-DD23417C4056}"/>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8" name="Oval 277">
              <a:extLst>
                <a:ext uri="{FF2B5EF4-FFF2-40B4-BE49-F238E27FC236}">
                  <a16:creationId xmlns:a16="http://schemas.microsoft.com/office/drawing/2014/main" id="{67CEF7C4-0066-F5BE-A6D6-B4B26E4C1FD3}"/>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7" name="Group 46">
            <a:extLst>
              <a:ext uri="{FF2B5EF4-FFF2-40B4-BE49-F238E27FC236}">
                <a16:creationId xmlns:a16="http://schemas.microsoft.com/office/drawing/2014/main" id="{CC2C0CA3-E008-9184-68CE-E10B132DA1FC}"/>
              </a:ext>
            </a:extLst>
          </p:cNvPr>
          <p:cNvGrpSpPr/>
          <p:nvPr/>
        </p:nvGrpSpPr>
        <p:grpSpPr>
          <a:xfrm>
            <a:off x="5280132" y="3070595"/>
            <a:ext cx="137160" cy="137160"/>
            <a:chOff x="2956012" y="2369957"/>
            <a:chExt cx="137160" cy="137160"/>
          </a:xfrm>
        </p:grpSpPr>
        <p:sp>
          <p:nvSpPr>
            <p:cNvPr id="275" name="Oval 274">
              <a:extLst>
                <a:ext uri="{FF2B5EF4-FFF2-40B4-BE49-F238E27FC236}">
                  <a16:creationId xmlns:a16="http://schemas.microsoft.com/office/drawing/2014/main" id="{C60F2833-B0A2-1869-645F-571A0E950A52}"/>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6" name="Oval 275">
              <a:extLst>
                <a:ext uri="{FF2B5EF4-FFF2-40B4-BE49-F238E27FC236}">
                  <a16:creationId xmlns:a16="http://schemas.microsoft.com/office/drawing/2014/main" id="{40EBB8E5-5398-B7EC-AA17-6F25D1F82FF8}"/>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8" name="Group 47">
            <a:extLst>
              <a:ext uri="{FF2B5EF4-FFF2-40B4-BE49-F238E27FC236}">
                <a16:creationId xmlns:a16="http://schemas.microsoft.com/office/drawing/2014/main" id="{F34F20A0-2347-E159-93DC-40D5A905C5CC}"/>
              </a:ext>
            </a:extLst>
          </p:cNvPr>
          <p:cNvGrpSpPr/>
          <p:nvPr/>
        </p:nvGrpSpPr>
        <p:grpSpPr>
          <a:xfrm>
            <a:off x="5175720" y="1263367"/>
            <a:ext cx="328606" cy="271696"/>
            <a:chOff x="1185191" y="3915712"/>
            <a:chExt cx="569233" cy="569486"/>
          </a:xfrm>
        </p:grpSpPr>
        <p:sp>
          <p:nvSpPr>
            <p:cNvPr id="271" name="Freeform: Shape 270">
              <a:extLst>
                <a:ext uri="{FF2B5EF4-FFF2-40B4-BE49-F238E27FC236}">
                  <a16:creationId xmlns:a16="http://schemas.microsoft.com/office/drawing/2014/main" id="{70A01ED9-ED34-4AB3-6C62-09CB6D19C78C}"/>
                </a:ext>
              </a:extLst>
            </p:cNvPr>
            <p:cNvSpPr/>
            <p:nvPr/>
          </p:nvSpPr>
          <p:spPr>
            <a:xfrm>
              <a:off x="1185191" y="3915712"/>
              <a:ext cx="569233" cy="569233"/>
            </a:xfrm>
            <a:custGeom>
              <a:avLst/>
              <a:gdLst>
                <a:gd name="connsiteX0" fmla="*/ 569233 w 569233"/>
                <a:gd name="connsiteY0" fmla="*/ 569233 h 569233"/>
                <a:gd name="connsiteX1" fmla="*/ 0 w 569233"/>
                <a:gd name="connsiteY1" fmla="*/ 569233 h 569233"/>
                <a:gd name="connsiteX2" fmla="*/ 0 w 569233"/>
                <a:gd name="connsiteY2" fmla="*/ 0 h 569233"/>
                <a:gd name="connsiteX3" fmla="*/ 569233 w 569233"/>
                <a:gd name="connsiteY3" fmla="*/ 0 h 569233"/>
              </a:gdLst>
              <a:ahLst/>
              <a:cxnLst>
                <a:cxn ang="0">
                  <a:pos x="connsiteX0" y="connsiteY0"/>
                </a:cxn>
                <a:cxn ang="0">
                  <a:pos x="connsiteX1" y="connsiteY1"/>
                </a:cxn>
                <a:cxn ang="0">
                  <a:pos x="connsiteX2" y="connsiteY2"/>
                </a:cxn>
                <a:cxn ang="0">
                  <a:pos x="connsiteX3" y="connsiteY3"/>
                </a:cxn>
              </a:cxnLst>
              <a:rect l="l" t="t" r="r" b="b"/>
              <a:pathLst>
                <a:path w="569233" h="569233">
                  <a:moveTo>
                    <a:pt x="569233" y="569233"/>
                  </a:moveTo>
                  <a:lnTo>
                    <a:pt x="0" y="569233"/>
                  </a:lnTo>
                  <a:lnTo>
                    <a:pt x="0" y="0"/>
                  </a:lnTo>
                  <a:lnTo>
                    <a:pt x="569233" y="0"/>
                  </a:lnTo>
                  <a:close/>
                </a:path>
              </a:pathLst>
            </a:custGeom>
            <a:solidFill>
              <a:srgbClr val="FFFFF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272" name="Freeform: Shape 271">
              <a:extLst>
                <a:ext uri="{FF2B5EF4-FFF2-40B4-BE49-F238E27FC236}">
                  <a16:creationId xmlns:a16="http://schemas.microsoft.com/office/drawing/2014/main" id="{E2DE4B6C-50B1-D00D-333D-E9EE883CD159}"/>
                </a:ext>
              </a:extLst>
            </p:cNvPr>
            <p:cNvSpPr/>
            <p:nvPr/>
          </p:nvSpPr>
          <p:spPr>
            <a:xfrm>
              <a:off x="1185191" y="3915965"/>
              <a:ext cx="569233" cy="569233"/>
            </a:xfrm>
            <a:custGeom>
              <a:avLst/>
              <a:gdLst>
                <a:gd name="connsiteX0" fmla="*/ 569233 w 569233"/>
                <a:gd name="connsiteY0" fmla="*/ 308071 h 569233"/>
                <a:gd name="connsiteX1" fmla="*/ 569233 w 569233"/>
                <a:gd name="connsiteY1" fmla="*/ 0 h 569233"/>
                <a:gd name="connsiteX2" fmla="*/ 0 w 569233"/>
                <a:gd name="connsiteY2" fmla="*/ 0 h 569233"/>
                <a:gd name="connsiteX3" fmla="*/ 0 w 569233"/>
                <a:gd name="connsiteY3" fmla="*/ 569233 h 569233"/>
                <a:gd name="connsiteX4" fmla="*/ 569233 w 569233"/>
                <a:gd name="connsiteY4" fmla="*/ 569233 h 569233"/>
                <a:gd name="connsiteX5" fmla="*/ 569233 w 569233"/>
                <a:gd name="connsiteY5" fmla="*/ 403154 h 569233"/>
                <a:gd name="connsiteX6" fmla="*/ 569233 w 569233"/>
                <a:gd name="connsiteY6" fmla="*/ 308071 h 56923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569233" h="569233">
                  <a:moveTo>
                    <a:pt x="569233" y="308071"/>
                  </a:moveTo>
                  <a:lnTo>
                    <a:pt x="569233" y="0"/>
                  </a:lnTo>
                  <a:lnTo>
                    <a:pt x="0" y="0"/>
                  </a:lnTo>
                  <a:lnTo>
                    <a:pt x="0" y="569233"/>
                  </a:lnTo>
                  <a:lnTo>
                    <a:pt x="569233" y="569233"/>
                  </a:lnTo>
                  <a:lnTo>
                    <a:pt x="569233" y="403154"/>
                  </a:lnTo>
                  <a:cubicBezTo>
                    <a:pt x="567965" y="403154"/>
                    <a:pt x="569233" y="308071"/>
                    <a:pt x="569233" y="308071"/>
                  </a:cubicBezTo>
                </a:path>
              </a:pathLst>
            </a:custGeom>
            <a:solidFill>
              <a:srgbClr val="006FC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273" name="Freeform: Shape 272">
              <a:extLst>
                <a:ext uri="{FF2B5EF4-FFF2-40B4-BE49-F238E27FC236}">
                  <a16:creationId xmlns:a16="http://schemas.microsoft.com/office/drawing/2014/main" id="{B29868C3-A8D5-269D-EC98-D8E4E0134549}"/>
                </a:ext>
              </a:extLst>
            </p:cNvPr>
            <p:cNvSpPr/>
            <p:nvPr/>
          </p:nvSpPr>
          <p:spPr>
            <a:xfrm>
              <a:off x="1185191" y="4092186"/>
              <a:ext cx="569233" cy="234539"/>
            </a:xfrm>
            <a:custGeom>
              <a:avLst/>
              <a:gdLst>
                <a:gd name="connsiteX0" fmla="*/ 499505 w 569233"/>
                <a:gd name="connsiteY0" fmla="*/ 100155 h 234539"/>
                <a:gd name="connsiteX1" fmla="*/ 542610 w 569233"/>
                <a:gd name="connsiteY1" fmla="*/ 100155 h 234539"/>
                <a:gd name="connsiteX2" fmla="*/ 542610 w 569233"/>
                <a:gd name="connsiteY2" fmla="*/ 0 h 234539"/>
                <a:gd name="connsiteX3" fmla="*/ 495702 w 569233"/>
                <a:gd name="connsiteY3" fmla="*/ 0 h 234539"/>
                <a:gd name="connsiteX4" fmla="*/ 495702 w 569233"/>
                <a:gd name="connsiteY4" fmla="*/ 13946 h 234539"/>
                <a:gd name="connsiteX5" fmla="*/ 486828 w 569233"/>
                <a:gd name="connsiteY5" fmla="*/ 0 h 234539"/>
                <a:gd name="connsiteX6" fmla="*/ 446259 w 569233"/>
                <a:gd name="connsiteY6" fmla="*/ 0 h 234539"/>
                <a:gd name="connsiteX7" fmla="*/ 446259 w 569233"/>
                <a:gd name="connsiteY7" fmla="*/ 17749 h 234539"/>
                <a:gd name="connsiteX8" fmla="*/ 438652 w 569233"/>
                <a:gd name="connsiteY8" fmla="*/ 0 h 234539"/>
                <a:gd name="connsiteX9" fmla="*/ 363853 w 569233"/>
                <a:gd name="connsiteY9" fmla="*/ 0 h 234539"/>
                <a:gd name="connsiteX10" fmla="*/ 356246 w 569233"/>
                <a:gd name="connsiteY10" fmla="*/ 1268 h 234539"/>
                <a:gd name="connsiteX11" fmla="*/ 349907 w 569233"/>
                <a:gd name="connsiteY11" fmla="*/ 3803 h 234539"/>
                <a:gd name="connsiteX12" fmla="*/ 343568 w 569233"/>
                <a:gd name="connsiteY12" fmla="*/ 6339 h 234539"/>
                <a:gd name="connsiteX13" fmla="*/ 343568 w 569233"/>
                <a:gd name="connsiteY13" fmla="*/ 0 h 234539"/>
                <a:gd name="connsiteX14" fmla="*/ 129314 w 569233"/>
                <a:gd name="connsiteY14" fmla="*/ 0 h 234539"/>
                <a:gd name="connsiteX15" fmla="*/ 122975 w 569233"/>
                <a:gd name="connsiteY15" fmla="*/ 16481 h 234539"/>
                <a:gd name="connsiteX16" fmla="*/ 116636 w 569233"/>
                <a:gd name="connsiteY16" fmla="*/ 0 h 234539"/>
                <a:gd name="connsiteX17" fmla="*/ 65925 w 569233"/>
                <a:gd name="connsiteY17" fmla="*/ 0 h 234539"/>
                <a:gd name="connsiteX18" fmla="*/ 65925 w 569233"/>
                <a:gd name="connsiteY18" fmla="*/ 17749 h 234539"/>
                <a:gd name="connsiteX19" fmla="*/ 58318 w 569233"/>
                <a:gd name="connsiteY19" fmla="*/ 0 h 234539"/>
                <a:gd name="connsiteX20" fmla="*/ 17749 w 569233"/>
                <a:gd name="connsiteY20" fmla="*/ 0 h 234539"/>
                <a:gd name="connsiteX21" fmla="*/ 0 w 569233"/>
                <a:gd name="connsiteY21" fmla="*/ 43105 h 234539"/>
                <a:gd name="connsiteX22" fmla="*/ 0 w 569233"/>
                <a:gd name="connsiteY22" fmla="*/ 100155 h 234539"/>
                <a:gd name="connsiteX23" fmla="*/ 29159 w 569233"/>
                <a:gd name="connsiteY23" fmla="*/ 100155 h 234539"/>
                <a:gd name="connsiteX24" fmla="*/ 34230 w 569233"/>
                <a:gd name="connsiteY24" fmla="*/ 86209 h 234539"/>
                <a:gd name="connsiteX25" fmla="*/ 44372 w 569233"/>
                <a:gd name="connsiteY25" fmla="*/ 86209 h 234539"/>
                <a:gd name="connsiteX26" fmla="*/ 49443 w 569233"/>
                <a:gd name="connsiteY26" fmla="*/ 100155 h 234539"/>
                <a:gd name="connsiteX27" fmla="*/ 272573 w 569233"/>
                <a:gd name="connsiteY27" fmla="*/ 100155 h 234539"/>
                <a:gd name="connsiteX28" fmla="*/ 272573 w 569233"/>
                <a:gd name="connsiteY28" fmla="*/ 87477 h 234539"/>
                <a:gd name="connsiteX29" fmla="*/ 281447 w 569233"/>
                <a:gd name="connsiteY29" fmla="*/ 100155 h 234539"/>
                <a:gd name="connsiteX30" fmla="*/ 343568 w 569233"/>
                <a:gd name="connsiteY30" fmla="*/ 100155 h 234539"/>
                <a:gd name="connsiteX31" fmla="*/ 343568 w 569233"/>
                <a:gd name="connsiteY31" fmla="*/ 92548 h 234539"/>
                <a:gd name="connsiteX32" fmla="*/ 348640 w 569233"/>
                <a:gd name="connsiteY32" fmla="*/ 95084 h 234539"/>
                <a:gd name="connsiteX33" fmla="*/ 353711 w 569233"/>
                <a:gd name="connsiteY33" fmla="*/ 97619 h 234539"/>
                <a:gd name="connsiteX34" fmla="*/ 361317 w 569233"/>
                <a:gd name="connsiteY34" fmla="*/ 98887 h 234539"/>
                <a:gd name="connsiteX35" fmla="*/ 406957 w 569233"/>
                <a:gd name="connsiteY35" fmla="*/ 98887 h 234539"/>
                <a:gd name="connsiteX36" fmla="*/ 412029 w 569233"/>
                <a:gd name="connsiteY36" fmla="*/ 84941 h 234539"/>
                <a:gd name="connsiteX37" fmla="*/ 422171 w 569233"/>
                <a:gd name="connsiteY37" fmla="*/ 84941 h 234539"/>
                <a:gd name="connsiteX38" fmla="*/ 427242 w 569233"/>
                <a:gd name="connsiteY38" fmla="*/ 98887 h 234539"/>
                <a:gd name="connsiteX39" fmla="*/ 489363 w 569233"/>
                <a:gd name="connsiteY39" fmla="*/ 98887 h 234539"/>
                <a:gd name="connsiteX40" fmla="*/ 489363 w 569233"/>
                <a:gd name="connsiteY40" fmla="*/ 86209 h 234539"/>
                <a:gd name="connsiteX41" fmla="*/ 499505 w 569233"/>
                <a:gd name="connsiteY41" fmla="*/ 100155 h 234539"/>
                <a:gd name="connsiteX42" fmla="*/ 569233 w 569233"/>
                <a:gd name="connsiteY42" fmla="*/ 226933 h 234539"/>
                <a:gd name="connsiteX43" fmla="*/ 569233 w 569233"/>
                <a:gd name="connsiteY43" fmla="*/ 133117 h 234539"/>
                <a:gd name="connsiteX44" fmla="*/ 220594 w 569233"/>
                <a:gd name="connsiteY44" fmla="*/ 133117 h 234539"/>
                <a:gd name="connsiteX45" fmla="*/ 211719 w 569233"/>
                <a:gd name="connsiteY45" fmla="*/ 145795 h 234539"/>
                <a:gd name="connsiteX46" fmla="*/ 202845 w 569233"/>
                <a:gd name="connsiteY46" fmla="*/ 133117 h 234539"/>
                <a:gd name="connsiteX47" fmla="*/ 101422 w 569233"/>
                <a:gd name="connsiteY47" fmla="*/ 133117 h 234539"/>
                <a:gd name="connsiteX48" fmla="*/ 101422 w 569233"/>
                <a:gd name="connsiteY48" fmla="*/ 233272 h 234539"/>
                <a:gd name="connsiteX49" fmla="*/ 202845 w 569233"/>
                <a:gd name="connsiteY49" fmla="*/ 233272 h 234539"/>
                <a:gd name="connsiteX50" fmla="*/ 211719 w 569233"/>
                <a:gd name="connsiteY50" fmla="*/ 220594 h 234539"/>
                <a:gd name="connsiteX51" fmla="*/ 220594 w 569233"/>
                <a:gd name="connsiteY51" fmla="*/ 233272 h 234539"/>
                <a:gd name="connsiteX52" fmla="*/ 283983 w 569233"/>
                <a:gd name="connsiteY52" fmla="*/ 233272 h 234539"/>
                <a:gd name="connsiteX53" fmla="*/ 283983 w 569233"/>
                <a:gd name="connsiteY53" fmla="*/ 211719 h 234539"/>
                <a:gd name="connsiteX54" fmla="*/ 281447 w 569233"/>
                <a:gd name="connsiteY54" fmla="*/ 211719 h 234539"/>
                <a:gd name="connsiteX55" fmla="*/ 304267 w 569233"/>
                <a:gd name="connsiteY55" fmla="*/ 207916 h 234539"/>
                <a:gd name="connsiteX56" fmla="*/ 304267 w 569233"/>
                <a:gd name="connsiteY56" fmla="*/ 234539 h 234539"/>
                <a:gd name="connsiteX57" fmla="*/ 349907 w 569233"/>
                <a:gd name="connsiteY57" fmla="*/ 234539 h 234539"/>
                <a:gd name="connsiteX58" fmla="*/ 349907 w 569233"/>
                <a:gd name="connsiteY58" fmla="*/ 221862 h 234539"/>
                <a:gd name="connsiteX59" fmla="*/ 358782 w 569233"/>
                <a:gd name="connsiteY59" fmla="*/ 234539 h 234539"/>
                <a:gd name="connsiteX60" fmla="*/ 547681 w 569233"/>
                <a:gd name="connsiteY60" fmla="*/ 234539 h 234539"/>
                <a:gd name="connsiteX61" fmla="*/ 569233 w 569233"/>
                <a:gd name="connsiteY61" fmla="*/ 226933 h 2345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Lst>
              <a:rect l="l" t="t" r="r" b="b"/>
              <a:pathLst>
                <a:path w="569233" h="234539">
                  <a:moveTo>
                    <a:pt x="499505" y="100155"/>
                  </a:moveTo>
                  <a:lnTo>
                    <a:pt x="542610" y="100155"/>
                  </a:lnTo>
                  <a:lnTo>
                    <a:pt x="542610" y="0"/>
                  </a:lnTo>
                  <a:lnTo>
                    <a:pt x="495702" y="0"/>
                  </a:lnTo>
                  <a:lnTo>
                    <a:pt x="495702" y="13946"/>
                  </a:lnTo>
                  <a:lnTo>
                    <a:pt x="486828" y="0"/>
                  </a:lnTo>
                  <a:lnTo>
                    <a:pt x="446259" y="0"/>
                  </a:lnTo>
                  <a:lnTo>
                    <a:pt x="446259" y="17749"/>
                  </a:lnTo>
                  <a:lnTo>
                    <a:pt x="438652" y="0"/>
                  </a:lnTo>
                  <a:lnTo>
                    <a:pt x="363853" y="0"/>
                  </a:lnTo>
                  <a:cubicBezTo>
                    <a:pt x="361317" y="0"/>
                    <a:pt x="358782" y="1268"/>
                    <a:pt x="356246" y="1268"/>
                  </a:cubicBezTo>
                  <a:cubicBezTo>
                    <a:pt x="353711" y="1268"/>
                    <a:pt x="352443" y="2536"/>
                    <a:pt x="349907" y="3803"/>
                  </a:cubicBezTo>
                  <a:cubicBezTo>
                    <a:pt x="347372" y="5071"/>
                    <a:pt x="346104" y="5071"/>
                    <a:pt x="343568" y="6339"/>
                  </a:cubicBezTo>
                  <a:lnTo>
                    <a:pt x="343568" y="0"/>
                  </a:lnTo>
                  <a:lnTo>
                    <a:pt x="129314" y="0"/>
                  </a:lnTo>
                  <a:lnTo>
                    <a:pt x="122975" y="16481"/>
                  </a:lnTo>
                  <a:lnTo>
                    <a:pt x="116636" y="0"/>
                  </a:lnTo>
                  <a:lnTo>
                    <a:pt x="65925" y="0"/>
                  </a:lnTo>
                  <a:lnTo>
                    <a:pt x="65925" y="17749"/>
                  </a:lnTo>
                  <a:lnTo>
                    <a:pt x="58318" y="0"/>
                  </a:lnTo>
                  <a:lnTo>
                    <a:pt x="17749" y="0"/>
                  </a:lnTo>
                  <a:lnTo>
                    <a:pt x="0" y="43105"/>
                  </a:lnTo>
                  <a:lnTo>
                    <a:pt x="0" y="100155"/>
                  </a:lnTo>
                  <a:lnTo>
                    <a:pt x="29159" y="100155"/>
                  </a:lnTo>
                  <a:lnTo>
                    <a:pt x="34230" y="86209"/>
                  </a:lnTo>
                  <a:lnTo>
                    <a:pt x="44372" y="86209"/>
                  </a:lnTo>
                  <a:lnTo>
                    <a:pt x="49443" y="100155"/>
                  </a:lnTo>
                  <a:lnTo>
                    <a:pt x="272573" y="100155"/>
                  </a:lnTo>
                  <a:lnTo>
                    <a:pt x="272573" y="87477"/>
                  </a:lnTo>
                  <a:lnTo>
                    <a:pt x="281447" y="100155"/>
                  </a:lnTo>
                  <a:lnTo>
                    <a:pt x="343568" y="100155"/>
                  </a:lnTo>
                  <a:lnTo>
                    <a:pt x="343568" y="92548"/>
                  </a:lnTo>
                  <a:cubicBezTo>
                    <a:pt x="344836" y="93816"/>
                    <a:pt x="347372" y="93816"/>
                    <a:pt x="348640" y="95084"/>
                  </a:cubicBezTo>
                  <a:cubicBezTo>
                    <a:pt x="349907" y="96351"/>
                    <a:pt x="352443" y="96351"/>
                    <a:pt x="353711" y="97619"/>
                  </a:cubicBezTo>
                  <a:cubicBezTo>
                    <a:pt x="356246" y="98887"/>
                    <a:pt x="358782" y="98887"/>
                    <a:pt x="361317" y="98887"/>
                  </a:cubicBezTo>
                  <a:lnTo>
                    <a:pt x="406957" y="98887"/>
                  </a:lnTo>
                  <a:lnTo>
                    <a:pt x="412029" y="84941"/>
                  </a:lnTo>
                  <a:lnTo>
                    <a:pt x="422171" y="84941"/>
                  </a:lnTo>
                  <a:lnTo>
                    <a:pt x="427242" y="98887"/>
                  </a:lnTo>
                  <a:lnTo>
                    <a:pt x="489363" y="98887"/>
                  </a:lnTo>
                  <a:lnTo>
                    <a:pt x="489363" y="86209"/>
                  </a:lnTo>
                  <a:lnTo>
                    <a:pt x="499505" y="100155"/>
                  </a:lnTo>
                  <a:close/>
                  <a:moveTo>
                    <a:pt x="569233" y="226933"/>
                  </a:moveTo>
                  <a:lnTo>
                    <a:pt x="569233" y="133117"/>
                  </a:lnTo>
                  <a:lnTo>
                    <a:pt x="220594" y="133117"/>
                  </a:lnTo>
                  <a:lnTo>
                    <a:pt x="211719" y="145795"/>
                  </a:lnTo>
                  <a:lnTo>
                    <a:pt x="202845" y="133117"/>
                  </a:lnTo>
                  <a:lnTo>
                    <a:pt x="101422" y="133117"/>
                  </a:lnTo>
                  <a:lnTo>
                    <a:pt x="101422" y="233272"/>
                  </a:lnTo>
                  <a:lnTo>
                    <a:pt x="202845" y="233272"/>
                  </a:lnTo>
                  <a:lnTo>
                    <a:pt x="211719" y="220594"/>
                  </a:lnTo>
                  <a:lnTo>
                    <a:pt x="220594" y="233272"/>
                  </a:lnTo>
                  <a:lnTo>
                    <a:pt x="283983" y="233272"/>
                  </a:lnTo>
                  <a:lnTo>
                    <a:pt x="283983" y="211719"/>
                  </a:lnTo>
                  <a:lnTo>
                    <a:pt x="281447" y="211719"/>
                  </a:lnTo>
                  <a:cubicBezTo>
                    <a:pt x="290322" y="211719"/>
                    <a:pt x="297928" y="210452"/>
                    <a:pt x="304267" y="207916"/>
                  </a:cubicBezTo>
                  <a:lnTo>
                    <a:pt x="304267" y="234539"/>
                  </a:lnTo>
                  <a:lnTo>
                    <a:pt x="349907" y="234539"/>
                  </a:lnTo>
                  <a:lnTo>
                    <a:pt x="349907" y="221862"/>
                  </a:lnTo>
                  <a:lnTo>
                    <a:pt x="358782" y="234539"/>
                  </a:lnTo>
                  <a:lnTo>
                    <a:pt x="547681" y="234539"/>
                  </a:lnTo>
                  <a:cubicBezTo>
                    <a:pt x="555288" y="232004"/>
                    <a:pt x="562894" y="230736"/>
                    <a:pt x="569233" y="226933"/>
                  </a:cubicBezTo>
                  <a:close/>
                </a:path>
              </a:pathLst>
            </a:custGeom>
            <a:solidFill>
              <a:srgbClr val="FFFFF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sp>
          <p:nvSpPr>
            <p:cNvPr id="274" name="Freeform: Shape 273">
              <a:extLst>
                <a:ext uri="{FF2B5EF4-FFF2-40B4-BE49-F238E27FC236}">
                  <a16:creationId xmlns:a16="http://schemas.microsoft.com/office/drawing/2014/main" id="{E2A66460-0782-8DCB-EFE4-86D90D508885}"/>
                </a:ext>
              </a:extLst>
            </p:cNvPr>
            <p:cNvSpPr/>
            <p:nvPr/>
          </p:nvSpPr>
          <p:spPr>
            <a:xfrm>
              <a:off x="1185191" y="4108668"/>
              <a:ext cx="569233" cy="200309"/>
            </a:xfrm>
            <a:custGeom>
              <a:avLst/>
              <a:gdLst>
                <a:gd name="connsiteX0" fmla="*/ 547681 w 569233"/>
                <a:gd name="connsiteY0" fmla="*/ 186364 h 200309"/>
                <a:gd name="connsiteX1" fmla="*/ 513451 w 569233"/>
                <a:gd name="connsiteY1" fmla="*/ 186364 h 200309"/>
                <a:gd name="connsiteX2" fmla="*/ 513451 w 569233"/>
                <a:gd name="connsiteY2" fmla="*/ 200309 h 200309"/>
                <a:gd name="connsiteX3" fmla="*/ 546413 w 569233"/>
                <a:gd name="connsiteY3" fmla="*/ 200309 h 200309"/>
                <a:gd name="connsiteX4" fmla="*/ 569233 w 569233"/>
                <a:gd name="connsiteY4" fmla="*/ 178757 h 200309"/>
                <a:gd name="connsiteX5" fmla="*/ 548949 w 569233"/>
                <a:gd name="connsiteY5" fmla="*/ 159740 h 200309"/>
                <a:gd name="connsiteX6" fmla="*/ 533735 w 569233"/>
                <a:gd name="connsiteY6" fmla="*/ 159740 h 200309"/>
                <a:gd name="connsiteX7" fmla="*/ 527396 w 569233"/>
                <a:gd name="connsiteY7" fmla="*/ 153402 h 200309"/>
                <a:gd name="connsiteX8" fmla="*/ 533735 w 569233"/>
                <a:gd name="connsiteY8" fmla="*/ 147063 h 200309"/>
                <a:gd name="connsiteX9" fmla="*/ 562894 w 569233"/>
                <a:gd name="connsiteY9" fmla="*/ 147063 h 200309"/>
                <a:gd name="connsiteX10" fmla="*/ 569233 w 569233"/>
                <a:gd name="connsiteY10" fmla="*/ 133117 h 200309"/>
                <a:gd name="connsiteX11" fmla="*/ 535003 w 569233"/>
                <a:gd name="connsiteY11" fmla="*/ 133117 h 200309"/>
                <a:gd name="connsiteX12" fmla="*/ 512183 w 569233"/>
                <a:gd name="connsiteY12" fmla="*/ 153402 h 200309"/>
                <a:gd name="connsiteX13" fmla="*/ 532468 w 569233"/>
                <a:gd name="connsiteY13" fmla="*/ 172418 h 200309"/>
                <a:gd name="connsiteX14" fmla="*/ 547681 w 569233"/>
                <a:gd name="connsiteY14" fmla="*/ 172418 h 200309"/>
                <a:gd name="connsiteX15" fmla="*/ 554020 w 569233"/>
                <a:gd name="connsiteY15" fmla="*/ 178757 h 200309"/>
                <a:gd name="connsiteX16" fmla="*/ 547681 w 569233"/>
                <a:gd name="connsiteY16" fmla="*/ 186364 h 200309"/>
                <a:gd name="connsiteX17" fmla="*/ 485560 w 569233"/>
                <a:gd name="connsiteY17" fmla="*/ 186364 h 200309"/>
                <a:gd name="connsiteX18" fmla="*/ 451330 w 569233"/>
                <a:gd name="connsiteY18" fmla="*/ 186364 h 200309"/>
                <a:gd name="connsiteX19" fmla="*/ 451330 w 569233"/>
                <a:gd name="connsiteY19" fmla="*/ 200309 h 200309"/>
                <a:gd name="connsiteX20" fmla="*/ 484292 w 569233"/>
                <a:gd name="connsiteY20" fmla="*/ 200309 h 200309"/>
                <a:gd name="connsiteX21" fmla="*/ 507112 w 569233"/>
                <a:gd name="connsiteY21" fmla="*/ 178757 h 200309"/>
                <a:gd name="connsiteX22" fmla="*/ 486828 w 569233"/>
                <a:gd name="connsiteY22" fmla="*/ 159740 h 200309"/>
                <a:gd name="connsiteX23" fmla="*/ 471614 w 569233"/>
                <a:gd name="connsiteY23" fmla="*/ 159740 h 200309"/>
                <a:gd name="connsiteX24" fmla="*/ 465275 w 569233"/>
                <a:gd name="connsiteY24" fmla="*/ 153402 h 200309"/>
                <a:gd name="connsiteX25" fmla="*/ 471614 w 569233"/>
                <a:gd name="connsiteY25" fmla="*/ 147063 h 200309"/>
                <a:gd name="connsiteX26" fmla="*/ 500773 w 569233"/>
                <a:gd name="connsiteY26" fmla="*/ 147063 h 200309"/>
                <a:gd name="connsiteX27" fmla="*/ 507112 w 569233"/>
                <a:gd name="connsiteY27" fmla="*/ 133117 h 200309"/>
                <a:gd name="connsiteX28" fmla="*/ 472882 w 569233"/>
                <a:gd name="connsiteY28" fmla="*/ 133117 h 200309"/>
                <a:gd name="connsiteX29" fmla="*/ 450062 w 569233"/>
                <a:gd name="connsiteY29" fmla="*/ 153402 h 200309"/>
                <a:gd name="connsiteX30" fmla="*/ 470346 w 569233"/>
                <a:gd name="connsiteY30" fmla="*/ 172418 h 200309"/>
                <a:gd name="connsiteX31" fmla="*/ 485560 w 569233"/>
                <a:gd name="connsiteY31" fmla="*/ 172418 h 200309"/>
                <a:gd name="connsiteX32" fmla="*/ 491899 w 569233"/>
                <a:gd name="connsiteY32" fmla="*/ 178757 h 200309"/>
                <a:gd name="connsiteX33" fmla="*/ 485560 w 569233"/>
                <a:gd name="connsiteY33" fmla="*/ 186364 h 200309"/>
                <a:gd name="connsiteX34" fmla="*/ 441187 w 569233"/>
                <a:gd name="connsiteY34" fmla="*/ 145795 h 200309"/>
                <a:gd name="connsiteX35" fmla="*/ 441187 w 569233"/>
                <a:gd name="connsiteY35" fmla="*/ 131849 h 200309"/>
                <a:gd name="connsiteX36" fmla="*/ 387941 w 569233"/>
                <a:gd name="connsiteY36" fmla="*/ 131849 h 200309"/>
                <a:gd name="connsiteX37" fmla="*/ 387941 w 569233"/>
                <a:gd name="connsiteY37" fmla="*/ 199042 h 200309"/>
                <a:gd name="connsiteX38" fmla="*/ 441187 w 569233"/>
                <a:gd name="connsiteY38" fmla="*/ 199042 h 200309"/>
                <a:gd name="connsiteX39" fmla="*/ 441187 w 569233"/>
                <a:gd name="connsiteY39" fmla="*/ 185096 h 200309"/>
                <a:gd name="connsiteX40" fmla="*/ 403154 w 569233"/>
                <a:gd name="connsiteY40" fmla="*/ 185096 h 200309"/>
                <a:gd name="connsiteX41" fmla="*/ 403154 w 569233"/>
                <a:gd name="connsiteY41" fmla="*/ 171150 h 200309"/>
                <a:gd name="connsiteX42" fmla="*/ 439920 w 569233"/>
                <a:gd name="connsiteY42" fmla="*/ 171150 h 200309"/>
                <a:gd name="connsiteX43" fmla="*/ 439920 w 569233"/>
                <a:gd name="connsiteY43" fmla="*/ 157205 h 200309"/>
                <a:gd name="connsiteX44" fmla="*/ 403154 w 569233"/>
                <a:gd name="connsiteY44" fmla="*/ 157205 h 200309"/>
                <a:gd name="connsiteX45" fmla="*/ 403154 w 569233"/>
                <a:gd name="connsiteY45" fmla="*/ 144527 h 200309"/>
                <a:gd name="connsiteX46" fmla="*/ 441187 w 569233"/>
                <a:gd name="connsiteY46" fmla="*/ 144527 h 200309"/>
                <a:gd name="connsiteX47" fmla="*/ 441187 w 569233"/>
                <a:gd name="connsiteY47" fmla="*/ 145795 h 200309"/>
                <a:gd name="connsiteX48" fmla="*/ 354978 w 569233"/>
                <a:gd name="connsiteY48" fmla="*/ 145795 h 200309"/>
                <a:gd name="connsiteX49" fmla="*/ 363853 w 569233"/>
                <a:gd name="connsiteY49" fmla="*/ 153402 h 200309"/>
                <a:gd name="connsiteX50" fmla="*/ 354978 w 569233"/>
                <a:gd name="connsiteY50" fmla="*/ 161008 h 200309"/>
                <a:gd name="connsiteX51" fmla="*/ 335962 w 569233"/>
                <a:gd name="connsiteY51" fmla="*/ 161008 h 200309"/>
                <a:gd name="connsiteX52" fmla="*/ 335962 w 569233"/>
                <a:gd name="connsiteY52" fmla="*/ 144527 h 200309"/>
                <a:gd name="connsiteX53" fmla="*/ 354978 w 569233"/>
                <a:gd name="connsiteY53" fmla="*/ 145795 h 200309"/>
                <a:gd name="connsiteX54" fmla="*/ 335962 w 569233"/>
                <a:gd name="connsiteY54" fmla="*/ 174954 h 200309"/>
                <a:gd name="connsiteX55" fmla="*/ 343568 w 569233"/>
                <a:gd name="connsiteY55" fmla="*/ 174954 h 200309"/>
                <a:gd name="connsiteX56" fmla="*/ 363853 w 569233"/>
                <a:gd name="connsiteY56" fmla="*/ 199042 h 200309"/>
                <a:gd name="connsiteX57" fmla="*/ 382870 w 569233"/>
                <a:gd name="connsiteY57" fmla="*/ 199042 h 200309"/>
                <a:gd name="connsiteX58" fmla="*/ 360050 w 569233"/>
                <a:gd name="connsiteY58" fmla="*/ 173686 h 200309"/>
                <a:gd name="connsiteX59" fmla="*/ 377798 w 569233"/>
                <a:gd name="connsiteY59" fmla="*/ 153402 h 200309"/>
                <a:gd name="connsiteX60" fmla="*/ 354978 w 569233"/>
                <a:gd name="connsiteY60" fmla="*/ 131849 h 200309"/>
                <a:gd name="connsiteX61" fmla="*/ 319481 w 569233"/>
                <a:gd name="connsiteY61" fmla="*/ 131849 h 200309"/>
                <a:gd name="connsiteX62" fmla="*/ 319481 w 569233"/>
                <a:gd name="connsiteY62" fmla="*/ 199042 h 200309"/>
                <a:gd name="connsiteX63" fmla="*/ 334694 w 569233"/>
                <a:gd name="connsiteY63" fmla="*/ 199042 h 200309"/>
                <a:gd name="connsiteX64" fmla="*/ 335962 w 569233"/>
                <a:gd name="connsiteY64" fmla="*/ 174954 h 200309"/>
                <a:gd name="connsiteX65" fmla="*/ 295393 w 569233"/>
                <a:gd name="connsiteY65" fmla="*/ 154669 h 200309"/>
                <a:gd name="connsiteX66" fmla="*/ 286518 w 569233"/>
                <a:gd name="connsiteY66" fmla="*/ 163544 h 200309"/>
                <a:gd name="connsiteX67" fmla="*/ 266234 w 569233"/>
                <a:gd name="connsiteY67" fmla="*/ 163544 h 200309"/>
                <a:gd name="connsiteX68" fmla="*/ 266234 w 569233"/>
                <a:gd name="connsiteY68" fmla="*/ 145795 h 200309"/>
                <a:gd name="connsiteX69" fmla="*/ 285251 w 569233"/>
                <a:gd name="connsiteY69" fmla="*/ 145795 h 200309"/>
                <a:gd name="connsiteX70" fmla="*/ 295393 w 569233"/>
                <a:gd name="connsiteY70" fmla="*/ 154669 h 200309"/>
                <a:gd name="connsiteX71" fmla="*/ 251020 w 569233"/>
                <a:gd name="connsiteY71" fmla="*/ 131849 h 200309"/>
                <a:gd name="connsiteX72" fmla="*/ 251020 w 569233"/>
                <a:gd name="connsiteY72" fmla="*/ 199042 h 200309"/>
                <a:gd name="connsiteX73" fmla="*/ 266234 w 569233"/>
                <a:gd name="connsiteY73" fmla="*/ 199042 h 200309"/>
                <a:gd name="connsiteX74" fmla="*/ 266234 w 569233"/>
                <a:gd name="connsiteY74" fmla="*/ 176222 h 200309"/>
                <a:gd name="connsiteX75" fmla="*/ 286518 w 569233"/>
                <a:gd name="connsiteY75" fmla="*/ 176222 h 200309"/>
                <a:gd name="connsiteX76" fmla="*/ 310606 w 569233"/>
                <a:gd name="connsiteY76" fmla="*/ 153402 h 200309"/>
                <a:gd name="connsiteX77" fmla="*/ 287786 w 569233"/>
                <a:gd name="connsiteY77" fmla="*/ 130581 h 200309"/>
                <a:gd name="connsiteX78" fmla="*/ 251020 w 569233"/>
                <a:gd name="connsiteY78" fmla="*/ 131849 h 200309"/>
                <a:gd name="connsiteX79" fmla="*/ 228200 w 569233"/>
                <a:gd name="connsiteY79" fmla="*/ 199042 h 200309"/>
                <a:gd name="connsiteX80" fmla="*/ 247217 w 569233"/>
                <a:gd name="connsiteY80" fmla="*/ 199042 h 200309"/>
                <a:gd name="connsiteX81" fmla="*/ 220594 w 569233"/>
                <a:gd name="connsiteY81" fmla="*/ 164812 h 200309"/>
                <a:gd name="connsiteX82" fmla="*/ 247217 w 569233"/>
                <a:gd name="connsiteY82" fmla="*/ 131849 h 200309"/>
                <a:gd name="connsiteX83" fmla="*/ 228200 w 569233"/>
                <a:gd name="connsiteY83" fmla="*/ 131849 h 200309"/>
                <a:gd name="connsiteX84" fmla="*/ 211719 w 569233"/>
                <a:gd name="connsiteY84" fmla="*/ 153402 h 200309"/>
                <a:gd name="connsiteX85" fmla="*/ 195238 w 569233"/>
                <a:gd name="connsiteY85" fmla="*/ 131849 h 200309"/>
                <a:gd name="connsiteX86" fmla="*/ 176221 w 569233"/>
                <a:gd name="connsiteY86" fmla="*/ 131849 h 200309"/>
                <a:gd name="connsiteX87" fmla="*/ 202845 w 569233"/>
                <a:gd name="connsiteY87" fmla="*/ 164812 h 200309"/>
                <a:gd name="connsiteX88" fmla="*/ 176221 w 569233"/>
                <a:gd name="connsiteY88" fmla="*/ 197774 h 200309"/>
                <a:gd name="connsiteX89" fmla="*/ 195238 w 569233"/>
                <a:gd name="connsiteY89" fmla="*/ 197774 h 200309"/>
                <a:gd name="connsiteX90" fmla="*/ 211719 w 569233"/>
                <a:gd name="connsiteY90" fmla="*/ 176222 h 200309"/>
                <a:gd name="connsiteX91" fmla="*/ 228200 w 569233"/>
                <a:gd name="connsiteY91" fmla="*/ 199042 h 200309"/>
                <a:gd name="connsiteX92" fmla="*/ 171150 w 569233"/>
                <a:gd name="connsiteY92" fmla="*/ 145795 h 200309"/>
                <a:gd name="connsiteX93" fmla="*/ 171150 w 569233"/>
                <a:gd name="connsiteY93" fmla="*/ 131849 h 200309"/>
                <a:gd name="connsiteX94" fmla="*/ 117904 w 569233"/>
                <a:gd name="connsiteY94" fmla="*/ 131849 h 200309"/>
                <a:gd name="connsiteX95" fmla="*/ 117904 w 569233"/>
                <a:gd name="connsiteY95" fmla="*/ 199042 h 200309"/>
                <a:gd name="connsiteX96" fmla="*/ 171150 w 569233"/>
                <a:gd name="connsiteY96" fmla="*/ 199042 h 200309"/>
                <a:gd name="connsiteX97" fmla="*/ 171150 w 569233"/>
                <a:gd name="connsiteY97" fmla="*/ 185096 h 200309"/>
                <a:gd name="connsiteX98" fmla="*/ 133117 w 569233"/>
                <a:gd name="connsiteY98" fmla="*/ 185096 h 200309"/>
                <a:gd name="connsiteX99" fmla="*/ 133117 w 569233"/>
                <a:gd name="connsiteY99" fmla="*/ 171150 h 200309"/>
                <a:gd name="connsiteX100" fmla="*/ 169883 w 569233"/>
                <a:gd name="connsiteY100" fmla="*/ 171150 h 200309"/>
                <a:gd name="connsiteX101" fmla="*/ 169883 w 569233"/>
                <a:gd name="connsiteY101" fmla="*/ 157205 h 200309"/>
                <a:gd name="connsiteX102" fmla="*/ 133117 w 569233"/>
                <a:gd name="connsiteY102" fmla="*/ 157205 h 200309"/>
                <a:gd name="connsiteX103" fmla="*/ 133117 w 569233"/>
                <a:gd name="connsiteY103" fmla="*/ 144527 h 200309"/>
                <a:gd name="connsiteX104" fmla="*/ 171150 w 569233"/>
                <a:gd name="connsiteY104" fmla="*/ 144527 h 200309"/>
                <a:gd name="connsiteX105" fmla="*/ 171150 w 569233"/>
                <a:gd name="connsiteY105" fmla="*/ 145795 h 200309"/>
                <a:gd name="connsiteX106" fmla="*/ 479221 w 569233"/>
                <a:gd name="connsiteY106" fmla="*/ 26624 h 200309"/>
                <a:gd name="connsiteX107" fmla="*/ 505844 w 569233"/>
                <a:gd name="connsiteY107" fmla="*/ 67192 h 200309"/>
                <a:gd name="connsiteX108" fmla="*/ 524861 w 569233"/>
                <a:gd name="connsiteY108" fmla="*/ 67192 h 200309"/>
                <a:gd name="connsiteX109" fmla="*/ 524861 w 569233"/>
                <a:gd name="connsiteY109" fmla="*/ 0 h 200309"/>
                <a:gd name="connsiteX110" fmla="*/ 509648 w 569233"/>
                <a:gd name="connsiteY110" fmla="*/ 0 h 200309"/>
                <a:gd name="connsiteX111" fmla="*/ 509648 w 569233"/>
                <a:gd name="connsiteY111" fmla="*/ 44372 h 200309"/>
                <a:gd name="connsiteX112" fmla="*/ 505844 w 569233"/>
                <a:gd name="connsiteY112" fmla="*/ 38034 h 200309"/>
                <a:gd name="connsiteX113" fmla="*/ 481756 w 569233"/>
                <a:gd name="connsiteY113" fmla="*/ 0 h 200309"/>
                <a:gd name="connsiteX114" fmla="*/ 461472 w 569233"/>
                <a:gd name="connsiteY114" fmla="*/ 0 h 200309"/>
                <a:gd name="connsiteX115" fmla="*/ 461472 w 569233"/>
                <a:gd name="connsiteY115" fmla="*/ 67192 h 200309"/>
                <a:gd name="connsiteX116" fmla="*/ 476685 w 569233"/>
                <a:gd name="connsiteY116" fmla="*/ 67192 h 200309"/>
                <a:gd name="connsiteX117" fmla="*/ 476685 w 569233"/>
                <a:gd name="connsiteY117" fmla="*/ 21552 h 200309"/>
                <a:gd name="connsiteX118" fmla="*/ 479221 w 569233"/>
                <a:gd name="connsiteY118" fmla="*/ 26624 h 200309"/>
                <a:gd name="connsiteX119" fmla="*/ 413296 w 569233"/>
                <a:gd name="connsiteY119" fmla="*/ 25356 h 200309"/>
                <a:gd name="connsiteX120" fmla="*/ 418367 w 569233"/>
                <a:gd name="connsiteY120" fmla="*/ 11410 h 200309"/>
                <a:gd name="connsiteX121" fmla="*/ 423439 w 569233"/>
                <a:gd name="connsiteY121" fmla="*/ 25356 h 200309"/>
                <a:gd name="connsiteX122" fmla="*/ 429777 w 569233"/>
                <a:gd name="connsiteY122" fmla="*/ 40569 h 200309"/>
                <a:gd name="connsiteX123" fmla="*/ 406957 w 569233"/>
                <a:gd name="connsiteY123" fmla="*/ 40569 h 200309"/>
                <a:gd name="connsiteX124" fmla="*/ 413296 w 569233"/>
                <a:gd name="connsiteY124" fmla="*/ 25356 h 200309"/>
                <a:gd name="connsiteX125" fmla="*/ 439920 w 569233"/>
                <a:gd name="connsiteY125" fmla="*/ 67192 h 200309"/>
                <a:gd name="connsiteX126" fmla="*/ 456401 w 569233"/>
                <a:gd name="connsiteY126" fmla="*/ 67192 h 200309"/>
                <a:gd name="connsiteX127" fmla="*/ 427242 w 569233"/>
                <a:gd name="connsiteY127" fmla="*/ 0 h 200309"/>
                <a:gd name="connsiteX128" fmla="*/ 406957 w 569233"/>
                <a:gd name="connsiteY128" fmla="*/ 0 h 200309"/>
                <a:gd name="connsiteX129" fmla="*/ 377798 w 569233"/>
                <a:gd name="connsiteY129" fmla="*/ 67192 h 200309"/>
                <a:gd name="connsiteX130" fmla="*/ 394280 w 569233"/>
                <a:gd name="connsiteY130" fmla="*/ 67192 h 200309"/>
                <a:gd name="connsiteX131" fmla="*/ 400619 w 569233"/>
                <a:gd name="connsiteY131" fmla="*/ 53247 h 200309"/>
                <a:gd name="connsiteX132" fmla="*/ 433581 w 569233"/>
                <a:gd name="connsiteY132" fmla="*/ 53247 h 200309"/>
                <a:gd name="connsiteX133" fmla="*/ 439920 w 569233"/>
                <a:gd name="connsiteY133" fmla="*/ 67192 h 200309"/>
                <a:gd name="connsiteX134" fmla="*/ 368924 w 569233"/>
                <a:gd name="connsiteY134" fmla="*/ 67192 h 200309"/>
                <a:gd name="connsiteX135" fmla="*/ 375263 w 569233"/>
                <a:gd name="connsiteY135" fmla="*/ 53247 h 200309"/>
                <a:gd name="connsiteX136" fmla="*/ 371460 w 569233"/>
                <a:gd name="connsiteY136" fmla="*/ 53247 h 200309"/>
                <a:gd name="connsiteX137" fmla="*/ 353711 w 569233"/>
                <a:gd name="connsiteY137" fmla="*/ 34230 h 200309"/>
                <a:gd name="connsiteX138" fmla="*/ 353711 w 569233"/>
                <a:gd name="connsiteY138" fmla="*/ 32962 h 200309"/>
                <a:gd name="connsiteX139" fmla="*/ 371460 w 569233"/>
                <a:gd name="connsiteY139" fmla="*/ 13946 h 200309"/>
                <a:gd name="connsiteX140" fmla="*/ 387941 w 569233"/>
                <a:gd name="connsiteY140" fmla="*/ 13946 h 200309"/>
                <a:gd name="connsiteX141" fmla="*/ 387941 w 569233"/>
                <a:gd name="connsiteY141" fmla="*/ 0 h 200309"/>
                <a:gd name="connsiteX142" fmla="*/ 370192 w 569233"/>
                <a:gd name="connsiteY142" fmla="*/ 0 h 200309"/>
                <a:gd name="connsiteX143" fmla="*/ 338497 w 569233"/>
                <a:gd name="connsiteY143" fmla="*/ 32962 h 200309"/>
                <a:gd name="connsiteX144" fmla="*/ 338497 w 569233"/>
                <a:gd name="connsiteY144" fmla="*/ 34230 h 200309"/>
                <a:gd name="connsiteX145" fmla="*/ 368924 w 569233"/>
                <a:gd name="connsiteY145" fmla="*/ 67192 h 200309"/>
                <a:gd name="connsiteX146" fmla="*/ 311874 w 569233"/>
                <a:gd name="connsiteY146" fmla="*/ 67192 h 200309"/>
                <a:gd name="connsiteX147" fmla="*/ 327087 w 569233"/>
                <a:gd name="connsiteY147" fmla="*/ 67192 h 200309"/>
                <a:gd name="connsiteX148" fmla="*/ 327087 w 569233"/>
                <a:gd name="connsiteY148" fmla="*/ 1268 h 200309"/>
                <a:gd name="connsiteX149" fmla="*/ 311874 w 569233"/>
                <a:gd name="connsiteY149" fmla="*/ 1268 h 200309"/>
                <a:gd name="connsiteX150" fmla="*/ 311874 w 569233"/>
                <a:gd name="connsiteY150" fmla="*/ 67192 h 200309"/>
                <a:gd name="connsiteX151" fmla="*/ 278912 w 569233"/>
                <a:gd name="connsiteY151" fmla="*/ 13946 h 200309"/>
                <a:gd name="connsiteX152" fmla="*/ 287786 w 569233"/>
                <a:gd name="connsiteY152" fmla="*/ 21552 h 200309"/>
                <a:gd name="connsiteX153" fmla="*/ 278912 w 569233"/>
                <a:gd name="connsiteY153" fmla="*/ 29159 h 200309"/>
                <a:gd name="connsiteX154" fmla="*/ 259895 w 569233"/>
                <a:gd name="connsiteY154" fmla="*/ 29159 h 200309"/>
                <a:gd name="connsiteX155" fmla="*/ 259895 w 569233"/>
                <a:gd name="connsiteY155" fmla="*/ 12678 h 200309"/>
                <a:gd name="connsiteX156" fmla="*/ 278912 w 569233"/>
                <a:gd name="connsiteY156" fmla="*/ 13946 h 200309"/>
                <a:gd name="connsiteX157" fmla="*/ 259895 w 569233"/>
                <a:gd name="connsiteY157" fmla="*/ 43105 h 200309"/>
                <a:gd name="connsiteX158" fmla="*/ 267502 w 569233"/>
                <a:gd name="connsiteY158" fmla="*/ 43105 h 200309"/>
                <a:gd name="connsiteX159" fmla="*/ 287786 w 569233"/>
                <a:gd name="connsiteY159" fmla="*/ 67192 h 200309"/>
                <a:gd name="connsiteX160" fmla="*/ 306803 w 569233"/>
                <a:gd name="connsiteY160" fmla="*/ 67192 h 200309"/>
                <a:gd name="connsiteX161" fmla="*/ 283983 w 569233"/>
                <a:gd name="connsiteY161" fmla="*/ 41837 h 200309"/>
                <a:gd name="connsiteX162" fmla="*/ 301732 w 569233"/>
                <a:gd name="connsiteY162" fmla="*/ 21552 h 200309"/>
                <a:gd name="connsiteX163" fmla="*/ 278912 w 569233"/>
                <a:gd name="connsiteY163" fmla="*/ 0 h 200309"/>
                <a:gd name="connsiteX164" fmla="*/ 243414 w 569233"/>
                <a:gd name="connsiteY164" fmla="*/ 0 h 200309"/>
                <a:gd name="connsiteX165" fmla="*/ 243414 w 569233"/>
                <a:gd name="connsiteY165" fmla="*/ 67192 h 200309"/>
                <a:gd name="connsiteX166" fmla="*/ 258627 w 569233"/>
                <a:gd name="connsiteY166" fmla="*/ 67192 h 200309"/>
                <a:gd name="connsiteX167" fmla="*/ 259895 w 569233"/>
                <a:gd name="connsiteY167" fmla="*/ 43105 h 200309"/>
                <a:gd name="connsiteX168" fmla="*/ 232004 w 569233"/>
                <a:gd name="connsiteY168" fmla="*/ 13946 h 200309"/>
                <a:gd name="connsiteX169" fmla="*/ 232004 w 569233"/>
                <a:gd name="connsiteY169" fmla="*/ 0 h 200309"/>
                <a:gd name="connsiteX170" fmla="*/ 178757 w 569233"/>
                <a:gd name="connsiteY170" fmla="*/ 0 h 200309"/>
                <a:gd name="connsiteX171" fmla="*/ 178757 w 569233"/>
                <a:gd name="connsiteY171" fmla="*/ 67192 h 200309"/>
                <a:gd name="connsiteX172" fmla="*/ 232004 w 569233"/>
                <a:gd name="connsiteY172" fmla="*/ 67192 h 200309"/>
                <a:gd name="connsiteX173" fmla="*/ 232004 w 569233"/>
                <a:gd name="connsiteY173" fmla="*/ 53247 h 200309"/>
                <a:gd name="connsiteX174" fmla="*/ 193970 w 569233"/>
                <a:gd name="connsiteY174" fmla="*/ 53247 h 200309"/>
                <a:gd name="connsiteX175" fmla="*/ 193970 w 569233"/>
                <a:gd name="connsiteY175" fmla="*/ 39301 h 200309"/>
                <a:gd name="connsiteX176" fmla="*/ 230736 w 569233"/>
                <a:gd name="connsiteY176" fmla="*/ 39301 h 200309"/>
                <a:gd name="connsiteX177" fmla="*/ 230736 w 569233"/>
                <a:gd name="connsiteY177" fmla="*/ 25356 h 200309"/>
                <a:gd name="connsiteX178" fmla="*/ 193970 w 569233"/>
                <a:gd name="connsiteY178" fmla="*/ 25356 h 200309"/>
                <a:gd name="connsiteX179" fmla="*/ 193970 w 569233"/>
                <a:gd name="connsiteY179" fmla="*/ 12678 h 200309"/>
                <a:gd name="connsiteX180" fmla="*/ 232004 w 569233"/>
                <a:gd name="connsiteY180" fmla="*/ 12678 h 200309"/>
                <a:gd name="connsiteX181" fmla="*/ 232004 w 569233"/>
                <a:gd name="connsiteY181" fmla="*/ 13946 h 200309"/>
                <a:gd name="connsiteX182" fmla="*/ 116636 w 569233"/>
                <a:gd name="connsiteY182" fmla="*/ 67192 h 200309"/>
                <a:gd name="connsiteX183" fmla="*/ 130581 w 569233"/>
                <a:gd name="connsiteY183" fmla="*/ 67192 h 200309"/>
                <a:gd name="connsiteX184" fmla="*/ 149598 w 569233"/>
                <a:gd name="connsiteY184" fmla="*/ 12678 h 200309"/>
                <a:gd name="connsiteX185" fmla="*/ 149598 w 569233"/>
                <a:gd name="connsiteY185" fmla="*/ 67192 h 200309"/>
                <a:gd name="connsiteX186" fmla="*/ 164811 w 569233"/>
                <a:gd name="connsiteY186" fmla="*/ 67192 h 200309"/>
                <a:gd name="connsiteX187" fmla="*/ 164811 w 569233"/>
                <a:gd name="connsiteY187" fmla="*/ 0 h 200309"/>
                <a:gd name="connsiteX188" fmla="*/ 139456 w 569233"/>
                <a:gd name="connsiteY188" fmla="*/ 0 h 200309"/>
                <a:gd name="connsiteX189" fmla="*/ 124242 w 569233"/>
                <a:gd name="connsiteY189" fmla="*/ 45640 h 200309"/>
                <a:gd name="connsiteX190" fmla="*/ 109029 w 569233"/>
                <a:gd name="connsiteY190" fmla="*/ 0 h 200309"/>
                <a:gd name="connsiteX191" fmla="*/ 83673 w 569233"/>
                <a:gd name="connsiteY191" fmla="*/ 0 h 200309"/>
                <a:gd name="connsiteX192" fmla="*/ 83673 w 569233"/>
                <a:gd name="connsiteY192" fmla="*/ 67192 h 200309"/>
                <a:gd name="connsiteX193" fmla="*/ 98887 w 569233"/>
                <a:gd name="connsiteY193" fmla="*/ 67192 h 200309"/>
                <a:gd name="connsiteX194" fmla="*/ 98887 w 569233"/>
                <a:gd name="connsiteY194" fmla="*/ 12678 h 200309"/>
                <a:gd name="connsiteX195" fmla="*/ 116636 w 569233"/>
                <a:gd name="connsiteY195" fmla="*/ 67192 h 200309"/>
                <a:gd name="connsiteX196" fmla="*/ 34230 w 569233"/>
                <a:gd name="connsiteY196" fmla="*/ 25356 h 200309"/>
                <a:gd name="connsiteX197" fmla="*/ 39301 w 569233"/>
                <a:gd name="connsiteY197" fmla="*/ 11410 h 200309"/>
                <a:gd name="connsiteX198" fmla="*/ 44372 w 569233"/>
                <a:gd name="connsiteY198" fmla="*/ 25356 h 200309"/>
                <a:gd name="connsiteX199" fmla="*/ 50711 w 569233"/>
                <a:gd name="connsiteY199" fmla="*/ 40569 h 200309"/>
                <a:gd name="connsiteX200" fmla="*/ 27891 w 569233"/>
                <a:gd name="connsiteY200" fmla="*/ 40569 h 200309"/>
                <a:gd name="connsiteX201" fmla="*/ 34230 w 569233"/>
                <a:gd name="connsiteY201" fmla="*/ 25356 h 200309"/>
                <a:gd name="connsiteX202" fmla="*/ 60853 w 569233"/>
                <a:gd name="connsiteY202" fmla="*/ 67192 h 200309"/>
                <a:gd name="connsiteX203" fmla="*/ 77335 w 569233"/>
                <a:gd name="connsiteY203" fmla="*/ 67192 h 200309"/>
                <a:gd name="connsiteX204" fmla="*/ 48176 w 569233"/>
                <a:gd name="connsiteY204" fmla="*/ 0 h 200309"/>
                <a:gd name="connsiteX205" fmla="*/ 29159 w 569233"/>
                <a:gd name="connsiteY205" fmla="*/ 0 h 200309"/>
                <a:gd name="connsiteX206" fmla="*/ 0 w 569233"/>
                <a:gd name="connsiteY206" fmla="*/ 67192 h 200309"/>
                <a:gd name="connsiteX207" fmla="*/ 16481 w 569233"/>
                <a:gd name="connsiteY207" fmla="*/ 67192 h 200309"/>
                <a:gd name="connsiteX208" fmla="*/ 22820 w 569233"/>
                <a:gd name="connsiteY208" fmla="*/ 53247 h 200309"/>
                <a:gd name="connsiteX209" fmla="*/ 55782 w 569233"/>
                <a:gd name="connsiteY209" fmla="*/ 53247 h 200309"/>
                <a:gd name="connsiteX210" fmla="*/ 60853 w 569233"/>
                <a:gd name="connsiteY210" fmla="*/ 67192 h 20030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Lst>
              <a:rect l="l" t="t" r="r" b="b"/>
              <a:pathLst>
                <a:path w="569233" h="200309">
                  <a:moveTo>
                    <a:pt x="547681" y="186364"/>
                  </a:moveTo>
                  <a:lnTo>
                    <a:pt x="513451" y="186364"/>
                  </a:lnTo>
                  <a:lnTo>
                    <a:pt x="513451" y="200309"/>
                  </a:lnTo>
                  <a:lnTo>
                    <a:pt x="546413" y="200309"/>
                  </a:lnTo>
                  <a:cubicBezTo>
                    <a:pt x="560359" y="200309"/>
                    <a:pt x="569233" y="191435"/>
                    <a:pt x="569233" y="178757"/>
                  </a:cubicBezTo>
                  <a:cubicBezTo>
                    <a:pt x="569233" y="166079"/>
                    <a:pt x="561627" y="159740"/>
                    <a:pt x="548949" y="159740"/>
                  </a:cubicBezTo>
                  <a:lnTo>
                    <a:pt x="533735" y="159740"/>
                  </a:lnTo>
                  <a:cubicBezTo>
                    <a:pt x="529932" y="159740"/>
                    <a:pt x="527396" y="157205"/>
                    <a:pt x="527396" y="153402"/>
                  </a:cubicBezTo>
                  <a:cubicBezTo>
                    <a:pt x="527396" y="149598"/>
                    <a:pt x="529932" y="147063"/>
                    <a:pt x="533735" y="147063"/>
                  </a:cubicBezTo>
                  <a:lnTo>
                    <a:pt x="562894" y="147063"/>
                  </a:lnTo>
                  <a:lnTo>
                    <a:pt x="569233" y="133117"/>
                  </a:lnTo>
                  <a:lnTo>
                    <a:pt x="535003" y="133117"/>
                  </a:lnTo>
                  <a:cubicBezTo>
                    <a:pt x="521058" y="133117"/>
                    <a:pt x="512183" y="141991"/>
                    <a:pt x="512183" y="153402"/>
                  </a:cubicBezTo>
                  <a:cubicBezTo>
                    <a:pt x="512183" y="166079"/>
                    <a:pt x="519790" y="172418"/>
                    <a:pt x="532468" y="172418"/>
                  </a:cubicBezTo>
                  <a:lnTo>
                    <a:pt x="547681" y="172418"/>
                  </a:lnTo>
                  <a:cubicBezTo>
                    <a:pt x="551484" y="172418"/>
                    <a:pt x="554020" y="174954"/>
                    <a:pt x="554020" y="178757"/>
                  </a:cubicBezTo>
                  <a:cubicBezTo>
                    <a:pt x="555288" y="183828"/>
                    <a:pt x="552752" y="186364"/>
                    <a:pt x="547681" y="186364"/>
                  </a:cubicBezTo>
                  <a:close/>
                  <a:moveTo>
                    <a:pt x="485560" y="186364"/>
                  </a:moveTo>
                  <a:lnTo>
                    <a:pt x="451330" y="186364"/>
                  </a:lnTo>
                  <a:lnTo>
                    <a:pt x="451330" y="200309"/>
                  </a:lnTo>
                  <a:lnTo>
                    <a:pt x="484292" y="200309"/>
                  </a:lnTo>
                  <a:cubicBezTo>
                    <a:pt x="498238" y="200309"/>
                    <a:pt x="507112" y="191435"/>
                    <a:pt x="507112" y="178757"/>
                  </a:cubicBezTo>
                  <a:cubicBezTo>
                    <a:pt x="507112" y="166079"/>
                    <a:pt x="499505" y="159740"/>
                    <a:pt x="486828" y="159740"/>
                  </a:cubicBezTo>
                  <a:lnTo>
                    <a:pt x="471614" y="159740"/>
                  </a:lnTo>
                  <a:cubicBezTo>
                    <a:pt x="467811" y="159740"/>
                    <a:pt x="465275" y="157205"/>
                    <a:pt x="465275" y="153402"/>
                  </a:cubicBezTo>
                  <a:cubicBezTo>
                    <a:pt x="465275" y="149598"/>
                    <a:pt x="467811" y="147063"/>
                    <a:pt x="471614" y="147063"/>
                  </a:cubicBezTo>
                  <a:lnTo>
                    <a:pt x="500773" y="147063"/>
                  </a:lnTo>
                  <a:lnTo>
                    <a:pt x="507112" y="133117"/>
                  </a:lnTo>
                  <a:lnTo>
                    <a:pt x="472882" y="133117"/>
                  </a:lnTo>
                  <a:cubicBezTo>
                    <a:pt x="458936" y="133117"/>
                    <a:pt x="450062" y="141991"/>
                    <a:pt x="450062" y="153402"/>
                  </a:cubicBezTo>
                  <a:cubicBezTo>
                    <a:pt x="450062" y="166079"/>
                    <a:pt x="457669" y="172418"/>
                    <a:pt x="470346" y="172418"/>
                  </a:cubicBezTo>
                  <a:lnTo>
                    <a:pt x="485560" y="172418"/>
                  </a:lnTo>
                  <a:cubicBezTo>
                    <a:pt x="489363" y="172418"/>
                    <a:pt x="491899" y="174954"/>
                    <a:pt x="491899" y="178757"/>
                  </a:cubicBezTo>
                  <a:cubicBezTo>
                    <a:pt x="493166" y="183828"/>
                    <a:pt x="489363" y="186364"/>
                    <a:pt x="485560" y="186364"/>
                  </a:cubicBezTo>
                  <a:close/>
                  <a:moveTo>
                    <a:pt x="441187" y="145795"/>
                  </a:moveTo>
                  <a:lnTo>
                    <a:pt x="441187" y="131849"/>
                  </a:lnTo>
                  <a:lnTo>
                    <a:pt x="387941" y="131849"/>
                  </a:lnTo>
                  <a:lnTo>
                    <a:pt x="387941" y="199042"/>
                  </a:lnTo>
                  <a:lnTo>
                    <a:pt x="441187" y="199042"/>
                  </a:lnTo>
                  <a:lnTo>
                    <a:pt x="441187" y="185096"/>
                  </a:lnTo>
                  <a:lnTo>
                    <a:pt x="403154" y="185096"/>
                  </a:lnTo>
                  <a:lnTo>
                    <a:pt x="403154" y="171150"/>
                  </a:lnTo>
                  <a:lnTo>
                    <a:pt x="439920" y="171150"/>
                  </a:lnTo>
                  <a:lnTo>
                    <a:pt x="439920" y="157205"/>
                  </a:lnTo>
                  <a:lnTo>
                    <a:pt x="403154" y="157205"/>
                  </a:lnTo>
                  <a:lnTo>
                    <a:pt x="403154" y="144527"/>
                  </a:lnTo>
                  <a:lnTo>
                    <a:pt x="441187" y="144527"/>
                  </a:lnTo>
                  <a:lnTo>
                    <a:pt x="441187" y="145795"/>
                  </a:lnTo>
                  <a:close/>
                  <a:moveTo>
                    <a:pt x="354978" y="145795"/>
                  </a:moveTo>
                  <a:cubicBezTo>
                    <a:pt x="361317" y="145795"/>
                    <a:pt x="363853" y="149598"/>
                    <a:pt x="363853" y="153402"/>
                  </a:cubicBezTo>
                  <a:cubicBezTo>
                    <a:pt x="363853" y="157205"/>
                    <a:pt x="361317" y="161008"/>
                    <a:pt x="354978" y="161008"/>
                  </a:cubicBezTo>
                  <a:lnTo>
                    <a:pt x="335962" y="161008"/>
                  </a:lnTo>
                  <a:lnTo>
                    <a:pt x="335962" y="144527"/>
                  </a:lnTo>
                  <a:lnTo>
                    <a:pt x="354978" y="145795"/>
                  </a:lnTo>
                  <a:close/>
                  <a:moveTo>
                    <a:pt x="335962" y="174954"/>
                  </a:moveTo>
                  <a:lnTo>
                    <a:pt x="343568" y="174954"/>
                  </a:lnTo>
                  <a:lnTo>
                    <a:pt x="363853" y="199042"/>
                  </a:lnTo>
                  <a:lnTo>
                    <a:pt x="382870" y="199042"/>
                  </a:lnTo>
                  <a:lnTo>
                    <a:pt x="360050" y="173686"/>
                  </a:lnTo>
                  <a:cubicBezTo>
                    <a:pt x="371460" y="171150"/>
                    <a:pt x="377798" y="163544"/>
                    <a:pt x="377798" y="153402"/>
                  </a:cubicBezTo>
                  <a:cubicBezTo>
                    <a:pt x="377798" y="140724"/>
                    <a:pt x="368924" y="131849"/>
                    <a:pt x="354978" y="131849"/>
                  </a:cubicBezTo>
                  <a:lnTo>
                    <a:pt x="319481" y="131849"/>
                  </a:lnTo>
                  <a:lnTo>
                    <a:pt x="319481" y="199042"/>
                  </a:lnTo>
                  <a:lnTo>
                    <a:pt x="334694" y="199042"/>
                  </a:lnTo>
                  <a:lnTo>
                    <a:pt x="335962" y="174954"/>
                  </a:lnTo>
                  <a:close/>
                  <a:moveTo>
                    <a:pt x="295393" y="154669"/>
                  </a:moveTo>
                  <a:cubicBezTo>
                    <a:pt x="295393" y="159740"/>
                    <a:pt x="292857" y="163544"/>
                    <a:pt x="286518" y="163544"/>
                  </a:cubicBezTo>
                  <a:lnTo>
                    <a:pt x="266234" y="163544"/>
                  </a:lnTo>
                  <a:lnTo>
                    <a:pt x="266234" y="145795"/>
                  </a:lnTo>
                  <a:lnTo>
                    <a:pt x="285251" y="145795"/>
                  </a:lnTo>
                  <a:cubicBezTo>
                    <a:pt x="291589" y="145795"/>
                    <a:pt x="295393" y="149598"/>
                    <a:pt x="295393" y="154669"/>
                  </a:cubicBezTo>
                  <a:close/>
                  <a:moveTo>
                    <a:pt x="251020" y="131849"/>
                  </a:moveTo>
                  <a:lnTo>
                    <a:pt x="251020" y="199042"/>
                  </a:lnTo>
                  <a:lnTo>
                    <a:pt x="266234" y="199042"/>
                  </a:lnTo>
                  <a:lnTo>
                    <a:pt x="266234" y="176222"/>
                  </a:lnTo>
                  <a:lnTo>
                    <a:pt x="286518" y="176222"/>
                  </a:lnTo>
                  <a:cubicBezTo>
                    <a:pt x="300464" y="176222"/>
                    <a:pt x="310606" y="167347"/>
                    <a:pt x="310606" y="153402"/>
                  </a:cubicBezTo>
                  <a:cubicBezTo>
                    <a:pt x="310606" y="140724"/>
                    <a:pt x="301732" y="130581"/>
                    <a:pt x="287786" y="130581"/>
                  </a:cubicBezTo>
                  <a:lnTo>
                    <a:pt x="251020" y="131849"/>
                  </a:lnTo>
                  <a:close/>
                  <a:moveTo>
                    <a:pt x="228200" y="199042"/>
                  </a:moveTo>
                  <a:lnTo>
                    <a:pt x="247217" y="199042"/>
                  </a:lnTo>
                  <a:lnTo>
                    <a:pt x="220594" y="164812"/>
                  </a:lnTo>
                  <a:lnTo>
                    <a:pt x="247217" y="131849"/>
                  </a:lnTo>
                  <a:lnTo>
                    <a:pt x="228200" y="131849"/>
                  </a:lnTo>
                  <a:lnTo>
                    <a:pt x="211719" y="153402"/>
                  </a:lnTo>
                  <a:lnTo>
                    <a:pt x="195238" y="131849"/>
                  </a:lnTo>
                  <a:lnTo>
                    <a:pt x="176221" y="131849"/>
                  </a:lnTo>
                  <a:lnTo>
                    <a:pt x="202845" y="164812"/>
                  </a:lnTo>
                  <a:lnTo>
                    <a:pt x="176221" y="197774"/>
                  </a:lnTo>
                  <a:lnTo>
                    <a:pt x="195238" y="197774"/>
                  </a:lnTo>
                  <a:lnTo>
                    <a:pt x="211719" y="176222"/>
                  </a:lnTo>
                  <a:lnTo>
                    <a:pt x="228200" y="199042"/>
                  </a:lnTo>
                  <a:close/>
                  <a:moveTo>
                    <a:pt x="171150" y="145795"/>
                  </a:moveTo>
                  <a:lnTo>
                    <a:pt x="171150" y="131849"/>
                  </a:lnTo>
                  <a:lnTo>
                    <a:pt x="117904" y="131849"/>
                  </a:lnTo>
                  <a:lnTo>
                    <a:pt x="117904" y="199042"/>
                  </a:lnTo>
                  <a:lnTo>
                    <a:pt x="171150" y="199042"/>
                  </a:lnTo>
                  <a:lnTo>
                    <a:pt x="171150" y="185096"/>
                  </a:lnTo>
                  <a:lnTo>
                    <a:pt x="133117" y="185096"/>
                  </a:lnTo>
                  <a:lnTo>
                    <a:pt x="133117" y="171150"/>
                  </a:lnTo>
                  <a:lnTo>
                    <a:pt x="169883" y="171150"/>
                  </a:lnTo>
                  <a:lnTo>
                    <a:pt x="169883" y="157205"/>
                  </a:lnTo>
                  <a:lnTo>
                    <a:pt x="133117" y="157205"/>
                  </a:lnTo>
                  <a:lnTo>
                    <a:pt x="133117" y="144527"/>
                  </a:lnTo>
                  <a:lnTo>
                    <a:pt x="171150" y="144527"/>
                  </a:lnTo>
                  <a:lnTo>
                    <a:pt x="171150" y="145795"/>
                  </a:lnTo>
                  <a:close/>
                  <a:moveTo>
                    <a:pt x="479221" y="26624"/>
                  </a:moveTo>
                  <a:lnTo>
                    <a:pt x="505844" y="67192"/>
                  </a:lnTo>
                  <a:lnTo>
                    <a:pt x="524861" y="67192"/>
                  </a:lnTo>
                  <a:lnTo>
                    <a:pt x="524861" y="0"/>
                  </a:lnTo>
                  <a:lnTo>
                    <a:pt x="509648" y="0"/>
                  </a:lnTo>
                  <a:lnTo>
                    <a:pt x="509648" y="44372"/>
                  </a:lnTo>
                  <a:lnTo>
                    <a:pt x="505844" y="38034"/>
                  </a:lnTo>
                  <a:lnTo>
                    <a:pt x="481756" y="0"/>
                  </a:lnTo>
                  <a:lnTo>
                    <a:pt x="461472" y="0"/>
                  </a:lnTo>
                  <a:lnTo>
                    <a:pt x="461472" y="67192"/>
                  </a:lnTo>
                  <a:lnTo>
                    <a:pt x="476685" y="67192"/>
                  </a:lnTo>
                  <a:lnTo>
                    <a:pt x="476685" y="21552"/>
                  </a:lnTo>
                  <a:lnTo>
                    <a:pt x="479221" y="26624"/>
                  </a:lnTo>
                  <a:close/>
                  <a:moveTo>
                    <a:pt x="413296" y="25356"/>
                  </a:moveTo>
                  <a:lnTo>
                    <a:pt x="418367" y="11410"/>
                  </a:lnTo>
                  <a:lnTo>
                    <a:pt x="423439" y="25356"/>
                  </a:lnTo>
                  <a:lnTo>
                    <a:pt x="429777" y="40569"/>
                  </a:lnTo>
                  <a:lnTo>
                    <a:pt x="406957" y="40569"/>
                  </a:lnTo>
                  <a:lnTo>
                    <a:pt x="413296" y="25356"/>
                  </a:lnTo>
                  <a:close/>
                  <a:moveTo>
                    <a:pt x="439920" y="67192"/>
                  </a:moveTo>
                  <a:lnTo>
                    <a:pt x="456401" y="67192"/>
                  </a:lnTo>
                  <a:lnTo>
                    <a:pt x="427242" y="0"/>
                  </a:lnTo>
                  <a:lnTo>
                    <a:pt x="406957" y="0"/>
                  </a:lnTo>
                  <a:lnTo>
                    <a:pt x="377798" y="67192"/>
                  </a:lnTo>
                  <a:lnTo>
                    <a:pt x="394280" y="67192"/>
                  </a:lnTo>
                  <a:lnTo>
                    <a:pt x="400619" y="53247"/>
                  </a:lnTo>
                  <a:lnTo>
                    <a:pt x="433581" y="53247"/>
                  </a:lnTo>
                  <a:lnTo>
                    <a:pt x="439920" y="67192"/>
                  </a:lnTo>
                  <a:close/>
                  <a:moveTo>
                    <a:pt x="368924" y="67192"/>
                  </a:moveTo>
                  <a:lnTo>
                    <a:pt x="375263" y="53247"/>
                  </a:lnTo>
                  <a:lnTo>
                    <a:pt x="371460" y="53247"/>
                  </a:lnTo>
                  <a:cubicBezTo>
                    <a:pt x="360050" y="53247"/>
                    <a:pt x="353711" y="45640"/>
                    <a:pt x="353711" y="34230"/>
                  </a:cubicBezTo>
                  <a:lnTo>
                    <a:pt x="353711" y="32962"/>
                  </a:lnTo>
                  <a:cubicBezTo>
                    <a:pt x="353711" y="21552"/>
                    <a:pt x="360050" y="13946"/>
                    <a:pt x="371460" y="13946"/>
                  </a:cubicBezTo>
                  <a:lnTo>
                    <a:pt x="387941" y="13946"/>
                  </a:lnTo>
                  <a:lnTo>
                    <a:pt x="387941" y="0"/>
                  </a:lnTo>
                  <a:lnTo>
                    <a:pt x="370192" y="0"/>
                  </a:lnTo>
                  <a:cubicBezTo>
                    <a:pt x="349907" y="0"/>
                    <a:pt x="338497" y="13946"/>
                    <a:pt x="338497" y="32962"/>
                  </a:cubicBezTo>
                  <a:lnTo>
                    <a:pt x="338497" y="34230"/>
                  </a:lnTo>
                  <a:cubicBezTo>
                    <a:pt x="338497" y="54515"/>
                    <a:pt x="349907" y="67192"/>
                    <a:pt x="368924" y="67192"/>
                  </a:cubicBezTo>
                  <a:close/>
                  <a:moveTo>
                    <a:pt x="311874" y="67192"/>
                  </a:moveTo>
                  <a:lnTo>
                    <a:pt x="327087" y="67192"/>
                  </a:lnTo>
                  <a:lnTo>
                    <a:pt x="327087" y="1268"/>
                  </a:lnTo>
                  <a:lnTo>
                    <a:pt x="311874" y="1268"/>
                  </a:lnTo>
                  <a:lnTo>
                    <a:pt x="311874" y="67192"/>
                  </a:lnTo>
                  <a:close/>
                  <a:moveTo>
                    <a:pt x="278912" y="13946"/>
                  </a:moveTo>
                  <a:cubicBezTo>
                    <a:pt x="285251" y="13946"/>
                    <a:pt x="287786" y="17749"/>
                    <a:pt x="287786" y="21552"/>
                  </a:cubicBezTo>
                  <a:cubicBezTo>
                    <a:pt x="287786" y="25356"/>
                    <a:pt x="285251" y="29159"/>
                    <a:pt x="278912" y="29159"/>
                  </a:cubicBezTo>
                  <a:lnTo>
                    <a:pt x="259895" y="29159"/>
                  </a:lnTo>
                  <a:lnTo>
                    <a:pt x="259895" y="12678"/>
                  </a:lnTo>
                  <a:lnTo>
                    <a:pt x="278912" y="13946"/>
                  </a:lnTo>
                  <a:close/>
                  <a:moveTo>
                    <a:pt x="259895" y="43105"/>
                  </a:moveTo>
                  <a:lnTo>
                    <a:pt x="267502" y="43105"/>
                  </a:lnTo>
                  <a:lnTo>
                    <a:pt x="287786" y="67192"/>
                  </a:lnTo>
                  <a:lnTo>
                    <a:pt x="306803" y="67192"/>
                  </a:lnTo>
                  <a:lnTo>
                    <a:pt x="283983" y="41837"/>
                  </a:lnTo>
                  <a:cubicBezTo>
                    <a:pt x="295393" y="39301"/>
                    <a:pt x="301732" y="31695"/>
                    <a:pt x="301732" y="21552"/>
                  </a:cubicBezTo>
                  <a:cubicBezTo>
                    <a:pt x="301732" y="8875"/>
                    <a:pt x="292857" y="0"/>
                    <a:pt x="278912" y="0"/>
                  </a:cubicBezTo>
                  <a:lnTo>
                    <a:pt x="243414" y="0"/>
                  </a:lnTo>
                  <a:lnTo>
                    <a:pt x="243414" y="67192"/>
                  </a:lnTo>
                  <a:lnTo>
                    <a:pt x="258627" y="67192"/>
                  </a:lnTo>
                  <a:lnTo>
                    <a:pt x="259895" y="43105"/>
                  </a:lnTo>
                  <a:close/>
                  <a:moveTo>
                    <a:pt x="232004" y="13946"/>
                  </a:moveTo>
                  <a:lnTo>
                    <a:pt x="232004" y="0"/>
                  </a:lnTo>
                  <a:lnTo>
                    <a:pt x="178757" y="0"/>
                  </a:lnTo>
                  <a:lnTo>
                    <a:pt x="178757" y="67192"/>
                  </a:lnTo>
                  <a:lnTo>
                    <a:pt x="232004" y="67192"/>
                  </a:lnTo>
                  <a:lnTo>
                    <a:pt x="232004" y="53247"/>
                  </a:lnTo>
                  <a:lnTo>
                    <a:pt x="193970" y="53247"/>
                  </a:lnTo>
                  <a:lnTo>
                    <a:pt x="193970" y="39301"/>
                  </a:lnTo>
                  <a:lnTo>
                    <a:pt x="230736" y="39301"/>
                  </a:lnTo>
                  <a:lnTo>
                    <a:pt x="230736" y="25356"/>
                  </a:lnTo>
                  <a:lnTo>
                    <a:pt x="193970" y="25356"/>
                  </a:lnTo>
                  <a:lnTo>
                    <a:pt x="193970" y="12678"/>
                  </a:lnTo>
                  <a:lnTo>
                    <a:pt x="232004" y="12678"/>
                  </a:lnTo>
                  <a:lnTo>
                    <a:pt x="232004" y="13946"/>
                  </a:lnTo>
                  <a:close/>
                  <a:moveTo>
                    <a:pt x="116636" y="67192"/>
                  </a:moveTo>
                  <a:lnTo>
                    <a:pt x="130581" y="67192"/>
                  </a:lnTo>
                  <a:lnTo>
                    <a:pt x="149598" y="12678"/>
                  </a:lnTo>
                  <a:lnTo>
                    <a:pt x="149598" y="67192"/>
                  </a:lnTo>
                  <a:lnTo>
                    <a:pt x="164811" y="67192"/>
                  </a:lnTo>
                  <a:lnTo>
                    <a:pt x="164811" y="0"/>
                  </a:lnTo>
                  <a:lnTo>
                    <a:pt x="139456" y="0"/>
                  </a:lnTo>
                  <a:lnTo>
                    <a:pt x="124242" y="45640"/>
                  </a:lnTo>
                  <a:lnTo>
                    <a:pt x="109029" y="0"/>
                  </a:lnTo>
                  <a:lnTo>
                    <a:pt x="83673" y="0"/>
                  </a:lnTo>
                  <a:lnTo>
                    <a:pt x="83673" y="67192"/>
                  </a:lnTo>
                  <a:lnTo>
                    <a:pt x="98887" y="67192"/>
                  </a:lnTo>
                  <a:lnTo>
                    <a:pt x="98887" y="12678"/>
                  </a:lnTo>
                  <a:lnTo>
                    <a:pt x="116636" y="67192"/>
                  </a:lnTo>
                  <a:close/>
                  <a:moveTo>
                    <a:pt x="34230" y="25356"/>
                  </a:moveTo>
                  <a:lnTo>
                    <a:pt x="39301" y="11410"/>
                  </a:lnTo>
                  <a:lnTo>
                    <a:pt x="44372" y="25356"/>
                  </a:lnTo>
                  <a:lnTo>
                    <a:pt x="50711" y="40569"/>
                  </a:lnTo>
                  <a:lnTo>
                    <a:pt x="27891" y="40569"/>
                  </a:lnTo>
                  <a:lnTo>
                    <a:pt x="34230" y="25356"/>
                  </a:lnTo>
                  <a:close/>
                  <a:moveTo>
                    <a:pt x="60853" y="67192"/>
                  </a:moveTo>
                  <a:lnTo>
                    <a:pt x="77335" y="67192"/>
                  </a:lnTo>
                  <a:lnTo>
                    <a:pt x="48176" y="0"/>
                  </a:lnTo>
                  <a:lnTo>
                    <a:pt x="29159" y="0"/>
                  </a:lnTo>
                  <a:lnTo>
                    <a:pt x="0" y="67192"/>
                  </a:lnTo>
                  <a:lnTo>
                    <a:pt x="16481" y="67192"/>
                  </a:lnTo>
                  <a:lnTo>
                    <a:pt x="22820" y="53247"/>
                  </a:lnTo>
                  <a:lnTo>
                    <a:pt x="55782" y="53247"/>
                  </a:lnTo>
                  <a:lnTo>
                    <a:pt x="60853" y="67192"/>
                  </a:lnTo>
                  <a:close/>
                </a:path>
              </a:pathLst>
            </a:custGeom>
            <a:solidFill>
              <a:srgbClr val="006FCF"/>
            </a:solidFill>
            <a:ln w="1248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black"/>
                </a:solidFill>
                <a:effectLst/>
                <a:uLnTx/>
                <a:uFillTx/>
                <a:latin typeface="Calibri"/>
                <a:ea typeface="+mn-ea"/>
                <a:cs typeface="+mn-cs"/>
              </a:endParaRPr>
            </a:p>
          </p:txBody>
        </p:sp>
      </p:grpSp>
      <p:pic>
        <p:nvPicPr>
          <p:cNvPr id="49" name="Picture 2" descr="Image result for BCBSNC">
            <a:extLst>
              <a:ext uri="{FF2B5EF4-FFF2-40B4-BE49-F238E27FC236}">
                <a16:creationId xmlns:a16="http://schemas.microsoft.com/office/drawing/2014/main" id="{1627E4BB-DAF8-EE00-6CAA-A1A1FAE871D5}"/>
              </a:ext>
            </a:extLst>
          </p:cNvPr>
          <p:cNvPicPr>
            <a:picLocks noChangeAspect="1" noChangeArrowheads="1"/>
          </p:cNvPicPr>
          <p:nvPr/>
        </p:nvPicPr>
        <p:blipFill rotWithShape="1">
          <a:blip r:embed="rId4" cstate="screen">
            <a:extLst>
              <a:ext uri="{28A0092B-C50C-407E-A947-70E740481C1C}">
                <a14:useLocalDpi xmlns:a14="http://schemas.microsoft.com/office/drawing/2010/main" val="0"/>
              </a:ext>
            </a:extLst>
          </a:blip>
          <a:srcRect/>
          <a:stretch/>
        </p:blipFill>
        <p:spPr bwMode="auto">
          <a:xfrm>
            <a:off x="2872811" y="1684250"/>
            <a:ext cx="403505" cy="230985"/>
          </a:xfrm>
          <a:prstGeom prst="rect">
            <a:avLst/>
          </a:prstGeom>
          <a:noFill/>
        </p:spPr>
      </p:pic>
      <p:grpSp>
        <p:nvGrpSpPr>
          <p:cNvPr id="50" name="Group 49">
            <a:extLst>
              <a:ext uri="{FF2B5EF4-FFF2-40B4-BE49-F238E27FC236}">
                <a16:creationId xmlns:a16="http://schemas.microsoft.com/office/drawing/2014/main" id="{557788B1-9B08-EA17-1B78-9FE50DF9FC7B}"/>
              </a:ext>
            </a:extLst>
          </p:cNvPr>
          <p:cNvGrpSpPr/>
          <p:nvPr/>
        </p:nvGrpSpPr>
        <p:grpSpPr>
          <a:xfrm>
            <a:off x="3025999" y="4208116"/>
            <a:ext cx="137160" cy="137160"/>
            <a:chOff x="2956012" y="2369957"/>
            <a:chExt cx="137160" cy="137160"/>
          </a:xfrm>
        </p:grpSpPr>
        <p:sp>
          <p:nvSpPr>
            <p:cNvPr id="269" name="Oval 268">
              <a:extLst>
                <a:ext uri="{FF2B5EF4-FFF2-40B4-BE49-F238E27FC236}">
                  <a16:creationId xmlns:a16="http://schemas.microsoft.com/office/drawing/2014/main" id="{F7D0D748-4DAA-53E0-FAA1-9DCACAD712A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0" name="Oval 269">
              <a:extLst>
                <a:ext uri="{FF2B5EF4-FFF2-40B4-BE49-F238E27FC236}">
                  <a16:creationId xmlns:a16="http://schemas.microsoft.com/office/drawing/2014/main" id="{AF278270-C48F-FD02-A019-115C798CF967}"/>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51" name="Group 50">
            <a:extLst>
              <a:ext uri="{FF2B5EF4-FFF2-40B4-BE49-F238E27FC236}">
                <a16:creationId xmlns:a16="http://schemas.microsoft.com/office/drawing/2014/main" id="{626CA3A8-2819-6D1E-343C-98AFD77C6C1E}"/>
              </a:ext>
            </a:extLst>
          </p:cNvPr>
          <p:cNvGrpSpPr/>
          <p:nvPr/>
        </p:nvGrpSpPr>
        <p:grpSpPr>
          <a:xfrm>
            <a:off x="3025999" y="2484583"/>
            <a:ext cx="137160" cy="137160"/>
            <a:chOff x="2956012" y="2369957"/>
            <a:chExt cx="137160" cy="137160"/>
          </a:xfrm>
        </p:grpSpPr>
        <p:sp>
          <p:nvSpPr>
            <p:cNvPr id="267" name="Oval 266">
              <a:extLst>
                <a:ext uri="{FF2B5EF4-FFF2-40B4-BE49-F238E27FC236}">
                  <a16:creationId xmlns:a16="http://schemas.microsoft.com/office/drawing/2014/main" id="{4B076815-65DB-4EC5-502E-1AA1661F402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8" name="Oval 267">
              <a:extLst>
                <a:ext uri="{FF2B5EF4-FFF2-40B4-BE49-F238E27FC236}">
                  <a16:creationId xmlns:a16="http://schemas.microsoft.com/office/drawing/2014/main" id="{CDFD0F40-B089-AF1D-AF10-30E6DC2906C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52" name="Group 51">
            <a:extLst>
              <a:ext uri="{FF2B5EF4-FFF2-40B4-BE49-F238E27FC236}">
                <a16:creationId xmlns:a16="http://schemas.microsoft.com/office/drawing/2014/main" id="{5C63F194-15AA-99F9-48BA-6145AA4BA01D}"/>
              </a:ext>
            </a:extLst>
          </p:cNvPr>
          <p:cNvGrpSpPr/>
          <p:nvPr/>
        </p:nvGrpSpPr>
        <p:grpSpPr>
          <a:xfrm>
            <a:off x="7530549" y="4746107"/>
            <a:ext cx="137160" cy="137160"/>
            <a:chOff x="2956012" y="2369957"/>
            <a:chExt cx="137160" cy="137160"/>
          </a:xfrm>
        </p:grpSpPr>
        <p:sp>
          <p:nvSpPr>
            <p:cNvPr id="265" name="Oval 264">
              <a:extLst>
                <a:ext uri="{FF2B5EF4-FFF2-40B4-BE49-F238E27FC236}">
                  <a16:creationId xmlns:a16="http://schemas.microsoft.com/office/drawing/2014/main" id="{E38A7606-F2C4-46B7-3821-2FB2E6B61A52}"/>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6" name="Oval 265">
              <a:extLst>
                <a:ext uri="{FF2B5EF4-FFF2-40B4-BE49-F238E27FC236}">
                  <a16:creationId xmlns:a16="http://schemas.microsoft.com/office/drawing/2014/main" id="{6A15E203-B21D-0BB8-E794-86AF5CFA1907}"/>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53" name="Picture 52">
            <a:extLst>
              <a:ext uri="{FF2B5EF4-FFF2-40B4-BE49-F238E27FC236}">
                <a16:creationId xmlns:a16="http://schemas.microsoft.com/office/drawing/2014/main" id="{916DC77D-64AB-F1B5-43F8-0A7959F217CF}"/>
              </a:ext>
            </a:extLst>
          </p:cNvPr>
          <p:cNvPicPr>
            <a:picLocks noChangeAspect="1"/>
          </p:cNvPicPr>
          <p:nvPr/>
        </p:nvPicPr>
        <p:blipFill rotWithShape="1">
          <a:blip r:embed="rId5" cstate="screen">
            <a:extLst>
              <a:ext uri="{28A0092B-C50C-407E-A947-70E740481C1C}">
                <a14:useLocalDpi xmlns:a14="http://schemas.microsoft.com/office/drawing/2010/main" val="0"/>
              </a:ext>
            </a:extLst>
          </a:blip>
          <a:srcRect/>
          <a:stretch/>
        </p:blipFill>
        <p:spPr>
          <a:xfrm>
            <a:off x="6753615" y="1302413"/>
            <a:ext cx="732435" cy="232650"/>
          </a:xfrm>
          <a:prstGeom prst="rect">
            <a:avLst/>
          </a:prstGeom>
        </p:spPr>
      </p:pic>
      <p:grpSp>
        <p:nvGrpSpPr>
          <p:cNvPr id="54" name="Group 53">
            <a:extLst>
              <a:ext uri="{FF2B5EF4-FFF2-40B4-BE49-F238E27FC236}">
                <a16:creationId xmlns:a16="http://schemas.microsoft.com/office/drawing/2014/main" id="{4BD54D77-B7DA-94EB-3473-BB422CA710BB}"/>
              </a:ext>
            </a:extLst>
          </p:cNvPr>
          <p:cNvGrpSpPr/>
          <p:nvPr/>
        </p:nvGrpSpPr>
        <p:grpSpPr>
          <a:xfrm>
            <a:off x="7083762" y="4208116"/>
            <a:ext cx="137160" cy="137160"/>
            <a:chOff x="2956012" y="2369957"/>
            <a:chExt cx="137160" cy="137160"/>
          </a:xfrm>
        </p:grpSpPr>
        <p:sp>
          <p:nvSpPr>
            <p:cNvPr id="263" name="Oval 262">
              <a:extLst>
                <a:ext uri="{FF2B5EF4-FFF2-40B4-BE49-F238E27FC236}">
                  <a16:creationId xmlns:a16="http://schemas.microsoft.com/office/drawing/2014/main" id="{3DD93EC2-D146-6E2D-1B25-0EB188F923F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4" name="Oval 263">
              <a:extLst>
                <a:ext uri="{FF2B5EF4-FFF2-40B4-BE49-F238E27FC236}">
                  <a16:creationId xmlns:a16="http://schemas.microsoft.com/office/drawing/2014/main" id="{45715DAD-0AAE-4CE0-D32C-FC4A3874243E}"/>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55" name="Group 54">
            <a:extLst>
              <a:ext uri="{FF2B5EF4-FFF2-40B4-BE49-F238E27FC236}">
                <a16:creationId xmlns:a16="http://schemas.microsoft.com/office/drawing/2014/main" id="{0E7A2034-C27C-357C-77C5-BB5D2304219E}"/>
              </a:ext>
            </a:extLst>
          </p:cNvPr>
          <p:cNvGrpSpPr/>
          <p:nvPr/>
        </p:nvGrpSpPr>
        <p:grpSpPr>
          <a:xfrm>
            <a:off x="7083762" y="3633023"/>
            <a:ext cx="137160" cy="137160"/>
            <a:chOff x="2956012" y="2369957"/>
            <a:chExt cx="137160" cy="137160"/>
          </a:xfrm>
        </p:grpSpPr>
        <p:sp>
          <p:nvSpPr>
            <p:cNvPr id="261" name="Oval 260">
              <a:extLst>
                <a:ext uri="{FF2B5EF4-FFF2-40B4-BE49-F238E27FC236}">
                  <a16:creationId xmlns:a16="http://schemas.microsoft.com/office/drawing/2014/main" id="{9C31DAF9-EE64-DBEB-7CFE-7AD84DC5D4A8}"/>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2" name="Oval 261">
              <a:extLst>
                <a:ext uri="{FF2B5EF4-FFF2-40B4-BE49-F238E27FC236}">
                  <a16:creationId xmlns:a16="http://schemas.microsoft.com/office/drawing/2014/main" id="{C970C59C-F63C-15B9-63B2-4AE3CDDC9FAF}"/>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56" name="Group 55">
            <a:extLst>
              <a:ext uri="{FF2B5EF4-FFF2-40B4-BE49-F238E27FC236}">
                <a16:creationId xmlns:a16="http://schemas.microsoft.com/office/drawing/2014/main" id="{BA73087C-7268-945F-56AC-60238C7D68DE}"/>
              </a:ext>
            </a:extLst>
          </p:cNvPr>
          <p:cNvGrpSpPr/>
          <p:nvPr/>
        </p:nvGrpSpPr>
        <p:grpSpPr>
          <a:xfrm>
            <a:off x="7083762" y="3070595"/>
            <a:ext cx="137160" cy="137160"/>
            <a:chOff x="2956012" y="2369957"/>
            <a:chExt cx="137160" cy="137160"/>
          </a:xfrm>
        </p:grpSpPr>
        <p:sp>
          <p:nvSpPr>
            <p:cNvPr id="259" name="Oval 258">
              <a:extLst>
                <a:ext uri="{FF2B5EF4-FFF2-40B4-BE49-F238E27FC236}">
                  <a16:creationId xmlns:a16="http://schemas.microsoft.com/office/drawing/2014/main" id="{6D8D3AFB-FA7D-A07D-7D5B-00A4155073F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0" name="Oval 259">
              <a:extLst>
                <a:ext uri="{FF2B5EF4-FFF2-40B4-BE49-F238E27FC236}">
                  <a16:creationId xmlns:a16="http://schemas.microsoft.com/office/drawing/2014/main" id="{5677C8CB-3F03-2DB1-11E2-02CE506CD9F1}"/>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57" name="Group 56">
            <a:extLst>
              <a:ext uri="{FF2B5EF4-FFF2-40B4-BE49-F238E27FC236}">
                <a16:creationId xmlns:a16="http://schemas.microsoft.com/office/drawing/2014/main" id="{7F32F03A-BF09-FD32-F2AB-2E6F2FF40D8F}"/>
              </a:ext>
            </a:extLst>
          </p:cNvPr>
          <p:cNvGrpSpPr/>
          <p:nvPr/>
        </p:nvGrpSpPr>
        <p:grpSpPr>
          <a:xfrm>
            <a:off x="7083762" y="2484583"/>
            <a:ext cx="137160" cy="137160"/>
            <a:chOff x="2956012" y="2369957"/>
            <a:chExt cx="137160" cy="137160"/>
          </a:xfrm>
        </p:grpSpPr>
        <p:sp>
          <p:nvSpPr>
            <p:cNvPr id="257" name="Oval 256">
              <a:extLst>
                <a:ext uri="{FF2B5EF4-FFF2-40B4-BE49-F238E27FC236}">
                  <a16:creationId xmlns:a16="http://schemas.microsoft.com/office/drawing/2014/main" id="{883B7716-69D7-59FA-BFA5-6C2598BABF21}"/>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8" name="Oval 257">
              <a:extLst>
                <a:ext uri="{FF2B5EF4-FFF2-40B4-BE49-F238E27FC236}">
                  <a16:creationId xmlns:a16="http://schemas.microsoft.com/office/drawing/2014/main" id="{C2BD0161-C230-0F71-D3FB-41A9342EB8CF}"/>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58" name="Group 57">
            <a:extLst>
              <a:ext uri="{FF2B5EF4-FFF2-40B4-BE49-F238E27FC236}">
                <a16:creationId xmlns:a16="http://schemas.microsoft.com/office/drawing/2014/main" id="{488D255A-1703-D1F9-5AA3-A0FFE53C8BBE}"/>
              </a:ext>
            </a:extLst>
          </p:cNvPr>
          <p:cNvGrpSpPr/>
          <p:nvPr/>
        </p:nvGrpSpPr>
        <p:grpSpPr>
          <a:xfrm>
            <a:off x="7083762" y="4746107"/>
            <a:ext cx="137160" cy="137160"/>
            <a:chOff x="2956012" y="2369957"/>
            <a:chExt cx="137160" cy="137160"/>
          </a:xfrm>
        </p:grpSpPr>
        <p:sp>
          <p:nvSpPr>
            <p:cNvPr id="255" name="Oval 254">
              <a:extLst>
                <a:ext uri="{FF2B5EF4-FFF2-40B4-BE49-F238E27FC236}">
                  <a16:creationId xmlns:a16="http://schemas.microsoft.com/office/drawing/2014/main" id="{005CB9B3-A4EF-3484-6CEE-87A08C0995D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6" name="Oval 255">
              <a:extLst>
                <a:ext uri="{FF2B5EF4-FFF2-40B4-BE49-F238E27FC236}">
                  <a16:creationId xmlns:a16="http://schemas.microsoft.com/office/drawing/2014/main" id="{EB692ECD-AD43-C401-645C-377CA36698E0}"/>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59" name="Group 58">
            <a:extLst>
              <a:ext uri="{FF2B5EF4-FFF2-40B4-BE49-F238E27FC236}">
                <a16:creationId xmlns:a16="http://schemas.microsoft.com/office/drawing/2014/main" id="{64C09236-2DDB-5389-F277-50C771F4688B}"/>
              </a:ext>
            </a:extLst>
          </p:cNvPr>
          <p:cNvGrpSpPr/>
          <p:nvPr/>
        </p:nvGrpSpPr>
        <p:grpSpPr>
          <a:xfrm>
            <a:off x="3481851" y="4208116"/>
            <a:ext cx="137160" cy="137160"/>
            <a:chOff x="2956012" y="2369957"/>
            <a:chExt cx="137160" cy="137160"/>
          </a:xfrm>
        </p:grpSpPr>
        <p:sp>
          <p:nvSpPr>
            <p:cNvPr id="253" name="Oval 252">
              <a:extLst>
                <a:ext uri="{FF2B5EF4-FFF2-40B4-BE49-F238E27FC236}">
                  <a16:creationId xmlns:a16="http://schemas.microsoft.com/office/drawing/2014/main" id="{4737E10B-7FCF-0490-C475-D421FCD7128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4" name="Oval 253">
              <a:extLst>
                <a:ext uri="{FF2B5EF4-FFF2-40B4-BE49-F238E27FC236}">
                  <a16:creationId xmlns:a16="http://schemas.microsoft.com/office/drawing/2014/main" id="{88569277-4874-643B-713F-EF2F0628789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60" name="Picture 59">
            <a:extLst>
              <a:ext uri="{FF2B5EF4-FFF2-40B4-BE49-F238E27FC236}">
                <a16:creationId xmlns:a16="http://schemas.microsoft.com/office/drawing/2014/main" id="{E407C925-F51C-DFB1-A475-531611538EB6}"/>
              </a:ext>
            </a:extLst>
          </p:cNvPr>
          <p:cNvPicPr>
            <a:picLocks noChangeAspect="1"/>
          </p:cNvPicPr>
          <p:nvPr/>
        </p:nvPicPr>
        <p:blipFill rotWithShape="1">
          <a:blip r:embed="rId6" cstate="screen">
            <a:extLst>
              <a:ext uri="{28A0092B-C50C-407E-A947-70E740481C1C}">
                <a14:useLocalDpi xmlns:a14="http://schemas.microsoft.com/office/drawing/2010/main" val="0"/>
              </a:ext>
            </a:extLst>
          </a:blip>
          <a:srcRect/>
          <a:stretch/>
        </p:blipFill>
        <p:spPr>
          <a:xfrm>
            <a:off x="3308121" y="1359638"/>
            <a:ext cx="444928" cy="183778"/>
          </a:xfrm>
          <a:prstGeom prst="rect">
            <a:avLst/>
          </a:prstGeom>
        </p:spPr>
      </p:pic>
      <p:grpSp>
        <p:nvGrpSpPr>
          <p:cNvPr id="61" name="Group 60">
            <a:extLst>
              <a:ext uri="{FF2B5EF4-FFF2-40B4-BE49-F238E27FC236}">
                <a16:creationId xmlns:a16="http://schemas.microsoft.com/office/drawing/2014/main" id="{620BDBE6-99D9-8D21-2A35-01F95CB9965E}"/>
              </a:ext>
            </a:extLst>
          </p:cNvPr>
          <p:cNvGrpSpPr/>
          <p:nvPr/>
        </p:nvGrpSpPr>
        <p:grpSpPr>
          <a:xfrm>
            <a:off x="3910520" y="4208116"/>
            <a:ext cx="137160" cy="137160"/>
            <a:chOff x="2956012" y="2369957"/>
            <a:chExt cx="137160" cy="137160"/>
          </a:xfrm>
        </p:grpSpPr>
        <p:sp>
          <p:nvSpPr>
            <p:cNvPr id="251" name="Oval 250">
              <a:extLst>
                <a:ext uri="{FF2B5EF4-FFF2-40B4-BE49-F238E27FC236}">
                  <a16:creationId xmlns:a16="http://schemas.microsoft.com/office/drawing/2014/main" id="{05EC7618-1F1B-B120-BB37-E831803DC9C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2" name="Oval 251">
              <a:extLst>
                <a:ext uri="{FF2B5EF4-FFF2-40B4-BE49-F238E27FC236}">
                  <a16:creationId xmlns:a16="http://schemas.microsoft.com/office/drawing/2014/main" id="{125F9571-2D0E-8A1D-FF9E-1C6EC589A56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2" name="Group 61">
            <a:extLst>
              <a:ext uri="{FF2B5EF4-FFF2-40B4-BE49-F238E27FC236}">
                <a16:creationId xmlns:a16="http://schemas.microsoft.com/office/drawing/2014/main" id="{0024AE2E-0190-E2C2-AABF-070266EB5E8F}"/>
              </a:ext>
            </a:extLst>
          </p:cNvPr>
          <p:cNvGrpSpPr/>
          <p:nvPr/>
        </p:nvGrpSpPr>
        <p:grpSpPr>
          <a:xfrm>
            <a:off x="3910520" y="3633023"/>
            <a:ext cx="137160" cy="137160"/>
            <a:chOff x="2956012" y="2369957"/>
            <a:chExt cx="137160" cy="137160"/>
          </a:xfrm>
        </p:grpSpPr>
        <p:sp>
          <p:nvSpPr>
            <p:cNvPr id="249" name="Oval 248">
              <a:extLst>
                <a:ext uri="{FF2B5EF4-FFF2-40B4-BE49-F238E27FC236}">
                  <a16:creationId xmlns:a16="http://schemas.microsoft.com/office/drawing/2014/main" id="{144DB024-1E2C-08A7-8AFB-B6C8FA4238C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0" name="Oval 249">
              <a:extLst>
                <a:ext uri="{FF2B5EF4-FFF2-40B4-BE49-F238E27FC236}">
                  <a16:creationId xmlns:a16="http://schemas.microsoft.com/office/drawing/2014/main" id="{37238319-65CC-DAF7-BD89-3E863FFDDF14}"/>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3" name="Group 62">
            <a:extLst>
              <a:ext uri="{FF2B5EF4-FFF2-40B4-BE49-F238E27FC236}">
                <a16:creationId xmlns:a16="http://schemas.microsoft.com/office/drawing/2014/main" id="{1018E239-CB11-4369-B51D-CF28332D3062}"/>
              </a:ext>
            </a:extLst>
          </p:cNvPr>
          <p:cNvGrpSpPr/>
          <p:nvPr/>
        </p:nvGrpSpPr>
        <p:grpSpPr>
          <a:xfrm>
            <a:off x="3932451" y="4746107"/>
            <a:ext cx="137160" cy="137160"/>
            <a:chOff x="2956012" y="2369957"/>
            <a:chExt cx="137160" cy="137160"/>
          </a:xfrm>
        </p:grpSpPr>
        <p:sp>
          <p:nvSpPr>
            <p:cNvPr id="247" name="Oval 246">
              <a:extLst>
                <a:ext uri="{FF2B5EF4-FFF2-40B4-BE49-F238E27FC236}">
                  <a16:creationId xmlns:a16="http://schemas.microsoft.com/office/drawing/2014/main" id="{BD1C6ED6-5E4C-1531-C8C8-F728CFF05EA2}"/>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8" name="Oval 247">
              <a:extLst>
                <a:ext uri="{FF2B5EF4-FFF2-40B4-BE49-F238E27FC236}">
                  <a16:creationId xmlns:a16="http://schemas.microsoft.com/office/drawing/2014/main" id="{EC4D3B47-CD4A-E181-703B-8E6827604D7D}"/>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4" name="Group 63">
            <a:extLst>
              <a:ext uri="{FF2B5EF4-FFF2-40B4-BE49-F238E27FC236}">
                <a16:creationId xmlns:a16="http://schemas.microsoft.com/office/drawing/2014/main" id="{9962DB99-0297-E019-0C71-2F19D0233BFB}"/>
              </a:ext>
            </a:extLst>
          </p:cNvPr>
          <p:cNvGrpSpPr/>
          <p:nvPr/>
        </p:nvGrpSpPr>
        <p:grpSpPr>
          <a:xfrm>
            <a:off x="4360055" y="4208116"/>
            <a:ext cx="137160" cy="137160"/>
            <a:chOff x="2956012" y="2369957"/>
            <a:chExt cx="137160" cy="137160"/>
          </a:xfrm>
        </p:grpSpPr>
        <p:sp>
          <p:nvSpPr>
            <p:cNvPr id="245" name="Oval 244">
              <a:extLst>
                <a:ext uri="{FF2B5EF4-FFF2-40B4-BE49-F238E27FC236}">
                  <a16:creationId xmlns:a16="http://schemas.microsoft.com/office/drawing/2014/main" id="{91071650-8441-5848-8E5D-03814B55CBE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6" name="Oval 245">
              <a:extLst>
                <a:ext uri="{FF2B5EF4-FFF2-40B4-BE49-F238E27FC236}">
                  <a16:creationId xmlns:a16="http://schemas.microsoft.com/office/drawing/2014/main" id="{179265A6-F239-8439-9D3D-BB58883F6698}"/>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65" name="Picture 208">
            <a:extLst>
              <a:ext uri="{FF2B5EF4-FFF2-40B4-BE49-F238E27FC236}">
                <a16:creationId xmlns:a16="http://schemas.microsoft.com/office/drawing/2014/main" id="{94CED55E-F632-D465-4121-658DD00EB23D}"/>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4144181" y="1370662"/>
            <a:ext cx="545115" cy="164401"/>
          </a:xfrm>
          <a:prstGeom prst="rect">
            <a:avLst/>
          </a:prstGeom>
        </p:spPr>
      </p:pic>
      <p:grpSp>
        <p:nvGrpSpPr>
          <p:cNvPr id="66" name="Group 65">
            <a:extLst>
              <a:ext uri="{FF2B5EF4-FFF2-40B4-BE49-F238E27FC236}">
                <a16:creationId xmlns:a16="http://schemas.microsoft.com/office/drawing/2014/main" id="{D2CC85C7-6C1C-7A38-5BC2-BCB2072459E7}"/>
              </a:ext>
            </a:extLst>
          </p:cNvPr>
          <p:cNvGrpSpPr/>
          <p:nvPr/>
        </p:nvGrpSpPr>
        <p:grpSpPr>
          <a:xfrm>
            <a:off x="4359690" y="3070595"/>
            <a:ext cx="137160" cy="137160"/>
            <a:chOff x="2956012" y="2369957"/>
            <a:chExt cx="137160" cy="137160"/>
          </a:xfrm>
        </p:grpSpPr>
        <p:sp>
          <p:nvSpPr>
            <p:cNvPr id="243" name="Oval 242">
              <a:extLst>
                <a:ext uri="{FF2B5EF4-FFF2-40B4-BE49-F238E27FC236}">
                  <a16:creationId xmlns:a16="http://schemas.microsoft.com/office/drawing/2014/main" id="{7C54ABAD-59BE-C41B-1673-9B2E52B1DCD1}"/>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4" name="Oval 243">
              <a:extLst>
                <a:ext uri="{FF2B5EF4-FFF2-40B4-BE49-F238E27FC236}">
                  <a16:creationId xmlns:a16="http://schemas.microsoft.com/office/drawing/2014/main" id="{97EBA3D7-FCB1-16BF-ECA9-2CBB6D040B9F}"/>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7" name="Group 66">
            <a:extLst>
              <a:ext uri="{FF2B5EF4-FFF2-40B4-BE49-F238E27FC236}">
                <a16:creationId xmlns:a16="http://schemas.microsoft.com/office/drawing/2014/main" id="{4C45DC72-0372-FDA5-2A6C-0B2C3C045D9F}"/>
              </a:ext>
            </a:extLst>
          </p:cNvPr>
          <p:cNvGrpSpPr/>
          <p:nvPr/>
        </p:nvGrpSpPr>
        <p:grpSpPr>
          <a:xfrm>
            <a:off x="4360055" y="4746107"/>
            <a:ext cx="137160" cy="137160"/>
            <a:chOff x="2956012" y="2369957"/>
            <a:chExt cx="137160" cy="137160"/>
          </a:xfrm>
        </p:grpSpPr>
        <p:sp>
          <p:nvSpPr>
            <p:cNvPr id="241" name="Oval 240">
              <a:extLst>
                <a:ext uri="{FF2B5EF4-FFF2-40B4-BE49-F238E27FC236}">
                  <a16:creationId xmlns:a16="http://schemas.microsoft.com/office/drawing/2014/main" id="{8DFFC736-9401-D0C3-1585-2D4EEF49602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2" name="Oval 241">
              <a:extLst>
                <a:ext uri="{FF2B5EF4-FFF2-40B4-BE49-F238E27FC236}">
                  <a16:creationId xmlns:a16="http://schemas.microsoft.com/office/drawing/2014/main" id="{B953B1FB-2843-2184-C075-11F1AAC9E8BC}"/>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68" name="Group 67">
            <a:extLst>
              <a:ext uri="{FF2B5EF4-FFF2-40B4-BE49-F238E27FC236}">
                <a16:creationId xmlns:a16="http://schemas.microsoft.com/office/drawing/2014/main" id="{22B16271-CAD7-5E53-D123-6C3B4BA83C48}"/>
              </a:ext>
            </a:extLst>
          </p:cNvPr>
          <p:cNvGrpSpPr/>
          <p:nvPr/>
        </p:nvGrpSpPr>
        <p:grpSpPr>
          <a:xfrm>
            <a:off x="4351851" y="3633023"/>
            <a:ext cx="137160" cy="137160"/>
            <a:chOff x="2956012" y="2369957"/>
            <a:chExt cx="137160" cy="137160"/>
          </a:xfrm>
        </p:grpSpPr>
        <p:sp>
          <p:nvSpPr>
            <p:cNvPr id="239" name="Oval 238">
              <a:extLst>
                <a:ext uri="{FF2B5EF4-FFF2-40B4-BE49-F238E27FC236}">
                  <a16:creationId xmlns:a16="http://schemas.microsoft.com/office/drawing/2014/main" id="{F6F3F34F-4A76-AAA8-70B8-81F6947511F2}"/>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0" name="Oval 239">
              <a:extLst>
                <a:ext uri="{FF2B5EF4-FFF2-40B4-BE49-F238E27FC236}">
                  <a16:creationId xmlns:a16="http://schemas.microsoft.com/office/drawing/2014/main" id="{774F6A01-21E4-7A8B-2AC1-95CA9987FBFD}"/>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69" name="Picture 68" descr="Screen Clipping">
            <a:extLst>
              <a:ext uri="{FF2B5EF4-FFF2-40B4-BE49-F238E27FC236}">
                <a16:creationId xmlns:a16="http://schemas.microsoft.com/office/drawing/2014/main" id="{E5266E94-0B08-27B3-F8CB-DDA0FDBDBED6}"/>
              </a:ext>
            </a:extLst>
          </p:cNvPr>
          <p:cNvPicPr>
            <a:picLocks noChangeAspect="1"/>
          </p:cNvPicPr>
          <p:nvPr/>
        </p:nvPicPr>
        <p:blipFill>
          <a:blip r:embed="rId9" cstate="screen">
            <a:extLst>
              <a:ext uri="{28A0092B-C50C-407E-A947-70E740481C1C}">
                <a14:useLocalDpi xmlns:a14="http://schemas.microsoft.com/office/drawing/2010/main" val="0"/>
              </a:ext>
            </a:extLst>
          </a:blip>
          <a:stretch>
            <a:fillRect/>
          </a:stretch>
        </p:blipFill>
        <p:spPr>
          <a:xfrm>
            <a:off x="2263028" y="1320253"/>
            <a:ext cx="733042" cy="214810"/>
          </a:xfrm>
          <a:prstGeom prst="rect">
            <a:avLst/>
          </a:prstGeom>
        </p:spPr>
      </p:pic>
      <p:grpSp>
        <p:nvGrpSpPr>
          <p:cNvPr id="70" name="Group 69">
            <a:extLst>
              <a:ext uri="{FF2B5EF4-FFF2-40B4-BE49-F238E27FC236}">
                <a16:creationId xmlns:a16="http://schemas.microsoft.com/office/drawing/2014/main" id="{150010FB-DF4C-EAC9-7037-562620095150}"/>
              </a:ext>
            </a:extLst>
          </p:cNvPr>
          <p:cNvGrpSpPr/>
          <p:nvPr/>
        </p:nvGrpSpPr>
        <p:grpSpPr>
          <a:xfrm>
            <a:off x="2560969" y="3633023"/>
            <a:ext cx="137160" cy="137160"/>
            <a:chOff x="2956012" y="2369957"/>
            <a:chExt cx="137160" cy="137160"/>
          </a:xfrm>
        </p:grpSpPr>
        <p:sp>
          <p:nvSpPr>
            <p:cNvPr id="237" name="Oval 236">
              <a:extLst>
                <a:ext uri="{FF2B5EF4-FFF2-40B4-BE49-F238E27FC236}">
                  <a16:creationId xmlns:a16="http://schemas.microsoft.com/office/drawing/2014/main" id="{5AC606E2-E54D-2208-6E28-B0B556BAB7A1}"/>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8" name="Oval 237">
              <a:extLst>
                <a:ext uri="{FF2B5EF4-FFF2-40B4-BE49-F238E27FC236}">
                  <a16:creationId xmlns:a16="http://schemas.microsoft.com/office/drawing/2014/main" id="{C15B386A-CACC-BE1E-5DD1-96A5DDB8173E}"/>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71" name="Group 70">
            <a:extLst>
              <a:ext uri="{FF2B5EF4-FFF2-40B4-BE49-F238E27FC236}">
                <a16:creationId xmlns:a16="http://schemas.microsoft.com/office/drawing/2014/main" id="{0C4007E3-205E-98E1-4A4E-2F56E96427BF}"/>
              </a:ext>
            </a:extLst>
          </p:cNvPr>
          <p:cNvGrpSpPr/>
          <p:nvPr/>
        </p:nvGrpSpPr>
        <p:grpSpPr>
          <a:xfrm>
            <a:off x="2560969" y="3070595"/>
            <a:ext cx="137160" cy="137160"/>
            <a:chOff x="2956012" y="2369957"/>
            <a:chExt cx="137160" cy="137160"/>
          </a:xfrm>
        </p:grpSpPr>
        <p:sp>
          <p:nvSpPr>
            <p:cNvPr id="235" name="Oval 234">
              <a:extLst>
                <a:ext uri="{FF2B5EF4-FFF2-40B4-BE49-F238E27FC236}">
                  <a16:creationId xmlns:a16="http://schemas.microsoft.com/office/drawing/2014/main" id="{1E4DAA05-AA3F-23F0-78F8-30D4F0470DC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6" name="Oval 235">
              <a:extLst>
                <a:ext uri="{FF2B5EF4-FFF2-40B4-BE49-F238E27FC236}">
                  <a16:creationId xmlns:a16="http://schemas.microsoft.com/office/drawing/2014/main" id="{573F806D-695E-BACA-3D1F-1C9DA69D07E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72" name="Picture 54" descr="http://logonoid.com/images/cargill-logo.png">
            <a:extLst>
              <a:ext uri="{FF2B5EF4-FFF2-40B4-BE49-F238E27FC236}">
                <a16:creationId xmlns:a16="http://schemas.microsoft.com/office/drawing/2014/main" id="{7398733B-FBC8-6693-2F69-7153F072401E}"/>
              </a:ext>
            </a:extLst>
          </p:cNvPr>
          <p:cNvPicPr>
            <a:picLocks noChangeAspect="1" noChangeArrowheads="1"/>
          </p:cNvPicPr>
          <p:nvPr/>
        </p:nvPicPr>
        <p:blipFill>
          <a:blip r:embed="rId10" cstate="screen">
            <a:extLst>
              <a:ext uri="{28A0092B-C50C-407E-A947-70E740481C1C}">
                <a14:useLocalDpi xmlns:a14="http://schemas.microsoft.com/office/drawing/2010/main" val="0"/>
              </a:ext>
            </a:extLst>
          </a:blip>
          <a:srcRect/>
          <a:stretch>
            <a:fillRect/>
          </a:stretch>
        </p:blipFill>
        <p:spPr bwMode="auto">
          <a:xfrm>
            <a:off x="4677329" y="1714525"/>
            <a:ext cx="431701" cy="19069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nvGrpSpPr>
          <p:cNvPr id="73" name="Group 72">
            <a:extLst>
              <a:ext uri="{FF2B5EF4-FFF2-40B4-BE49-F238E27FC236}">
                <a16:creationId xmlns:a16="http://schemas.microsoft.com/office/drawing/2014/main" id="{6E92ECF0-7048-D467-EEB5-8B6DA6402F21}"/>
              </a:ext>
            </a:extLst>
          </p:cNvPr>
          <p:cNvGrpSpPr/>
          <p:nvPr/>
        </p:nvGrpSpPr>
        <p:grpSpPr>
          <a:xfrm>
            <a:off x="4825026" y="4208116"/>
            <a:ext cx="137160" cy="137160"/>
            <a:chOff x="2956012" y="2369957"/>
            <a:chExt cx="137160" cy="137160"/>
          </a:xfrm>
        </p:grpSpPr>
        <p:sp>
          <p:nvSpPr>
            <p:cNvPr id="233" name="Oval 232">
              <a:extLst>
                <a:ext uri="{FF2B5EF4-FFF2-40B4-BE49-F238E27FC236}">
                  <a16:creationId xmlns:a16="http://schemas.microsoft.com/office/drawing/2014/main" id="{231E2D63-1CBB-70DA-92D7-2E159D8D861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4" name="Oval 233">
              <a:extLst>
                <a:ext uri="{FF2B5EF4-FFF2-40B4-BE49-F238E27FC236}">
                  <a16:creationId xmlns:a16="http://schemas.microsoft.com/office/drawing/2014/main" id="{A5231C60-0158-BCD4-5C6B-DE05FCAB842D}"/>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74" name="Group 73">
            <a:extLst>
              <a:ext uri="{FF2B5EF4-FFF2-40B4-BE49-F238E27FC236}">
                <a16:creationId xmlns:a16="http://schemas.microsoft.com/office/drawing/2014/main" id="{03395A32-3BA0-741D-C730-20C154123F2B}"/>
              </a:ext>
            </a:extLst>
          </p:cNvPr>
          <p:cNvGrpSpPr/>
          <p:nvPr/>
        </p:nvGrpSpPr>
        <p:grpSpPr>
          <a:xfrm>
            <a:off x="4831088" y="3633023"/>
            <a:ext cx="137160" cy="137160"/>
            <a:chOff x="2956012" y="2369957"/>
            <a:chExt cx="137160" cy="137160"/>
          </a:xfrm>
        </p:grpSpPr>
        <p:sp>
          <p:nvSpPr>
            <p:cNvPr id="231" name="Oval 230">
              <a:extLst>
                <a:ext uri="{FF2B5EF4-FFF2-40B4-BE49-F238E27FC236}">
                  <a16:creationId xmlns:a16="http://schemas.microsoft.com/office/drawing/2014/main" id="{7C1EF8E8-229D-7F4D-6AE1-13C6A01990A1}"/>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2" name="Oval 231">
              <a:extLst>
                <a:ext uri="{FF2B5EF4-FFF2-40B4-BE49-F238E27FC236}">
                  <a16:creationId xmlns:a16="http://schemas.microsoft.com/office/drawing/2014/main" id="{A0C546EB-F95C-3498-2056-1CC9AEDE072C}"/>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75" name="Group 74">
            <a:extLst>
              <a:ext uri="{FF2B5EF4-FFF2-40B4-BE49-F238E27FC236}">
                <a16:creationId xmlns:a16="http://schemas.microsoft.com/office/drawing/2014/main" id="{04B3E415-0E34-73E6-6E3D-4A34C96819C4}"/>
              </a:ext>
            </a:extLst>
          </p:cNvPr>
          <p:cNvGrpSpPr/>
          <p:nvPr/>
        </p:nvGrpSpPr>
        <p:grpSpPr>
          <a:xfrm>
            <a:off x="4838961" y="3070595"/>
            <a:ext cx="137160" cy="137160"/>
            <a:chOff x="2956012" y="2369957"/>
            <a:chExt cx="137160" cy="137160"/>
          </a:xfrm>
        </p:grpSpPr>
        <p:sp>
          <p:nvSpPr>
            <p:cNvPr id="229" name="Oval 228">
              <a:extLst>
                <a:ext uri="{FF2B5EF4-FFF2-40B4-BE49-F238E27FC236}">
                  <a16:creationId xmlns:a16="http://schemas.microsoft.com/office/drawing/2014/main" id="{069D1049-0124-9531-B9EA-920B2526D03F}"/>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0" name="Oval 229">
              <a:extLst>
                <a:ext uri="{FF2B5EF4-FFF2-40B4-BE49-F238E27FC236}">
                  <a16:creationId xmlns:a16="http://schemas.microsoft.com/office/drawing/2014/main" id="{8F783AFA-4A0C-B424-52AA-F999B2A86FA4}"/>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76" name="Picture 75">
            <a:extLst>
              <a:ext uri="{FF2B5EF4-FFF2-40B4-BE49-F238E27FC236}">
                <a16:creationId xmlns:a16="http://schemas.microsoft.com/office/drawing/2014/main" id="{55748A7F-DADE-A28C-A06F-6FD6CA283ABD}"/>
              </a:ext>
            </a:extLst>
          </p:cNvPr>
          <p:cNvPicPr>
            <a:picLocks noChangeAspect="1"/>
          </p:cNvPicPr>
          <p:nvPr/>
        </p:nvPicPr>
        <p:blipFill rotWithShape="1">
          <a:blip r:embed="rId11" cstate="screen">
            <a:extLst>
              <a:ext uri="{28A0092B-C50C-407E-A947-70E740481C1C}">
                <a14:useLocalDpi xmlns:a14="http://schemas.microsoft.com/office/drawing/2010/main" val="0"/>
              </a:ext>
            </a:extLst>
          </a:blip>
          <a:srcRect/>
          <a:stretch/>
        </p:blipFill>
        <p:spPr>
          <a:xfrm>
            <a:off x="5505483" y="1771420"/>
            <a:ext cx="597768" cy="134132"/>
          </a:xfrm>
          <a:prstGeom prst="rect">
            <a:avLst/>
          </a:prstGeom>
        </p:spPr>
      </p:pic>
      <p:grpSp>
        <p:nvGrpSpPr>
          <p:cNvPr id="77" name="Group 76">
            <a:extLst>
              <a:ext uri="{FF2B5EF4-FFF2-40B4-BE49-F238E27FC236}">
                <a16:creationId xmlns:a16="http://schemas.microsoft.com/office/drawing/2014/main" id="{CD7D53ED-A781-B9F2-73F0-CDD2FD656805}"/>
              </a:ext>
            </a:extLst>
          </p:cNvPr>
          <p:cNvGrpSpPr/>
          <p:nvPr/>
        </p:nvGrpSpPr>
        <p:grpSpPr>
          <a:xfrm>
            <a:off x="5734103" y="4208116"/>
            <a:ext cx="137160" cy="137160"/>
            <a:chOff x="2956012" y="2369957"/>
            <a:chExt cx="137160" cy="137160"/>
          </a:xfrm>
        </p:grpSpPr>
        <p:sp>
          <p:nvSpPr>
            <p:cNvPr id="227" name="Oval 226">
              <a:extLst>
                <a:ext uri="{FF2B5EF4-FFF2-40B4-BE49-F238E27FC236}">
                  <a16:creationId xmlns:a16="http://schemas.microsoft.com/office/drawing/2014/main" id="{3DC3FD0F-A378-DD11-FAA1-5204AD989ED6}"/>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8" name="Oval 227">
              <a:extLst>
                <a:ext uri="{FF2B5EF4-FFF2-40B4-BE49-F238E27FC236}">
                  <a16:creationId xmlns:a16="http://schemas.microsoft.com/office/drawing/2014/main" id="{53FC8AD9-3EF8-44EE-B23A-6F68155AC33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78" name="Group 77">
            <a:extLst>
              <a:ext uri="{FF2B5EF4-FFF2-40B4-BE49-F238E27FC236}">
                <a16:creationId xmlns:a16="http://schemas.microsoft.com/office/drawing/2014/main" id="{B1751AFC-48EC-8D19-7859-ACE403C6F013}"/>
              </a:ext>
            </a:extLst>
          </p:cNvPr>
          <p:cNvGrpSpPr/>
          <p:nvPr/>
        </p:nvGrpSpPr>
        <p:grpSpPr>
          <a:xfrm>
            <a:off x="5723081" y="3633023"/>
            <a:ext cx="137160" cy="137160"/>
            <a:chOff x="2956012" y="2369957"/>
            <a:chExt cx="137160" cy="137160"/>
          </a:xfrm>
        </p:grpSpPr>
        <p:sp>
          <p:nvSpPr>
            <p:cNvPr id="225" name="Oval 224">
              <a:extLst>
                <a:ext uri="{FF2B5EF4-FFF2-40B4-BE49-F238E27FC236}">
                  <a16:creationId xmlns:a16="http://schemas.microsoft.com/office/drawing/2014/main" id="{D28010E1-5013-DC3B-AE6B-90FA85B13D1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6" name="Oval 225">
              <a:extLst>
                <a:ext uri="{FF2B5EF4-FFF2-40B4-BE49-F238E27FC236}">
                  <a16:creationId xmlns:a16="http://schemas.microsoft.com/office/drawing/2014/main" id="{76161653-65C5-C06B-92A6-12CC4B8B6D40}"/>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79" name="Group 78">
            <a:extLst>
              <a:ext uri="{FF2B5EF4-FFF2-40B4-BE49-F238E27FC236}">
                <a16:creationId xmlns:a16="http://schemas.microsoft.com/office/drawing/2014/main" id="{BB4BEBC6-C6D7-3832-F969-051B3CB66785}"/>
              </a:ext>
            </a:extLst>
          </p:cNvPr>
          <p:cNvGrpSpPr/>
          <p:nvPr/>
        </p:nvGrpSpPr>
        <p:grpSpPr>
          <a:xfrm>
            <a:off x="5731022" y="3070595"/>
            <a:ext cx="137160" cy="137160"/>
            <a:chOff x="2956012" y="2369957"/>
            <a:chExt cx="137160" cy="137160"/>
          </a:xfrm>
        </p:grpSpPr>
        <p:sp>
          <p:nvSpPr>
            <p:cNvPr id="223" name="Oval 222">
              <a:extLst>
                <a:ext uri="{FF2B5EF4-FFF2-40B4-BE49-F238E27FC236}">
                  <a16:creationId xmlns:a16="http://schemas.microsoft.com/office/drawing/2014/main" id="{ED574CC8-753D-B6D5-22A2-1490559E91F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4" name="Oval 223">
              <a:extLst>
                <a:ext uri="{FF2B5EF4-FFF2-40B4-BE49-F238E27FC236}">
                  <a16:creationId xmlns:a16="http://schemas.microsoft.com/office/drawing/2014/main" id="{7D47BB81-937D-ECF6-89FD-336A52367E19}"/>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80" name="Group 79">
            <a:extLst>
              <a:ext uri="{FF2B5EF4-FFF2-40B4-BE49-F238E27FC236}">
                <a16:creationId xmlns:a16="http://schemas.microsoft.com/office/drawing/2014/main" id="{8E34FD67-C069-BA0F-07D5-B8A6417577EA}"/>
              </a:ext>
            </a:extLst>
          </p:cNvPr>
          <p:cNvGrpSpPr/>
          <p:nvPr/>
        </p:nvGrpSpPr>
        <p:grpSpPr>
          <a:xfrm>
            <a:off x="5734103" y="2484583"/>
            <a:ext cx="137160" cy="137160"/>
            <a:chOff x="2956012" y="2369957"/>
            <a:chExt cx="137160" cy="137160"/>
          </a:xfrm>
        </p:grpSpPr>
        <p:sp>
          <p:nvSpPr>
            <p:cNvPr id="221" name="Oval 220">
              <a:extLst>
                <a:ext uri="{FF2B5EF4-FFF2-40B4-BE49-F238E27FC236}">
                  <a16:creationId xmlns:a16="http://schemas.microsoft.com/office/drawing/2014/main" id="{8AFB2ABE-30D7-D855-AA57-9DC7F8890B1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2" name="Oval 221">
              <a:extLst>
                <a:ext uri="{FF2B5EF4-FFF2-40B4-BE49-F238E27FC236}">
                  <a16:creationId xmlns:a16="http://schemas.microsoft.com/office/drawing/2014/main" id="{591A055D-3663-A6E2-0C2B-9651FE2522A4}"/>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81" name="Group 80">
            <a:extLst>
              <a:ext uri="{FF2B5EF4-FFF2-40B4-BE49-F238E27FC236}">
                <a16:creationId xmlns:a16="http://schemas.microsoft.com/office/drawing/2014/main" id="{05D88252-74BB-FC24-F8E1-C658788B3CB8}"/>
              </a:ext>
            </a:extLst>
          </p:cNvPr>
          <p:cNvGrpSpPr/>
          <p:nvPr/>
        </p:nvGrpSpPr>
        <p:grpSpPr>
          <a:xfrm>
            <a:off x="6177924" y="4208116"/>
            <a:ext cx="137160" cy="137160"/>
            <a:chOff x="2956012" y="2369957"/>
            <a:chExt cx="137160" cy="137160"/>
          </a:xfrm>
        </p:grpSpPr>
        <p:sp>
          <p:nvSpPr>
            <p:cNvPr id="219" name="Oval 218">
              <a:extLst>
                <a:ext uri="{FF2B5EF4-FFF2-40B4-BE49-F238E27FC236}">
                  <a16:creationId xmlns:a16="http://schemas.microsoft.com/office/drawing/2014/main" id="{55E74F78-0F26-DA9E-D155-68551B3302E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0" name="Oval 219">
              <a:extLst>
                <a:ext uri="{FF2B5EF4-FFF2-40B4-BE49-F238E27FC236}">
                  <a16:creationId xmlns:a16="http://schemas.microsoft.com/office/drawing/2014/main" id="{DE5A5A36-38C9-A4E3-877B-960E7CE19607}"/>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82" name="Group 81">
            <a:extLst>
              <a:ext uri="{FF2B5EF4-FFF2-40B4-BE49-F238E27FC236}">
                <a16:creationId xmlns:a16="http://schemas.microsoft.com/office/drawing/2014/main" id="{1DCC92B4-29BE-792D-DD7E-CC4D4F131183}"/>
              </a:ext>
            </a:extLst>
          </p:cNvPr>
          <p:cNvGrpSpPr/>
          <p:nvPr/>
        </p:nvGrpSpPr>
        <p:grpSpPr>
          <a:xfrm>
            <a:off x="6177924" y="3633023"/>
            <a:ext cx="137160" cy="137160"/>
            <a:chOff x="2956012" y="2369957"/>
            <a:chExt cx="137160" cy="137160"/>
          </a:xfrm>
        </p:grpSpPr>
        <p:sp>
          <p:nvSpPr>
            <p:cNvPr id="217" name="Oval 216">
              <a:extLst>
                <a:ext uri="{FF2B5EF4-FFF2-40B4-BE49-F238E27FC236}">
                  <a16:creationId xmlns:a16="http://schemas.microsoft.com/office/drawing/2014/main" id="{DC86CD1D-D0A7-872D-3B96-5101ED74B3E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8" name="Oval 217">
              <a:extLst>
                <a:ext uri="{FF2B5EF4-FFF2-40B4-BE49-F238E27FC236}">
                  <a16:creationId xmlns:a16="http://schemas.microsoft.com/office/drawing/2014/main" id="{54FB3096-D0EA-0DEE-E6AC-4FFCE2BB9A4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83" name="Group 82">
            <a:extLst>
              <a:ext uri="{FF2B5EF4-FFF2-40B4-BE49-F238E27FC236}">
                <a16:creationId xmlns:a16="http://schemas.microsoft.com/office/drawing/2014/main" id="{169AD06B-0193-4B48-86F5-C0C4A83922F3}"/>
              </a:ext>
            </a:extLst>
          </p:cNvPr>
          <p:cNvGrpSpPr/>
          <p:nvPr/>
        </p:nvGrpSpPr>
        <p:grpSpPr>
          <a:xfrm>
            <a:off x="6177924" y="3070595"/>
            <a:ext cx="137160" cy="137160"/>
            <a:chOff x="2956012" y="2369957"/>
            <a:chExt cx="137160" cy="137160"/>
          </a:xfrm>
        </p:grpSpPr>
        <p:sp>
          <p:nvSpPr>
            <p:cNvPr id="215" name="Oval 214">
              <a:extLst>
                <a:ext uri="{FF2B5EF4-FFF2-40B4-BE49-F238E27FC236}">
                  <a16:creationId xmlns:a16="http://schemas.microsoft.com/office/drawing/2014/main" id="{F0775536-9A34-60C3-3702-F5B43788866E}"/>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6" name="Oval 215">
              <a:extLst>
                <a:ext uri="{FF2B5EF4-FFF2-40B4-BE49-F238E27FC236}">
                  <a16:creationId xmlns:a16="http://schemas.microsoft.com/office/drawing/2014/main" id="{49C18A85-4ED2-3637-A705-11540003364C}"/>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84" name="Group 83">
            <a:extLst>
              <a:ext uri="{FF2B5EF4-FFF2-40B4-BE49-F238E27FC236}">
                <a16:creationId xmlns:a16="http://schemas.microsoft.com/office/drawing/2014/main" id="{27DF847A-DF47-5DC0-601F-BDB2AB057310}"/>
              </a:ext>
            </a:extLst>
          </p:cNvPr>
          <p:cNvGrpSpPr/>
          <p:nvPr/>
        </p:nvGrpSpPr>
        <p:grpSpPr>
          <a:xfrm>
            <a:off x="6177924" y="2484583"/>
            <a:ext cx="137160" cy="137160"/>
            <a:chOff x="2956012" y="2369957"/>
            <a:chExt cx="137160" cy="137160"/>
          </a:xfrm>
        </p:grpSpPr>
        <p:sp>
          <p:nvSpPr>
            <p:cNvPr id="213" name="Oval 212">
              <a:extLst>
                <a:ext uri="{FF2B5EF4-FFF2-40B4-BE49-F238E27FC236}">
                  <a16:creationId xmlns:a16="http://schemas.microsoft.com/office/drawing/2014/main" id="{5D256510-227A-9433-7F2E-D5AC1E0165DF}"/>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4" name="Oval 213">
              <a:extLst>
                <a:ext uri="{FF2B5EF4-FFF2-40B4-BE49-F238E27FC236}">
                  <a16:creationId xmlns:a16="http://schemas.microsoft.com/office/drawing/2014/main" id="{5EB12E6D-D6C5-2400-19B9-867DB049C33D}"/>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85" name="Picture 6" descr="D:\02_Project\2014\Delta_presentation\05_images\Papa-Johns-Logo-1.jpg">
            <a:extLst>
              <a:ext uri="{FF2B5EF4-FFF2-40B4-BE49-F238E27FC236}">
                <a16:creationId xmlns:a16="http://schemas.microsoft.com/office/drawing/2014/main" id="{99FA7DF6-3C28-13C7-9C28-EA41A77C6F3D}"/>
              </a:ext>
            </a:extLst>
          </p:cNvPr>
          <p:cNvPicPr>
            <a:picLocks noChangeAspect="1" noChangeArrowheads="1"/>
          </p:cNvPicPr>
          <p:nvPr/>
        </p:nvPicPr>
        <p:blipFill>
          <a:blip r:embed="rId12" cstate="screen">
            <a:extLst>
              <a:ext uri="{28A0092B-C50C-407E-A947-70E740481C1C}">
                <a14:useLocalDpi xmlns:a14="http://schemas.microsoft.com/office/drawing/2010/main" val="0"/>
              </a:ext>
            </a:extLst>
          </a:blip>
          <a:srcRect/>
          <a:stretch>
            <a:fillRect/>
          </a:stretch>
        </p:blipFill>
        <p:spPr bwMode="auto">
          <a:xfrm>
            <a:off x="6472792" y="1635924"/>
            <a:ext cx="429496" cy="30444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nvGrpSpPr>
          <p:cNvPr id="86" name="Group 85">
            <a:extLst>
              <a:ext uri="{FF2B5EF4-FFF2-40B4-BE49-F238E27FC236}">
                <a16:creationId xmlns:a16="http://schemas.microsoft.com/office/drawing/2014/main" id="{1EE43A2A-F228-F8C8-7477-C5B7BAA8F776}"/>
              </a:ext>
            </a:extLst>
          </p:cNvPr>
          <p:cNvGrpSpPr/>
          <p:nvPr/>
        </p:nvGrpSpPr>
        <p:grpSpPr>
          <a:xfrm>
            <a:off x="6645701" y="4208116"/>
            <a:ext cx="137160" cy="137160"/>
            <a:chOff x="2956012" y="2369957"/>
            <a:chExt cx="137160" cy="137160"/>
          </a:xfrm>
        </p:grpSpPr>
        <p:sp>
          <p:nvSpPr>
            <p:cNvPr id="211" name="Oval 210">
              <a:extLst>
                <a:ext uri="{FF2B5EF4-FFF2-40B4-BE49-F238E27FC236}">
                  <a16:creationId xmlns:a16="http://schemas.microsoft.com/office/drawing/2014/main" id="{1215B5B0-362F-D606-52ED-BBB9FA34820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2" name="Oval 211">
              <a:extLst>
                <a:ext uri="{FF2B5EF4-FFF2-40B4-BE49-F238E27FC236}">
                  <a16:creationId xmlns:a16="http://schemas.microsoft.com/office/drawing/2014/main" id="{7E2657EE-69D9-E1A9-AA25-F16F63421936}"/>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87" name="Group 86">
            <a:extLst>
              <a:ext uri="{FF2B5EF4-FFF2-40B4-BE49-F238E27FC236}">
                <a16:creationId xmlns:a16="http://schemas.microsoft.com/office/drawing/2014/main" id="{C6A203A9-D0F3-ED70-848A-560CB6A76D2F}"/>
              </a:ext>
            </a:extLst>
          </p:cNvPr>
          <p:cNvGrpSpPr/>
          <p:nvPr/>
        </p:nvGrpSpPr>
        <p:grpSpPr>
          <a:xfrm>
            <a:off x="6633736" y="3633023"/>
            <a:ext cx="137160" cy="137160"/>
            <a:chOff x="2956012" y="2369957"/>
            <a:chExt cx="137160" cy="137160"/>
          </a:xfrm>
        </p:grpSpPr>
        <p:sp>
          <p:nvSpPr>
            <p:cNvPr id="209" name="Oval 208">
              <a:extLst>
                <a:ext uri="{FF2B5EF4-FFF2-40B4-BE49-F238E27FC236}">
                  <a16:creationId xmlns:a16="http://schemas.microsoft.com/office/drawing/2014/main" id="{37DC913D-E301-EB04-0091-A689D3306458}"/>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0" name="Oval 209">
              <a:extLst>
                <a:ext uri="{FF2B5EF4-FFF2-40B4-BE49-F238E27FC236}">
                  <a16:creationId xmlns:a16="http://schemas.microsoft.com/office/drawing/2014/main" id="{3192F874-A4A1-43E0-F405-67A731136AD1}"/>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88" name="Picture 87" descr="A picture containing font, graphics, screenshot, logo&#10;&#10;Description automatically generated">
            <a:extLst>
              <a:ext uri="{FF2B5EF4-FFF2-40B4-BE49-F238E27FC236}">
                <a16:creationId xmlns:a16="http://schemas.microsoft.com/office/drawing/2014/main" id="{0D85FB5A-7DB7-354A-824F-75BC98103795}"/>
              </a:ext>
            </a:extLst>
          </p:cNvPr>
          <p:cNvPicPr>
            <a:picLocks noChangeAspect="1"/>
          </p:cNvPicPr>
          <p:nvPr/>
        </p:nvPicPr>
        <p:blipFill>
          <a:blip r:embed="rId13" cstate="screen">
            <a:extLst>
              <a:ext uri="{28A0092B-C50C-407E-A947-70E740481C1C}">
                <a14:useLocalDpi xmlns:a14="http://schemas.microsoft.com/office/drawing/2010/main" val="0"/>
              </a:ext>
            </a:extLst>
          </a:blip>
          <a:stretch>
            <a:fillRect/>
          </a:stretch>
        </p:blipFill>
        <p:spPr>
          <a:xfrm>
            <a:off x="11152959" y="1340689"/>
            <a:ext cx="822944" cy="194374"/>
          </a:xfrm>
          <a:prstGeom prst="rect">
            <a:avLst/>
          </a:prstGeom>
        </p:spPr>
      </p:pic>
      <p:pic>
        <p:nvPicPr>
          <p:cNvPr id="89" name="Picture 88" descr="A red text on a white background&#10;&#10;Description automatically generated with medium confidence">
            <a:extLst>
              <a:ext uri="{FF2B5EF4-FFF2-40B4-BE49-F238E27FC236}">
                <a16:creationId xmlns:a16="http://schemas.microsoft.com/office/drawing/2014/main" id="{D9139246-AD43-5D29-00A2-B44800EA249B}"/>
              </a:ext>
            </a:extLst>
          </p:cNvPr>
          <p:cNvPicPr>
            <a:picLocks noChangeAspect="1"/>
          </p:cNvPicPr>
          <p:nvPr/>
        </p:nvPicPr>
        <p:blipFill>
          <a:blip r:embed="rId14" cstate="screen">
            <a:extLst>
              <a:ext uri="{28A0092B-C50C-407E-A947-70E740481C1C}">
                <a14:useLocalDpi xmlns:a14="http://schemas.microsoft.com/office/drawing/2010/main" val="0"/>
              </a:ext>
            </a:extLst>
          </a:blip>
          <a:stretch>
            <a:fillRect/>
          </a:stretch>
        </p:blipFill>
        <p:spPr>
          <a:xfrm>
            <a:off x="7364897" y="1720857"/>
            <a:ext cx="458730" cy="219456"/>
          </a:xfrm>
          <a:prstGeom prst="rect">
            <a:avLst/>
          </a:prstGeom>
        </p:spPr>
      </p:pic>
      <p:pic>
        <p:nvPicPr>
          <p:cNvPr id="90" name="Graphic 89">
            <a:extLst>
              <a:ext uri="{FF2B5EF4-FFF2-40B4-BE49-F238E27FC236}">
                <a16:creationId xmlns:a16="http://schemas.microsoft.com/office/drawing/2014/main" id="{12C4DD1B-E4C7-8E86-DB97-09C878493BBC}"/>
              </a:ext>
            </a:extLst>
          </p:cNvPr>
          <p:cNvPicPr>
            <a:picLocks noChangeAspect="1"/>
          </p:cNvPicPr>
          <p:nvPr/>
        </p:nvPicPr>
        <p:blipFill>
          <a:blip r:embed="rId15" cstate="hqprint">
            <a:extLst>
              <a:ext uri="{28A0092B-C50C-407E-A947-70E740481C1C}">
                <a14:useLocalDpi xmlns:a14="http://schemas.microsoft.com/office/drawing/2010/main" val="0"/>
              </a:ext>
              <a:ext uri="{96DAC541-7B7A-43D3-8B79-37D633B846F1}">
                <asvg:svgBlip xmlns:asvg="http://schemas.microsoft.com/office/drawing/2016/SVG/main" r:embed="rId16"/>
              </a:ext>
            </a:extLst>
          </a:blip>
          <a:stretch>
            <a:fillRect/>
          </a:stretch>
        </p:blipFill>
        <p:spPr>
          <a:xfrm>
            <a:off x="7778372" y="1370831"/>
            <a:ext cx="500025" cy="172052"/>
          </a:xfrm>
          <a:prstGeom prst="rect">
            <a:avLst/>
          </a:prstGeom>
        </p:spPr>
      </p:pic>
      <p:pic>
        <p:nvPicPr>
          <p:cNvPr id="91" name="Picture 90" descr="A blue and white logo&#10;&#10;Description automatically generated with low confidence">
            <a:extLst>
              <a:ext uri="{FF2B5EF4-FFF2-40B4-BE49-F238E27FC236}">
                <a16:creationId xmlns:a16="http://schemas.microsoft.com/office/drawing/2014/main" id="{9A81EB38-110C-F27B-7F97-9E7D5C5F7B4C}"/>
              </a:ext>
            </a:extLst>
          </p:cNvPr>
          <p:cNvPicPr>
            <a:picLocks noChangeAspect="1"/>
          </p:cNvPicPr>
          <p:nvPr/>
        </p:nvPicPr>
        <p:blipFill rotWithShape="1">
          <a:blip r:embed="rId17" cstate="screen">
            <a:extLst>
              <a:ext uri="{28A0092B-C50C-407E-A947-70E740481C1C}">
                <a14:useLocalDpi xmlns:a14="http://schemas.microsoft.com/office/drawing/2010/main" val="0"/>
              </a:ext>
            </a:extLst>
          </a:blip>
          <a:srcRect t="10377" b="16904"/>
          <a:stretch/>
        </p:blipFill>
        <p:spPr>
          <a:xfrm>
            <a:off x="8674818" y="1308769"/>
            <a:ext cx="548381" cy="237070"/>
          </a:xfrm>
          <a:prstGeom prst="rect">
            <a:avLst/>
          </a:prstGeom>
        </p:spPr>
      </p:pic>
      <p:pic>
        <p:nvPicPr>
          <p:cNvPr id="92" name="Picture 91" descr="A picture containing font, logo, graphics, symbol&#10;&#10;Description automatically generated">
            <a:extLst>
              <a:ext uri="{FF2B5EF4-FFF2-40B4-BE49-F238E27FC236}">
                <a16:creationId xmlns:a16="http://schemas.microsoft.com/office/drawing/2014/main" id="{D70D5990-D436-C2A8-A1D8-05A21FFB32D8}"/>
              </a:ext>
            </a:extLst>
          </p:cNvPr>
          <p:cNvPicPr>
            <a:picLocks noChangeAspect="1"/>
          </p:cNvPicPr>
          <p:nvPr/>
        </p:nvPicPr>
        <p:blipFill>
          <a:blip r:embed="rId18" cstate="screen">
            <a:extLst>
              <a:ext uri="{28A0092B-C50C-407E-A947-70E740481C1C}">
                <a14:useLocalDpi xmlns:a14="http://schemas.microsoft.com/office/drawing/2010/main" val="0"/>
              </a:ext>
            </a:extLst>
          </a:blip>
          <a:stretch>
            <a:fillRect/>
          </a:stretch>
        </p:blipFill>
        <p:spPr>
          <a:xfrm>
            <a:off x="9212706" y="1702842"/>
            <a:ext cx="347400" cy="201977"/>
          </a:xfrm>
          <a:prstGeom prst="rect">
            <a:avLst/>
          </a:prstGeom>
        </p:spPr>
      </p:pic>
      <p:pic>
        <p:nvPicPr>
          <p:cNvPr id="93" name="Picture 92" descr="A blue and white logo&#10;&#10;Description automatically generated with low confidence">
            <a:extLst>
              <a:ext uri="{FF2B5EF4-FFF2-40B4-BE49-F238E27FC236}">
                <a16:creationId xmlns:a16="http://schemas.microsoft.com/office/drawing/2014/main" id="{1CC02050-FE76-79C7-82B5-99F9F89426F4}"/>
              </a:ext>
            </a:extLst>
          </p:cNvPr>
          <p:cNvPicPr>
            <a:picLocks noChangeAspect="1"/>
          </p:cNvPicPr>
          <p:nvPr/>
        </p:nvPicPr>
        <p:blipFill>
          <a:blip r:embed="rId19" cstate="screen">
            <a:extLst>
              <a:ext uri="{28A0092B-C50C-407E-A947-70E740481C1C}">
                <a14:useLocalDpi xmlns:a14="http://schemas.microsoft.com/office/drawing/2010/main" val="0"/>
              </a:ext>
            </a:extLst>
          </a:blip>
          <a:stretch>
            <a:fillRect/>
          </a:stretch>
        </p:blipFill>
        <p:spPr>
          <a:xfrm>
            <a:off x="9587852" y="1173244"/>
            <a:ext cx="493732" cy="361819"/>
          </a:xfrm>
          <a:prstGeom prst="rect">
            <a:avLst/>
          </a:prstGeom>
        </p:spPr>
      </p:pic>
      <p:pic>
        <p:nvPicPr>
          <p:cNvPr id="94" name="Picture 93" descr="A blue and white logo&#10;&#10;Description automatically generated with low confidence">
            <a:extLst>
              <a:ext uri="{FF2B5EF4-FFF2-40B4-BE49-F238E27FC236}">
                <a16:creationId xmlns:a16="http://schemas.microsoft.com/office/drawing/2014/main" id="{39B41726-431C-8802-CF09-A9EFB19729EF}"/>
              </a:ext>
            </a:extLst>
          </p:cNvPr>
          <p:cNvPicPr>
            <a:picLocks noChangeAspect="1"/>
          </p:cNvPicPr>
          <p:nvPr/>
        </p:nvPicPr>
        <p:blipFill>
          <a:blip r:embed="rId20" cstate="screen">
            <a:extLst>
              <a:ext uri="{28A0092B-C50C-407E-A947-70E740481C1C}">
                <a14:useLocalDpi xmlns:a14="http://schemas.microsoft.com/office/drawing/2010/main" val="0"/>
              </a:ext>
            </a:extLst>
          </a:blip>
          <a:stretch>
            <a:fillRect/>
          </a:stretch>
        </p:blipFill>
        <p:spPr>
          <a:xfrm>
            <a:off x="10060152" y="1732610"/>
            <a:ext cx="475852" cy="165295"/>
          </a:xfrm>
          <a:prstGeom prst="rect">
            <a:avLst/>
          </a:prstGeom>
        </p:spPr>
      </p:pic>
      <p:pic>
        <p:nvPicPr>
          <p:cNvPr id="95" name="Picture 94" descr="A picture containing colorfulness, screenshot, orange, graphics&#10;&#10;Description automatically generated">
            <a:extLst>
              <a:ext uri="{FF2B5EF4-FFF2-40B4-BE49-F238E27FC236}">
                <a16:creationId xmlns:a16="http://schemas.microsoft.com/office/drawing/2014/main" id="{B4106B06-C6A1-DF24-D612-198FBDCE06BD}"/>
              </a:ext>
            </a:extLst>
          </p:cNvPr>
          <p:cNvPicPr>
            <a:picLocks noChangeAspect="1"/>
          </p:cNvPicPr>
          <p:nvPr/>
        </p:nvPicPr>
        <p:blipFill>
          <a:blip r:embed="rId21" cstate="screen">
            <a:extLst>
              <a:ext uri="{28A0092B-C50C-407E-A947-70E740481C1C}">
                <a14:useLocalDpi xmlns:a14="http://schemas.microsoft.com/office/drawing/2010/main" val="0"/>
              </a:ext>
            </a:extLst>
          </a:blip>
          <a:stretch>
            <a:fillRect/>
          </a:stretch>
        </p:blipFill>
        <p:spPr>
          <a:xfrm>
            <a:off x="10560083" y="1230620"/>
            <a:ext cx="401111" cy="304443"/>
          </a:xfrm>
          <a:prstGeom prst="rect">
            <a:avLst/>
          </a:prstGeom>
        </p:spPr>
      </p:pic>
      <p:pic>
        <p:nvPicPr>
          <p:cNvPr id="96" name="Picture 95" descr="A picture containing text, font, graphics, graphic design&#10;&#10;Description automatically generated">
            <a:extLst>
              <a:ext uri="{FF2B5EF4-FFF2-40B4-BE49-F238E27FC236}">
                <a16:creationId xmlns:a16="http://schemas.microsoft.com/office/drawing/2014/main" id="{EBBE377B-1A81-31C8-A6C6-C4DC44C54584}"/>
              </a:ext>
            </a:extLst>
          </p:cNvPr>
          <p:cNvPicPr>
            <a:picLocks noChangeAspect="1"/>
          </p:cNvPicPr>
          <p:nvPr/>
        </p:nvPicPr>
        <p:blipFill>
          <a:blip r:embed="rId22" cstate="screen">
            <a:extLst>
              <a:ext uri="{28A0092B-C50C-407E-A947-70E740481C1C}">
                <a14:useLocalDpi xmlns:a14="http://schemas.microsoft.com/office/drawing/2010/main" val="0"/>
              </a:ext>
            </a:extLst>
          </a:blip>
          <a:stretch>
            <a:fillRect/>
          </a:stretch>
        </p:blipFill>
        <p:spPr>
          <a:xfrm>
            <a:off x="10918612" y="1609256"/>
            <a:ext cx="524948" cy="295284"/>
          </a:xfrm>
          <a:prstGeom prst="rect">
            <a:avLst/>
          </a:prstGeom>
        </p:spPr>
      </p:pic>
      <p:grpSp>
        <p:nvGrpSpPr>
          <p:cNvPr id="97" name="Group 96">
            <a:extLst>
              <a:ext uri="{FF2B5EF4-FFF2-40B4-BE49-F238E27FC236}">
                <a16:creationId xmlns:a16="http://schemas.microsoft.com/office/drawing/2014/main" id="{838FD719-4C2B-87EC-C554-A9C64F9DAFEB}"/>
              </a:ext>
            </a:extLst>
          </p:cNvPr>
          <p:cNvGrpSpPr/>
          <p:nvPr/>
        </p:nvGrpSpPr>
        <p:grpSpPr>
          <a:xfrm>
            <a:off x="6177924" y="4746107"/>
            <a:ext cx="137160" cy="137160"/>
            <a:chOff x="2956012" y="2369957"/>
            <a:chExt cx="137160" cy="137160"/>
          </a:xfrm>
        </p:grpSpPr>
        <p:sp>
          <p:nvSpPr>
            <p:cNvPr id="207" name="Oval 206">
              <a:extLst>
                <a:ext uri="{FF2B5EF4-FFF2-40B4-BE49-F238E27FC236}">
                  <a16:creationId xmlns:a16="http://schemas.microsoft.com/office/drawing/2014/main" id="{EF826EFB-194F-782D-63EF-551D4CFE9A68}"/>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8" name="Oval 207">
              <a:extLst>
                <a:ext uri="{FF2B5EF4-FFF2-40B4-BE49-F238E27FC236}">
                  <a16:creationId xmlns:a16="http://schemas.microsoft.com/office/drawing/2014/main" id="{C18E7D6E-90E9-4051-B597-2DFA4AA8C2A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98" name="Picture 97" descr="A blue triangle on a black background&#10;&#10;Description automatically generated with low confidence">
            <a:extLst>
              <a:ext uri="{FF2B5EF4-FFF2-40B4-BE49-F238E27FC236}">
                <a16:creationId xmlns:a16="http://schemas.microsoft.com/office/drawing/2014/main" id="{55FD56E9-5513-88CB-8441-D1E57A15E4E9}"/>
              </a:ext>
            </a:extLst>
          </p:cNvPr>
          <p:cNvPicPr>
            <a:picLocks noChangeAspect="1"/>
          </p:cNvPicPr>
          <p:nvPr/>
        </p:nvPicPr>
        <p:blipFill>
          <a:blip r:embed="rId23" cstate="screen">
            <a:extLst>
              <a:ext uri="{28A0092B-C50C-407E-A947-70E740481C1C}">
                <a14:useLocalDpi xmlns:a14="http://schemas.microsoft.com/office/drawing/2010/main" val="0"/>
              </a:ext>
            </a:extLst>
          </a:blip>
          <a:stretch>
            <a:fillRect/>
          </a:stretch>
        </p:blipFill>
        <p:spPr>
          <a:xfrm>
            <a:off x="5977231" y="1260459"/>
            <a:ext cx="461518" cy="274604"/>
          </a:xfrm>
          <a:prstGeom prst="rect">
            <a:avLst/>
          </a:prstGeom>
        </p:spPr>
      </p:pic>
      <p:sp>
        <p:nvSpPr>
          <p:cNvPr id="99" name="Rectangle 98">
            <a:extLst>
              <a:ext uri="{FF2B5EF4-FFF2-40B4-BE49-F238E27FC236}">
                <a16:creationId xmlns:a16="http://schemas.microsoft.com/office/drawing/2014/main" id="{655ECFFC-3016-1FB2-0CEE-2DB1D231280D}"/>
              </a:ext>
            </a:extLst>
          </p:cNvPr>
          <p:cNvSpPr/>
          <p:nvPr/>
        </p:nvSpPr>
        <p:spPr>
          <a:xfrm>
            <a:off x="288382" y="5160878"/>
            <a:ext cx="1256764" cy="464698"/>
          </a:xfrm>
          <a:prstGeom prst="rect">
            <a:avLst/>
          </a:prstGeom>
          <a:solidFill>
            <a:srgbClr val="0085BE"/>
          </a:solidFill>
          <a:ln w="3175">
            <a:no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950">
                <a:latin typeface="Roboto" panose="02000000000000000000" pitchFamily="2" charset="0"/>
                <a:ea typeface="Roboto" panose="02000000000000000000" pitchFamily="2" charset="0"/>
                <a:cs typeface="Roboto" panose="02000000000000000000" pitchFamily="2" charset="0"/>
              </a:rPr>
              <a:t>Transformation</a:t>
            </a:r>
          </a:p>
        </p:txBody>
      </p:sp>
      <p:grpSp>
        <p:nvGrpSpPr>
          <p:cNvPr id="100" name="Group 99">
            <a:extLst>
              <a:ext uri="{FF2B5EF4-FFF2-40B4-BE49-F238E27FC236}">
                <a16:creationId xmlns:a16="http://schemas.microsoft.com/office/drawing/2014/main" id="{CB6E7FB8-BAB6-0E28-7F54-7C7E9A021B78}"/>
              </a:ext>
            </a:extLst>
          </p:cNvPr>
          <p:cNvGrpSpPr/>
          <p:nvPr/>
        </p:nvGrpSpPr>
        <p:grpSpPr>
          <a:xfrm>
            <a:off x="9787303" y="4208116"/>
            <a:ext cx="137160" cy="137160"/>
            <a:chOff x="2956012" y="2369957"/>
            <a:chExt cx="137160" cy="137160"/>
          </a:xfrm>
        </p:grpSpPr>
        <p:sp>
          <p:nvSpPr>
            <p:cNvPr id="205" name="Oval 204">
              <a:extLst>
                <a:ext uri="{FF2B5EF4-FFF2-40B4-BE49-F238E27FC236}">
                  <a16:creationId xmlns:a16="http://schemas.microsoft.com/office/drawing/2014/main" id="{FE0D0DEC-3111-829A-025F-AFF2570F9192}"/>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6" name="Oval 205">
              <a:extLst>
                <a:ext uri="{FF2B5EF4-FFF2-40B4-BE49-F238E27FC236}">
                  <a16:creationId xmlns:a16="http://schemas.microsoft.com/office/drawing/2014/main" id="{0BFBD60C-9501-8F1E-0C03-737D3E43FE2D}"/>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01" name="Group 100">
            <a:extLst>
              <a:ext uri="{FF2B5EF4-FFF2-40B4-BE49-F238E27FC236}">
                <a16:creationId xmlns:a16="http://schemas.microsoft.com/office/drawing/2014/main" id="{F93E29A8-3B75-A559-B33D-2A82902297F7}"/>
              </a:ext>
            </a:extLst>
          </p:cNvPr>
          <p:cNvGrpSpPr/>
          <p:nvPr/>
        </p:nvGrpSpPr>
        <p:grpSpPr>
          <a:xfrm>
            <a:off x="11152959" y="2484583"/>
            <a:ext cx="137160" cy="137160"/>
            <a:chOff x="2956012" y="2369957"/>
            <a:chExt cx="137160" cy="137160"/>
          </a:xfrm>
        </p:grpSpPr>
        <p:sp>
          <p:nvSpPr>
            <p:cNvPr id="203" name="Oval 202">
              <a:extLst>
                <a:ext uri="{FF2B5EF4-FFF2-40B4-BE49-F238E27FC236}">
                  <a16:creationId xmlns:a16="http://schemas.microsoft.com/office/drawing/2014/main" id="{0F4356A1-3F1A-8DFE-1128-37FF0F7ADAED}"/>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4" name="Oval 203">
              <a:extLst>
                <a:ext uri="{FF2B5EF4-FFF2-40B4-BE49-F238E27FC236}">
                  <a16:creationId xmlns:a16="http://schemas.microsoft.com/office/drawing/2014/main" id="{EC824DCA-5B67-BA8D-E408-4296684A8B83}"/>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02" name="Group 101">
            <a:extLst>
              <a:ext uri="{FF2B5EF4-FFF2-40B4-BE49-F238E27FC236}">
                <a16:creationId xmlns:a16="http://schemas.microsoft.com/office/drawing/2014/main" id="{E8633151-5D43-F43A-EEBC-C1FC87173FA6}"/>
              </a:ext>
            </a:extLst>
          </p:cNvPr>
          <p:cNvGrpSpPr/>
          <p:nvPr/>
        </p:nvGrpSpPr>
        <p:grpSpPr>
          <a:xfrm>
            <a:off x="11152959" y="3070595"/>
            <a:ext cx="137160" cy="137160"/>
            <a:chOff x="2956012" y="2369957"/>
            <a:chExt cx="137160" cy="137160"/>
          </a:xfrm>
        </p:grpSpPr>
        <p:sp>
          <p:nvSpPr>
            <p:cNvPr id="201" name="Oval 200">
              <a:extLst>
                <a:ext uri="{FF2B5EF4-FFF2-40B4-BE49-F238E27FC236}">
                  <a16:creationId xmlns:a16="http://schemas.microsoft.com/office/drawing/2014/main" id="{33662395-F154-555D-02AA-232041D56CA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2" name="Oval 201">
              <a:extLst>
                <a:ext uri="{FF2B5EF4-FFF2-40B4-BE49-F238E27FC236}">
                  <a16:creationId xmlns:a16="http://schemas.microsoft.com/office/drawing/2014/main" id="{D7573C2E-7D41-4C8C-C866-49CCED154408}"/>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03" name="Group 102">
            <a:extLst>
              <a:ext uri="{FF2B5EF4-FFF2-40B4-BE49-F238E27FC236}">
                <a16:creationId xmlns:a16="http://schemas.microsoft.com/office/drawing/2014/main" id="{CED946E5-BDBC-E35C-62F5-98EC64E083C0}"/>
              </a:ext>
            </a:extLst>
          </p:cNvPr>
          <p:cNvGrpSpPr/>
          <p:nvPr/>
        </p:nvGrpSpPr>
        <p:grpSpPr>
          <a:xfrm>
            <a:off x="7985931" y="2484583"/>
            <a:ext cx="137160" cy="137160"/>
            <a:chOff x="2956012" y="2369957"/>
            <a:chExt cx="137160" cy="137160"/>
          </a:xfrm>
        </p:grpSpPr>
        <p:sp>
          <p:nvSpPr>
            <p:cNvPr id="199" name="Oval 198">
              <a:extLst>
                <a:ext uri="{FF2B5EF4-FFF2-40B4-BE49-F238E27FC236}">
                  <a16:creationId xmlns:a16="http://schemas.microsoft.com/office/drawing/2014/main" id="{76F1646B-444D-1C1A-1596-C2405128511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0" name="Oval 199">
              <a:extLst>
                <a:ext uri="{FF2B5EF4-FFF2-40B4-BE49-F238E27FC236}">
                  <a16:creationId xmlns:a16="http://schemas.microsoft.com/office/drawing/2014/main" id="{1EBBD5DC-45B3-7EA0-111F-AFDDAF2C64AA}"/>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04" name="Group 103">
            <a:extLst>
              <a:ext uri="{FF2B5EF4-FFF2-40B4-BE49-F238E27FC236}">
                <a16:creationId xmlns:a16="http://schemas.microsoft.com/office/drawing/2014/main" id="{F980BADD-DCF2-96CE-B10B-9AD4155AD139}"/>
              </a:ext>
            </a:extLst>
          </p:cNvPr>
          <p:cNvGrpSpPr/>
          <p:nvPr/>
        </p:nvGrpSpPr>
        <p:grpSpPr>
          <a:xfrm>
            <a:off x="7998421" y="4746107"/>
            <a:ext cx="137160" cy="137160"/>
            <a:chOff x="2956012" y="2369957"/>
            <a:chExt cx="137160" cy="137160"/>
          </a:xfrm>
        </p:grpSpPr>
        <p:sp>
          <p:nvSpPr>
            <p:cNvPr id="197" name="Oval 196">
              <a:extLst>
                <a:ext uri="{FF2B5EF4-FFF2-40B4-BE49-F238E27FC236}">
                  <a16:creationId xmlns:a16="http://schemas.microsoft.com/office/drawing/2014/main" id="{68B5BA40-9B4A-B82A-AD4C-82341D1ECB08}"/>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8" name="Oval 197">
              <a:extLst>
                <a:ext uri="{FF2B5EF4-FFF2-40B4-BE49-F238E27FC236}">
                  <a16:creationId xmlns:a16="http://schemas.microsoft.com/office/drawing/2014/main" id="{5D37BEA5-39B1-B683-B492-F1859D905FD7}"/>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05" name="Group 104">
            <a:extLst>
              <a:ext uri="{FF2B5EF4-FFF2-40B4-BE49-F238E27FC236}">
                <a16:creationId xmlns:a16="http://schemas.microsoft.com/office/drawing/2014/main" id="{07B05878-9240-8AD8-41E6-1F51C43F2FFE}"/>
              </a:ext>
            </a:extLst>
          </p:cNvPr>
          <p:cNvGrpSpPr/>
          <p:nvPr/>
        </p:nvGrpSpPr>
        <p:grpSpPr>
          <a:xfrm>
            <a:off x="8002953" y="4208116"/>
            <a:ext cx="137160" cy="137160"/>
            <a:chOff x="2956012" y="2369957"/>
            <a:chExt cx="137160" cy="137160"/>
          </a:xfrm>
        </p:grpSpPr>
        <p:sp>
          <p:nvSpPr>
            <p:cNvPr id="195" name="Oval 194">
              <a:extLst>
                <a:ext uri="{FF2B5EF4-FFF2-40B4-BE49-F238E27FC236}">
                  <a16:creationId xmlns:a16="http://schemas.microsoft.com/office/drawing/2014/main" id="{BE2DDF53-71D9-5445-CE44-A3B41F0647D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6" name="Oval 195">
              <a:extLst>
                <a:ext uri="{FF2B5EF4-FFF2-40B4-BE49-F238E27FC236}">
                  <a16:creationId xmlns:a16="http://schemas.microsoft.com/office/drawing/2014/main" id="{C746C9F5-1F49-BB0C-278E-A128EB3ACD8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cxnSp>
        <p:nvCxnSpPr>
          <p:cNvPr id="106" name="Straight Connector 105">
            <a:extLst>
              <a:ext uri="{FF2B5EF4-FFF2-40B4-BE49-F238E27FC236}">
                <a16:creationId xmlns:a16="http://schemas.microsoft.com/office/drawing/2014/main" id="{1AF0CFB9-92B2-1DD8-4DBD-02255FCB250D}"/>
              </a:ext>
            </a:extLst>
          </p:cNvPr>
          <p:cNvCxnSpPr>
            <a:cxnSpLocks/>
          </p:cNvCxnSpPr>
          <p:nvPr/>
        </p:nvCxnSpPr>
        <p:spPr>
          <a:xfrm>
            <a:off x="8500031" y="2002585"/>
            <a:ext cx="0" cy="3966640"/>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pic>
        <p:nvPicPr>
          <p:cNvPr id="107" name="Picture 106" descr="A blue and white logo&#10;&#10;Description automatically generated with low confidence">
            <a:extLst>
              <a:ext uri="{FF2B5EF4-FFF2-40B4-BE49-F238E27FC236}">
                <a16:creationId xmlns:a16="http://schemas.microsoft.com/office/drawing/2014/main" id="{85A03052-FC72-461D-E84A-3BACB0BFD3C6}"/>
              </a:ext>
            </a:extLst>
          </p:cNvPr>
          <p:cNvPicPr>
            <a:picLocks noChangeAspect="1"/>
          </p:cNvPicPr>
          <p:nvPr/>
        </p:nvPicPr>
        <p:blipFill>
          <a:blip r:embed="rId24" cstate="screen">
            <a:extLst>
              <a:ext uri="{28A0092B-C50C-407E-A947-70E740481C1C}">
                <a14:useLocalDpi xmlns:a14="http://schemas.microsoft.com/office/drawing/2010/main" val="0"/>
              </a:ext>
            </a:extLst>
          </a:blip>
          <a:stretch>
            <a:fillRect/>
          </a:stretch>
        </p:blipFill>
        <p:spPr>
          <a:xfrm>
            <a:off x="8309375" y="1725867"/>
            <a:ext cx="389401" cy="161211"/>
          </a:xfrm>
          <a:prstGeom prst="rect">
            <a:avLst/>
          </a:prstGeom>
        </p:spPr>
      </p:pic>
      <p:grpSp>
        <p:nvGrpSpPr>
          <p:cNvPr id="108" name="Group 107">
            <a:extLst>
              <a:ext uri="{FF2B5EF4-FFF2-40B4-BE49-F238E27FC236}">
                <a16:creationId xmlns:a16="http://schemas.microsoft.com/office/drawing/2014/main" id="{00992F8D-326F-5C35-F0AD-523C6E4FB019}"/>
              </a:ext>
            </a:extLst>
          </p:cNvPr>
          <p:cNvGrpSpPr/>
          <p:nvPr/>
        </p:nvGrpSpPr>
        <p:grpSpPr>
          <a:xfrm>
            <a:off x="3923200" y="2484583"/>
            <a:ext cx="137160" cy="137160"/>
            <a:chOff x="2956012" y="2369957"/>
            <a:chExt cx="137160" cy="137160"/>
          </a:xfrm>
        </p:grpSpPr>
        <p:sp>
          <p:nvSpPr>
            <p:cNvPr id="193" name="Oval 192">
              <a:extLst>
                <a:ext uri="{FF2B5EF4-FFF2-40B4-BE49-F238E27FC236}">
                  <a16:creationId xmlns:a16="http://schemas.microsoft.com/office/drawing/2014/main" id="{E27DE875-CC14-6976-8F3E-C5FCC30B552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4" name="Oval 193">
              <a:extLst>
                <a:ext uri="{FF2B5EF4-FFF2-40B4-BE49-F238E27FC236}">
                  <a16:creationId xmlns:a16="http://schemas.microsoft.com/office/drawing/2014/main" id="{B6F06E53-8BEE-A0C7-5E04-65AD6CC8E03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09" name="Group 108">
            <a:extLst>
              <a:ext uri="{FF2B5EF4-FFF2-40B4-BE49-F238E27FC236}">
                <a16:creationId xmlns:a16="http://schemas.microsoft.com/office/drawing/2014/main" id="{32B91182-F198-0E8D-C56D-58ED5FD39067}"/>
              </a:ext>
            </a:extLst>
          </p:cNvPr>
          <p:cNvGrpSpPr/>
          <p:nvPr/>
        </p:nvGrpSpPr>
        <p:grpSpPr>
          <a:xfrm>
            <a:off x="10229498" y="4746107"/>
            <a:ext cx="137160" cy="137160"/>
            <a:chOff x="2956012" y="2369957"/>
            <a:chExt cx="137160" cy="137160"/>
          </a:xfrm>
        </p:grpSpPr>
        <p:sp>
          <p:nvSpPr>
            <p:cNvPr id="191" name="Oval 190">
              <a:extLst>
                <a:ext uri="{FF2B5EF4-FFF2-40B4-BE49-F238E27FC236}">
                  <a16:creationId xmlns:a16="http://schemas.microsoft.com/office/drawing/2014/main" id="{44004DF0-36F0-B776-694A-362A8817F92F}"/>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2" name="Oval 191">
              <a:extLst>
                <a:ext uri="{FF2B5EF4-FFF2-40B4-BE49-F238E27FC236}">
                  <a16:creationId xmlns:a16="http://schemas.microsoft.com/office/drawing/2014/main" id="{ACC2C0E5-5FC5-39AC-563B-FB8787857DCC}"/>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10" name="Group 109">
            <a:extLst>
              <a:ext uri="{FF2B5EF4-FFF2-40B4-BE49-F238E27FC236}">
                <a16:creationId xmlns:a16="http://schemas.microsoft.com/office/drawing/2014/main" id="{9A08B596-BB38-41CC-C1A4-99321E52A538}"/>
              </a:ext>
            </a:extLst>
          </p:cNvPr>
          <p:cNvGrpSpPr/>
          <p:nvPr/>
        </p:nvGrpSpPr>
        <p:grpSpPr>
          <a:xfrm>
            <a:off x="9344014" y="3638834"/>
            <a:ext cx="137160" cy="137160"/>
            <a:chOff x="2956012" y="2369957"/>
            <a:chExt cx="137160" cy="137160"/>
          </a:xfrm>
        </p:grpSpPr>
        <p:sp>
          <p:nvSpPr>
            <p:cNvPr id="189" name="Oval 188">
              <a:extLst>
                <a:ext uri="{FF2B5EF4-FFF2-40B4-BE49-F238E27FC236}">
                  <a16:creationId xmlns:a16="http://schemas.microsoft.com/office/drawing/2014/main" id="{FE71B0F2-F042-02C4-DC78-1FB698FF356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0" name="Oval 189">
              <a:extLst>
                <a:ext uri="{FF2B5EF4-FFF2-40B4-BE49-F238E27FC236}">
                  <a16:creationId xmlns:a16="http://schemas.microsoft.com/office/drawing/2014/main" id="{686F4C38-973F-4F27-E614-78C441AFA41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11" name="Group 110">
            <a:extLst>
              <a:ext uri="{FF2B5EF4-FFF2-40B4-BE49-F238E27FC236}">
                <a16:creationId xmlns:a16="http://schemas.microsoft.com/office/drawing/2014/main" id="{4BF5177C-5913-615A-EE56-CC7021F5A148}"/>
              </a:ext>
            </a:extLst>
          </p:cNvPr>
          <p:cNvGrpSpPr/>
          <p:nvPr/>
        </p:nvGrpSpPr>
        <p:grpSpPr>
          <a:xfrm>
            <a:off x="10700837" y="2484583"/>
            <a:ext cx="137160" cy="137160"/>
            <a:chOff x="2956012" y="2369957"/>
            <a:chExt cx="137160" cy="137160"/>
          </a:xfrm>
        </p:grpSpPr>
        <p:sp>
          <p:nvSpPr>
            <p:cNvPr id="187" name="Oval 186">
              <a:extLst>
                <a:ext uri="{FF2B5EF4-FFF2-40B4-BE49-F238E27FC236}">
                  <a16:creationId xmlns:a16="http://schemas.microsoft.com/office/drawing/2014/main" id="{6EAB1319-5B97-1FBB-7CC8-6C2709F6763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8" name="Oval 187">
              <a:extLst>
                <a:ext uri="{FF2B5EF4-FFF2-40B4-BE49-F238E27FC236}">
                  <a16:creationId xmlns:a16="http://schemas.microsoft.com/office/drawing/2014/main" id="{66CB14D2-3B40-9913-5B69-D6BA4FB032A0}"/>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12" name="Group 111">
            <a:extLst>
              <a:ext uri="{FF2B5EF4-FFF2-40B4-BE49-F238E27FC236}">
                <a16:creationId xmlns:a16="http://schemas.microsoft.com/office/drawing/2014/main" id="{78D288A4-372C-41DD-4933-CF614BBAFA12}"/>
              </a:ext>
            </a:extLst>
          </p:cNvPr>
          <p:cNvGrpSpPr/>
          <p:nvPr/>
        </p:nvGrpSpPr>
        <p:grpSpPr>
          <a:xfrm>
            <a:off x="11587530" y="2484583"/>
            <a:ext cx="137160" cy="137160"/>
            <a:chOff x="2956012" y="2369957"/>
            <a:chExt cx="137160" cy="137160"/>
          </a:xfrm>
        </p:grpSpPr>
        <p:sp>
          <p:nvSpPr>
            <p:cNvPr id="185" name="Oval 184">
              <a:extLst>
                <a:ext uri="{FF2B5EF4-FFF2-40B4-BE49-F238E27FC236}">
                  <a16:creationId xmlns:a16="http://schemas.microsoft.com/office/drawing/2014/main" id="{A8ABA616-5747-AB05-7D0E-1803F4E332A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6" name="Oval 185">
              <a:extLst>
                <a:ext uri="{FF2B5EF4-FFF2-40B4-BE49-F238E27FC236}">
                  <a16:creationId xmlns:a16="http://schemas.microsoft.com/office/drawing/2014/main" id="{BE99E2FF-6DBB-22FA-7C79-17EB7399BF3B}"/>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13" name="Group 112">
            <a:extLst>
              <a:ext uri="{FF2B5EF4-FFF2-40B4-BE49-F238E27FC236}">
                <a16:creationId xmlns:a16="http://schemas.microsoft.com/office/drawing/2014/main" id="{CE09EB89-050B-89E1-68F1-A70904FF4B89}"/>
              </a:ext>
            </a:extLst>
          </p:cNvPr>
          <p:cNvGrpSpPr/>
          <p:nvPr/>
        </p:nvGrpSpPr>
        <p:grpSpPr>
          <a:xfrm>
            <a:off x="11601871" y="3070595"/>
            <a:ext cx="137160" cy="137160"/>
            <a:chOff x="2956012" y="2369957"/>
            <a:chExt cx="137160" cy="137160"/>
          </a:xfrm>
        </p:grpSpPr>
        <p:sp>
          <p:nvSpPr>
            <p:cNvPr id="183" name="Oval 182">
              <a:extLst>
                <a:ext uri="{FF2B5EF4-FFF2-40B4-BE49-F238E27FC236}">
                  <a16:creationId xmlns:a16="http://schemas.microsoft.com/office/drawing/2014/main" id="{DAE8D4BC-6765-5C17-7865-3E93D116278E}"/>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4" name="Oval 183">
              <a:extLst>
                <a:ext uri="{FF2B5EF4-FFF2-40B4-BE49-F238E27FC236}">
                  <a16:creationId xmlns:a16="http://schemas.microsoft.com/office/drawing/2014/main" id="{BB4BA24F-548B-DF17-091D-0C3C53CD670D}"/>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14" name="Group 113">
            <a:extLst>
              <a:ext uri="{FF2B5EF4-FFF2-40B4-BE49-F238E27FC236}">
                <a16:creationId xmlns:a16="http://schemas.microsoft.com/office/drawing/2014/main" id="{E56A2754-D365-AC17-7929-4EE57722872A}"/>
              </a:ext>
            </a:extLst>
          </p:cNvPr>
          <p:cNvGrpSpPr/>
          <p:nvPr/>
        </p:nvGrpSpPr>
        <p:grpSpPr>
          <a:xfrm>
            <a:off x="7526952" y="2485498"/>
            <a:ext cx="137160" cy="137160"/>
            <a:chOff x="2956012" y="2369957"/>
            <a:chExt cx="137160" cy="137160"/>
          </a:xfrm>
        </p:grpSpPr>
        <p:sp>
          <p:nvSpPr>
            <p:cNvPr id="181" name="Oval 180">
              <a:extLst>
                <a:ext uri="{FF2B5EF4-FFF2-40B4-BE49-F238E27FC236}">
                  <a16:creationId xmlns:a16="http://schemas.microsoft.com/office/drawing/2014/main" id="{C12B0432-2900-5D4B-ECCB-A1E412136F8C}"/>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2" name="Oval 181">
              <a:extLst>
                <a:ext uri="{FF2B5EF4-FFF2-40B4-BE49-F238E27FC236}">
                  <a16:creationId xmlns:a16="http://schemas.microsoft.com/office/drawing/2014/main" id="{55F3B71F-E330-CE43-00B7-6BD0F2CCE9BE}"/>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15" name="Group 114">
            <a:extLst>
              <a:ext uri="{FF2B5EF4-FFF2-40B4-BE49-F238E27FC236}">
                <a16:creationId xmlns:a16="http://schemas.microsoft.com/office/drawing/2014/main" id="{38796914-5882-B1C1-E673-23B9A1249FDC}"/>
              </a:ext>
            </a:extLst>
          </p:cNvPr>
          <p:cNvGrpSpPr/>
          <p:nvPr/>
        </p:nvGrpSpPr>
        <p:grpSpPr>
          <a:xfrm>
            <a:off x="7537606" y="3633023"/>
            <a:ext cx="137160" cy="137160"/>
            <a:chOff x="2956012" y="2369957"/>
            <a:chExt cx="137160" cy="137160"/>
          </a:xfrm>
        </p:grpSpPr>
        <p:sp>
          <p:nvSpPr>
            <p:cNvPr id="179" name="Oval 178">
              <a:extLst>
                <a:ext uri="{FF2B5EF4-FFF2-40B4-BE49-F238E27FC236}">
                  <a16:creationId xmlns:a16="http://schemas.microsoft.com/office/drawing/2014/main" id="{4C746A5B-B16F-45A5-6CC9-F2BEC179FD62}"/>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0" name="Oval 179">
              <a:extLst>
                <a:ext uri="{FF2B5EF4-FFF2-40B4-BE49-F238E27FC236}">
                  <a16:creationId xmlns:a16="http://schemas.microsoft.com/office/drawing/2014/main" id="{98088435-D13D-9F6D-540D-F4E1F5B705C7}"/>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16" name="Group 115">
            <a:extLst>
              <a:ext uri="{FF2B5EF4-FFF2-40B4-BE49-F238E27FC236}">
                <a16:creationId xmlns:a16="http://schemas.microsoft.com/office/drawing/2014/main" id="{CEC11FE8-16DE-C448-142C-C74C88E3DE89}"/>
              </a:ext>
            </a:extLst>
          </p:cNvPr>
          <p:cNvGrpSpPr/>
          <p:nvPr/>
        </p:nvGrpSpPr>
        <p:grpSpPr>
          <a:xfrm>
            <a:off x="7540857" y="4208116"/>
            <a:ext cx="137160" cy="137160"/>
            <a:chOff x="2956012" y="2369957"/>
            <a:chExt cx="137160" cy="137160"/>
          </a:xfrm>
        </p:grpSpPr>
        <p:sp>
          <p:nvSpPr>
            <p:cNvPr id="177" name="Oval 176">
              <a:extLst>
                <a:ext uri="{FF2B5EF4-FFF2-40B4-BE49-F238E27FC236}">
                  <a16:creationId xmlns:a16="http://schemas.microsoft.com/office/drawing/2014/main" id="{06F7811F-116E-40C4-8A89-9E62E7435947}"/>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8" name="Oval 177">
              <a:extLst>
                <a:ext uri="{FF2B5EF4-FFF2-40B4-BE49-F238E27FC236}">
                  <a16:creationId xmlns:a16="http://schemas.microsoft.com/office/drawing/2014/main" id="{ECC3D23F-5F42-AF5B-7BD9-3EEBAF94B027}"/>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17" name="Rectangle 116">
            <a:extLst>
              <a:ext uri="{FF2B5EF4-FFF2-40B4-BE49-F238E27FC236}">
                <a16:creationId xmlns:a16="http://schemas.microsoft.com/office/drawing/2014/main" id="{3A146BEF-44FB-D428-E31D-E28C1DDAA572}"/>
              </a:ext>
            </a:extLst>
          </p:cNvPr>
          <p:cNvSpPr/>
          <p:nvPr/>
        </p:nvSpPr>
        <p:spPr>
          <a:xfrm>
            <a:off x="280771" y="5732785"/>
            <a:ext cx="1256764" cy="464698"/>
          </a:xfrm>
          <a:prstGeom prst="rect">
            <a:avLst/>
          </a:prstGeom>
          <a:solidFill>
            <a:srgbClr val="0085BE"/>
          </a:solidFill>
          <a:ln w="3175">
            <a:no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950">
                <a:latin typeface="Roboto" panose="02000000000000000000" pitchFamily="2" charset="0"/>
                <a:ea typeface="Roboto" panose="02000000000000000000" pitchFamily="2" charset="0"/>
                <a:cs typeface="Roboto" panose="02000000000000000000" pitchFamily="2" charset="0"/>
              </a:rPr>
              <a:t>Regulatory Compliance</a:t>
            </a:r>
          </a:p>
        </p:txBody>
      </p:sp>
      <p:grpSp>
        <p:nvGrpSpPr>
          <p:cNvPr id="118" name="Group 117">
            <a:extLst>
              <a:ext uri="{FF2B5EF4-FFF2-40B4-BE49-F238E27FC236}">
                <a16:creationId xmlns:a16="http://schemas.microsoft.com/office/drawing/2014/main" id="{E19453F4-26F7-4C09-0003-38CE165017A1}"/>
              </a:ext>
            </a:extLst>
          </p:cNvPr>
          <p:cNvGrpSpPr/>
          <p:nvPr/>
        </p:nvGrpSpPr>
        <p:grpSpPr>
          <a:xfrm>
            <a:off x="7989175" y="5904667"/>
            <a:ext cx="137160" cy="137160"/>
            <a:chOff x="2956012" y="2369957"/>
            <a:chExt cx="137160" cy="137160"/>
          </a:xfrm>
        </p:grpSpPr>
        <p:sp>
          <p:nvSpPr>
            <p:cNvPr id="175" name="Oval 174">
              <a:extLst>
                <a:ext uri="{FF2B5EF4-FFF2-40B4-BE49-F238E27FC236}">
                  <a16:creationId xmlns:a16="http://schemas.microsoft.com/office/drawing/2014/main" id="{F7C8EEF2-E191-DB8C-0EF5-5FA59821A8D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6" name="Oval 175">
              <a:extLst>
                <a:ext uri="{FF2B5EF4-FFF2-40B4-BE49-F238E27FC236}">
                  <a16:creationId xmlns:a16="http://schemas.microsoft.com/office/drawing/2014/main" id="{DF506B84-19A5-9360-A97D-46444D414D9A}"/>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cxnSp>
        <p:nvCxnSpPr>
          <p:cNvPr id="119" name="Straight Connector 118">
            <a:extLst>
              <a:ext uri="{FF2B5EF4-FFF2-40B4-BE49-F238E27FC236}">
                <a16:creationId xmlns:a16="http://schemas.microsoft.com/office/drawing/2014/main" id="{20996C46-3C6B-0BE2-D1E4-EBA850308258}"/>
              </a:ext>
            </a:extLst>
          </p:cNvPr>
          <p:cNvCxnSpPr>
            <a:cxnSpLocks/>
          </p:cNvCxnSpPr>
          <p:nvPr/>
        </p:nvCxnSpPr>
        <p:spPr>
          <a:xfrm>
            <a:off x="1753556" y="1607707"/>
            <a:ext cx="0" cy="4364436"/>
          </a:xfrm>
          <a:prstGeom prst="line">
            <a:avLst/>
          </a:prstGeom>
          <a:ln w="3175">
            <a:solidFill>
              <a:schemeClr val="bg1">
                <a:lumMod val="75000"/>
              </a:schemeClr>
            </a:solidFill>
          </a:ln>
        </p:spPr>
        <p:style>
          <a:lnRef idx="1">
            <a:schemeClr val="accent1"/>
          </a:lnRef>
          <a:fillRef idx="0">
            <a:schemeClr val="accent1"/>
          </a:fillRef>
          <a:effectRef idx="0">
            <a:schemeClr val="accent1"/>
          </a:effectRef>
          <a:fontRef idx="minor">
            <a:schemeClr val="tx1"/>
          </a:fontRef>
        </p:style>
      </p:cxnSp>
      <p:pic>
        <p:nvPicPr>
          <p:cNvPr id="120" name="Picture 5" descr="C:\Users\Kelly\Desktop\TRP\RR Donnelley.png">
            <a:extLst>
              <a:ext uri="{FF2B5EF4-FFF2-40B4-BE49-F238E27FC236}">
                <a16:creationId xmlns:a16="http://schemas.microsoft.com/office/drawing/2014/main" id="{D4FB13A8-1481-F954-A065-AB6E7CF3AB39}"/>
              </a:ext>
            </a:extLst>
          </p:cNvPr>
          <p:cNvPicPr>
            <a:picLocks noChangeAspect="1" noChangeArrowheads="1"/>
          </p:cNvPicPr>
          <p:nvPr/>
        </p:nvPicPr>
        <p:blipFill>
          <a:blip r:embed="rId25" cstate="screen">
            <a:extLst>
              <a:ext uri="{28A0092B-C50C-407E-A947-70E740481C1C}">
                <a14:useLocalDpi xmlns:a14="http://schemas.microsoft.com/office/drawing/2010/main" val="0"/>
              </a:ext>
            </a:extLst>
          </a:blip>
          <a:srcRect t="22326" b="22326"/>
          <a:stretch>
            <a:fillRect/>
          </a:stretch>
        </p:blipFill>
        <p:spPr bwMode="auto">
          <a:xfrm>
            <a:off x="1145348" y="1389547"/>
            <a:ext cx="897043" cy="136855"/>
          </a:xfrm>
          <a:prstGeom prst="rect">
            <a:avLst/>
          </a:prstGeom>
          <a:noFill/>
        </p:spPr>
      </p:pic>
      <p:grpSp>
        <p:nvGrpSpPr>
          <p:cNvPr id="121" name="Group 120">
            <a:extLst>
              <a:ext uri="{FF2B5EF4-FFF2-40B4-BE49-F238E27FC236}">
                <a16:creationId xmlns:a16="http://schemas.microsoft.com/office/drawing/2014/main" id="{8080A734-5EFD-9EAE-2227-504133A64EBA}"/>
              </a:ext>
            </a:extLst>
          </p:cNvPr>
          <p:cNvGrpSpPr/>
          <p:nvPr/>
        </p:nvGrpSpPr>
        <p:grpSpPr>
          <a:xfrm>
            <a:off x="1687879" y="3633023"/>
            <a:ext cx="137160" cy="137160"/>
            <a:chOff x="2956012" y="2369957"/>
            <a:chExt cx="137160" cy="137160"/>
          </a:xfrm>
        </p:grpSpPr>
        <p:sp>
          <p:nvSpPr>
            <p:cNvPr id="173" name="Oval 172">
              <a:extLst>
                <a:ext uri="{FF2B5EF4-FFF2-40B4-BE49-F238E27FC236}">
                  <a16:creationId xmlns:a16="http://schemas.microsoft.com/office/drawing/2014/main" id="{F1CB78E6-58C5-273A-B846-FA588B8FDA8E}"/>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4" name="Oval 173">
              <a:extLst>
                <a:ext uri="{FF2B5EF4-FFF2-40B4-BE49-F238E27FC236}">
                  <a16:creationId xmlns:a16="http://schemas.microsoft.com/office/drawing/2014/main" id="{30EB38AA-FA1F-45E8-4543-0A1FD94BA5BD}"/>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2" name="Group 121">
            <a:extLst>
              <a:ext uri="{FF2B5EF4-FFF2-40B4-BE49-F238E27FC236}">
                <a16:creationId xmlns:a16="http://schemas.microsoft.com/office/drawing/2014/main" id="{D1EF51A9-9A2B-AD73-14D7-247DA321A9E7}"/>
              </a:ext>
            </a:extLst>
          </p:cNvPr>
          <p:cNvGrpSpPr/>
          <p:nvPr/>
        </p:nvGrpSpPr>
        <p:grpSpPr>
          <a:xfrm>
            <a:off x="1689444" y="5904667"/>
            <a:ext cx="137160" cy="137160"/>
            <a:chOff x="2956012" y="2369957"/>
            <a:chExt cx="137160" cy="137160"/>
          </a:xfrm>
        </p:grpSpPr>
        <p:sp>
          <p:nvSpPr>
            <p:cNvPr id="171" name="Oval 170">
              <a:extLst>
                <a:ext uri="{FF2B5EF4-FFF2-40B4-BE49-F238E27FC236}">
                  <a16:creationId xmlns:a16="http://schemas.microsoft.com/office/drawing/2014/main" id="{13028562-9A67-D8BC-62D9-80AEC58DB2C6}"/>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2" name="Oval 171">
              <a:extLst>
                <a:ext uri="{FF2B5EF4-FFF2-40B4-BE49-F238E27FC236}">
                  <a16:creationId xmlns:a16="http://schemas.microsoft.com/office/drawing/2014/main" id="{47E901C3-CDEF-4B21-4CEA-1C616384CED0}"/>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3" name="Group 122">
            <a:extLst>
              <a:ext uri="{FF2B5EF4-FFF2-40B4-BE49-F238E27FC236}">
                <a16:creationId xmlns:a16="http://schemas.microsoft.com/office/drawing/2014/main" id="{8D7DEA33-C131-5BBB-DFD7-2DF9607C21D9}"/>
              </a:ext>
            </a:extLst>
          </p:cNvPr>
          <p:cNvGrpSpPr/>
          <p:nvPr/>
        </p:nvGrpSpPr>
        <p:grpSpPr>
          <a:xfrm>
            <a:off x="6177924" y="5904667"/>
            <a:ext cx="137160" cy="137160"/>
            <a:chOff x="2956012" y="2369957"/>
            <a:chExt cx="137160" cy="137160"/>
          </a:xfrm>
        </p:grpSpPr>
        <p:sp>
          <p:nvSpPr>
            <p:cNvPr id="169" name="Oval 168">
              <a:extLst>
                <a:ext uri="{FF2B5EF4-FFF2-40B4-BE49-F238E27FC236}">
                  <a16:creationId xmlns:a16="http://schemas.microsoft.com/office/drawing/2014/main" id="{40FF02AA-6AAE-7C40-83DB-E596D767CDCF}"/>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0" name="Oval 169">
              <a:extLst>
                <a:ext uri="{FF2B5EF4-FFF2-40B4-BE49-F238E27FC236}">
                  <a16:creationId xmlns:a16="http://schemas.microsoft.com/office/drawing/2014/main" id="{0D52F52A-9BD5-362A-6421-F915525CD721}"/>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4" name="Group 123">
            <a:extLst>
              <a:ext uri="{FF2B5EF4-FFF2-40B4-BE49-F238E27FC236}">
                <a16:creationId xmlns:a16="http://schemas.microsoft.com/office/drawing/2014/main" id="{E3EA9200-7E2A-623B-7E02-AB47083115C5}"/>
              </a:ext>
            </a:extLst>
          </p:cNvPr>
          <p:cNvGrpSpPr/>
          <p:nvPr/>
        </p:nvGrpSpPr>
        <p:grpSpPr>
          <a:xfrm>
            <a:off x="3904895" y="5904667"/>
            <a:ext cx="137160" cy="137160"/>
            <a:chOff x="2956012" y="2369957"/>
            <a:chExt cx="137160" cy="137160"/>
          </a:xfrm>
        </p:grpSpPr>
        <p:sp>
          <p:nvSpPr>
            <p:cNvPr id="167" name="Oval 166">
              <a:extLst>
                <a:ext uri="{FF2B5EF4-FFF2-40B4-BE49-F238E27FC236}">
                  <a16:creationId xmlns:a16="http://schemas.microsoft.com/office/drawing/2014/main" id="{96AEB8AD-6376-6DDE-073F-859B6E54D5E1}"/>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8" name="Oval 167">
              <a:extLst>
                <a:ext uri="{FF2B5EF4-FFF2-40B4-BE49-F238E27FC236}">
                  <a16:creationId xmlns:a16="http://schemas.microsoft.com/office/drawing/2014/main" id="{18399C79-C336-F55F-33D8-80798BAFAF29}"/>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5" name="Group 124">
            <a:extLst>
              <a:ext uri="{FF2B5EF4-FFF2-40B4-BE49-F238E27FC236}">
                <a16:creationId xmlns:a16="http://schemas.microsoft.com/office/drawing/2014/main" id="{470975DF-BA47-77AB-796E-BC5497C5CBC0}"/>
              </a:ext>
            </a:extLst>
          </p:cNvPr>
          <p:cNvGrpSpPr/>
          <p:nvPr/>
        </p:nvGrpSpPr>
        <p:grpSpPr>
          <a:xfrm>
            <a:off x="4384704" y="5904667"/>
            <a:ext cx="137160" cy="137160"/>
            <a:chOff x="2956012" y="2369957"/>
            <a:chExt cx="137160" cy="137160"/>
          </a:xfrm>
        </p:grpSpPr>
        <p:sp>
          <p:nvSpPr>
            <p:cNvPr id="165" name="Oval 164">
              <a:extLst>
                <a:ext uri="{FF2B5EF4-FFF2-40B4-BE49-F238E27FC236}">
                  <a16:creationId xmlns:a16="http://schemas.microsoft.com/office/drawing/2014/main" id="{1D415C5C-06C7-BE7F-703F-C1592D6183A5}"/>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6" name="Oval 165">
              <a:extLst>
                <a:ext uri="{FF2B5EF4-FFF2-40B4-BE49-F238E27FC236}">
                  <a16:creationId xmlns:a16="http://schemas.microsoft.com/office/drawing/2014/main" id="{BD718439-2B0F-9F0F-F641-4DC545DFD823}"/>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6" name="Group 125">
            <a:extLst>
              <a:ext uri="{FF2B5EF4-FFF2-40B4-BE49-F238E27FC236}">
                <a16:creationId xmlns:a16="http://schemas.microsoft.com/office/drawing/2014/main" id="{4B779E51-014B-3434-15EB-F08A9C41EF97}"/>
              </a:ext>
            </a:extLst>
          </p:cNvPr>
          <p:cNvGrpSpPr/>
          <p:nvPr/>
        </p:nvGrpSpPr>
        <p:grpSpPr>
          <a:xfrm>
            <a:off x="5733424" y="4746107"/>
            <a:ext cx="137160" cy="137160"/>
            <a:chOff x="2956012" y="2369957"/>
            <a:chExt cx="137160" cy="137160"/>
          </a:xfrm>
        </p:grpSpPr>
        <p:sp>
          <p:nvSpPr>
            <p:cNvPr id="163" name="Oval 162">
              <a:extLst>
                <a:ext uri="{FF2B5EF4-FFF2-40B4-BE49-F238E27FC236}">
                  <a16:creationId xmlns:a16="http://schemas.microsoft.com/office/drawing/2014/main" id="{231C4325-3CCA-A5C5-7081-FC583C94D6DC}"/>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4" name="Oval 163">
              <a:extLst>
                <a:ext uri="{FF2B5EF4-FFF2-40B4-BE49-F238E27FC236}">
                  <a16:creationId xmlns:a16="http://schemas.microsoft.com/office/drawing/2014/main" id="{BFE35BAB-800D-8B35-5ED4-A36595C8D09C}"/>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7" name="Group 126">
            <a:extLst>
              <a:ext uri="{FF2B5EF4-FFF2-40B4-BE49-F238E27FC236}">
                <a16:creationId xmlns:a16="http://schemas.microsoft.com/office/drawing/2014/main" id="{E87A6FDD-1740-4C39-A6F6-61040D8FFD1E}"/>
              </a:ext>
            </a:extLst>
          </p:cNvPr>
          <p:cNvGrpSpPr/>
          <p:nvPr/>
        </p:nvGrpSpPr>
        <p:grpSpPr>
          <a:xfrm>
            <a:off x="8438228" y="2484582"/>
            <a:ext cx="137160" cy="137160"/>
            <a:chOff x="2956012" y="2369957"/>
            <a:chExt cx="137160" cy="137160"/>
          </a:xfrm>
        </p:grpSpPr>
        <p:sp>
          <p:nvSpPr>
            <p:cNvPr id="161" name="Oval 160">
              <a:extLst>
                <a:ext uri="{FF2B5EF4-FFF2-40B4-BE49-F238E27FC236}">
                  <a16:creationId xmlns:a16="http://schemas.microsoft.com/office/drawing/2014/main" id="{24432717-9250-FF62-9621-3DAC155941A9}"/>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2" name="Oval 161">
              <a:extLst>
                <a:ext uri="{FF2B5EF4-FFF2-40B4-BE49-F238E27FC236}">
                  <a16:creationId xmlns:a16="http://schemas.microsoft.com/office/drawing/2014/main" id="{52ECC0C3-101D-4E86-A1AB-E6F0214F63B0}"/>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8" name="Group 127">
            <a:extLst>
              <a:ext uri="{FF2B5EF4-FFF2-40B4-BE49-F238E27FC236}">
                <a16:creationId xmlns:a16="http://schemas.microsoft.com/office/drawing/2014/main" id="{D6337F25-7AA0-AFFA-C071-2BF8EE4B01F6}"/>
              </a:ext>
            </a:extLst>
          </p:cNvPr>
          <p:cNvGrpSpPr/>
          <p:nvPr/>
        </p:nvGrpSpPr>
        <p:grpSpPr>
          <a:xfrm>
            <a:off x="10229498" y="3070595"/>
            <a:ext cx="137160" cy="137160"/>
            <a:chOff x="2956012" y="2369957"/>
            <a:chExt cx="137160" cy="137160"/>
          </a:xfrm>
        </p:grpSpPr>
        <p:sp>
          <p:nvSpPr>
            <p:cNvPr id="159" name="Oval 158">
              <a:extLst>
                <a:ext uri="{FF2B5EF4-FFF2-40B4-BE49-F238E27FC236}">
                  <a16:creationId xmlns:a16="http://schemas.microsoft.com/office/drawing/2014/main" id="{244922DF-2187-C875-C8C5-4DAFC4D33FF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0" name="Oval 159">
              <a:extLst>
                <a:ext uri="{FF2B5EF4-FFF2-40B4-BE49-F238E27FC236}">
                  <a16:creationId xmlns:a16="http://schemas.microsoft.com/office/drawing/2014/main" id="{38E79BDA-D1F2-0FFD-6F72-5E98A531C89D}"/>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9" name="Group 128">
            <a:extLst>
              <a:ext uri="{FF2B5EF4-FFF2-40B4-BE49-F238E27FC236}">
                <a16:creationId xmlns:a16="http://schemas.microsoft.com/office/drawing/2014/main" id="{504ACD6B-03DD-0185-1398-B811C2341314}"/>
              </a:ext>
            </a:extLst>
          </p:cNvPr>
          <p:cNvGrpSpPr/>
          <p:nvPr/>
        </p:nvGrpSpPr>
        <p:grpSpPr>
          <a:xfrm>
            <a:off x="10229498" y="3633023"/>
            <a:ext cx="137160" cy="137160"/>
            <a:chOff x="2956012" y="2369957"/>
            <a:chExt cx="137160" cy="137160"/>
          </a:xfrm>
        </p:grpSpPr>
        <p:sp>
          <p:nvSpPr>
            <p:cNvPr id="157" name="Oval 156">
              <a:extLst>
                <a:ext uri="{FF2B5EF4-FFF2-40B4-BE49-F238E27FC236}">
                  <a16:creationId xmlns:a16="http://schemas.microsoft.com/office/drawing/2014/main" id="{A9D1768F-3FD3-3DCB-8867-DB5F8DB36400}"/>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8" name="Oval 157">
              <a:extLst>
                <a:ext uri="{FF2B5EF4-FFF2-40B4-BE49-F238E27FC236}">
                  <a16:creationId xmlns:a16="http://schemas.microsoft.com/office/drawing/2014/main" id="{6F8090AA-DABD-8B54-1B9E-A1F0E538BDC9}"/>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0" name="Group 129">
            <a:extLst>
              <a:ext uri="{FF2B5EF4-FFF2-40B4-BE49-F238E27FC236}">
                <a16:creationId xmlns:a16="http://schemas.microsoft.com/office/drawing/2014/main" id="{E799B6D7-1C74-C9AF-658D-4A41EE90B2EA}"/>
              </a:ext>
            </a:extLst>
          </p:cNvPr>
          <p:cNvGrpSpPr/>
          <p:nvPr/>
        </p:nvGrpSpPr>
        <p:grpSpPr>
          <a:xfrm>
            <a:off x="8438228" y="4208116"/>
            <a:ext cx="137160" cy="137160"/>
            <a:chOff x="2956012" y="2369957"/>
            <a:chExt cx="137160" cy="137160"/>
          </a:xfrm>
        </p:grpSpPr>
        <p:sp>
          <p:nvSpPr>
            <p:cNvPr id="155" name="Oval 154">
              <a:extLst>
                <a:ext uri="{FF2B5EF4-FFF2-40B4-BE49-F238E27FC236}">
                  <a16:creationId xmlns:a16="http://schemas.microsoft.com/office/drawing/2014/main" id="{862FB9B3-37B3-AC5F-CEE9-1E457EB93E0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6" name="Oval 155">
              <a:extLst>
                <a:ext uri="{FF2B5EF4-FFF2-40B4-BE49-F238E27FC236}">
                  <a16:creationId xmlns:a16="http://schemas.microsoft.com/office/drawing/2014/main" id="{16808EA1-5C97-A924-DE2C-9CD5EC32A7A1}"/>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1" name="Group 130">
            <a:extLst>
              <a:ext uri="{FF2B5EF4-FFF2-40B4-BE49-F238E27FC236}">
                <a16:creationId xmlns:a16="http://schemas.microsoft.com/office/drawing/2014/main" id="{E8D318EF-DFC6-416A-005F-C3534C5718E7}"/>
              </a:ext>
            </a:extLst>
          </p:cNvPr>
          <p:cNvGrpSpPr/>
          <p:nvPr/>
        </p:nvGrpSpPr>
        <p:grpSpPr>
          <a:xfrm>
            <a:off x="8438228" y="5345919"/>
            <a:ext cx="137160" cy="137160"/>
            <a:chOff x="2956012" y="2369957"/>
            <a:chExt cx="137160" cy="137160"/>
          </a:xfrm>
        </p:grpSpPr>
        <p:sp>
          <p:nvSpPr>
            <p:cNvPr id="153" name="Oval 152">
              <a:extLst>
                <a:ext uri="{FF2B5EF4-FFF2-40B4-BE49-F238E27FC236}">
                  <a16:creationId xmlns:a16="http://schemas.microsoft.com/office/drawing/2014/main" id="{1AE5F151-2CB4-6138-283E-75A84F486964}"/>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4" name="Oval 153">
              <a:extLst>
                <a:ext uri="{FF2B5EF4-FFF2-40B4-BE49-F238E27FC236}">
                  <a16:creationId xmlns:a16="http://schemas.microsoft.com/office/drawing/2014/main" id="{B15B3FDD-A1E1-4754-6BC9-F9E657F1EA46}"/>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2" name="Group 131">
            <a:extLst>
              <a:ext uri="{FF2B5EF4-FFF2-40B4-BE49-F238E27FC236}">
                <a16:creationId xmlns:a16="http://schemas.microsoft.com/office/drawing/2014/main" id="{493C291B-1C59-13E6-6D6A-A36DB0BA13C0}"/>
              </a:ext>
            </a:extLst>
          </p:cNvPr>
          <p:cNvGrpSpPr/>
          <p:nvPr/>
        </p:nvGrpSpPr>
        <p:grpSpPr>
          <a:xfrm>
            <a:off x="8438228" y="5897968"/>
            <a:ext cx="137160" cy="137160"/>
            <a:chOff x="2956012" y="2369957"/>
            <a:chExt cx="137160" cy="137160"/>
          </a:xfrm>
        </p:grpSpPr>
        <p:sp>
          <p:nvSpPr>
            <p:cNvPr id="151" name="Oval 150">
              <a:extLst>
                <a:ext uri="{FF2B5EF4-FFF2-40B4-BE49-F238E27FC236}">
                  <a16:creationId xmlns:a16="http://schemas.microsoft.com/office/drawing/2014/main" id="{93171F50-A29E-1755-3104-4CA43C0A662F}"/>
                </a:ext>
              </a:extLst>
            </p:cNvPr>
            <p:cNvSpPr/>
            <p:nvPr/>
          </p:nvSpPr>
          <p:spPr>
            <a:xfrm rot="10680000">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2" name="Oval 151">
              <a:extLst>
                <a:ext uri="{FF2B5EF4-FFF2-40B4-BE49-F238E27FC236}">
                  <a16:creationId xmlns:a16="http://schemas.microsoft.com/office/drawing/2014/main" id="{8AA08094-04D0-29D8-9E06-4215541D9BC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3" name="Group 132">
            <a:extLst>
              <a:ext uri="{FF2B5EF4-FFF2-40B4-BE49-F238E27FC236}">
                <a16:creationId xmlns:a16="http://schemas.microsoft.com/office/drawing/2014/main" id="{E58446A1-682B-117A-5277-22BB5E4FA02E}"/>
              </a:ext>
            </a:extLst>
          </p:cNvPr>
          <p:cNvGrpSpPr/>
          <p:nvPr/>
        </p:nvGrpSpPr>
        <p:grpSpPr>
          <a:xfrm>
            <a:off x="7111192" y="5345919"/>
            <a:ext cx="137160" cy="137160"/>
            <a:chOff x="2956012" y="2369957"/>
            <a:chExt cx="137160" cy="137160"/>
          </a:xfrm>
        </p:grpSpPr>
        <p:sp>
          <p:nvSpPr>
            <p:cNvPr id="149" name="Oval 148">
              <a:extLst>
                <a:ext uri="{FF2B5EF4-FFF2-40B4-BE49-F238E27FC236}">
                  <a16:creationId xmlns:a16="http://schemas.microsoft.com/office/drawing/2014/main" id="{F178C045-2F23-7E90-D80A-EB90FF05ADF8}"/>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0" name="Oval 149">
              <a:extLst>
                <a:ext uri="{FF2B5EF4-FFF2-40B4-BE49-F238E27FC236}">
                  <a16:creationId xmlns:a16="http://schemas.microsoft.com/office/drawing/2014/main" id="{43D90C8A-A54B-377C-6FC0-45BA453450B8}"/>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4" name="Group 133">
            <a:extLst>
              <a:ext uri="{FF2B5EF4-FFF2-40B4-BE49-F238E27FC236}">
                <a16:creationId xmlns:a16="http://schemas.microsoft.com/office/drawing/2014/main" id="{A2CCAAEA-8FE1-4590-B01B-AF97B41C5C0F}"/>
              </a:ext>
            </a:extLst>
          </p:cNvPr>
          <p:cNvGrpSpPr/>
          <p:nvPr/>
        </p:nvGrpSpPr>
        <p:grpSpPr>
          <a:xfrm>
            <a:off x="8890500" y="4746107"/>
            <a:ext cx="137160" cy="137160"/>
            <a:chOff x="2956012" y="2369957"/>
            <a:chExt cx="137160" cy="137160"/>
          </a:xfrm>
        </p:grpSpPr>
        <p:sp>
          <p:nvSpPr>
            <p:cNvPr id="147" name="Oval 146">
              <a:extLst>
                <a:ext uri="{FF2B5EF4-FFF2-40B4-BE49-F238E27FC236}">
                  <a16:creationId xmlns:a16="http://schemas.microsoft.com/office/drawing/2014/main" id="{9510A905-CCF9-61B7-82A2-E3BD041265C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8" name="Oval 147">
              <a:extLst>
                <a:ext uri="{FF2B5EF4-FFF2-40B4-BE49-F238E27FC236}">
                  <a16:creationId xmlns:a16="http://schemas.microsoft.com/office/drawing/2014/main" id="{905C9EFD-90EC-8D18-6136-8D3692A38B52}"/>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5" name="Group 134">
            <a:extLst>
              <a:ext uri="{FF2B5EF4-FFF2-40B4-BE49-F238E27FC236}">
                <a16:creationId xmlns:a16="http://schemas.microsoft.com/office/drawing/2014/main" id="{2D7D575E-70D5-25EE-7572-A7464C7939D9}"/>
              </a:ext>
            </a:extLst>
          </p:cNvPr>
          <p:cNvGrpSpPr/>
          <p:nvPr/>
        </p:nvGrpSpPr>
        <p:grpSpPr>
          <a:xfrm>
            <a:off x="10230811" y="2497150"/>
            <a:ext cx="137160" cy="137160"/>
            <a:chOff x="2956012" y="2369957"/>
            <a:chExt cx="137160" cy="137160"/>
          </a:xfrm>
        </p:grpSpPr>
        <p:sp>
          <p:nvSpPr>
            <p:cNvPr id="145" name="Oval 144">
              <a:extLst>
                <a:ext uri="{FF2B5EF4-FFF2-40B4-BE49-F238E27FC236}">
                  <a16:creationId xmlns:a16="http://schemas.microsoft.com/office/drawing/2014/main" id="{E739D1BE-FA9E-9788-8D10-5B784B0D514B}"/>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6" name="Oval 145">
              <a:extLst>
                <a:ext uri="{FF2B5EF4-FFF2-40B4-BE49-F238E27FC236}">
                  <a16:creationId xmlns:a16="http://schemas.microsoft.com/office/drawing/2014/main" id="{7BC1FE95-D0F2-FEB7-A88C-2E3CDAC18DF3}"/>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6" name="Group 135">
            <a:extLst>
              <a:ext uri="{FF2B5EF4-FFF2-40B4-BE49-F238E27FC236}">
                <a16:creationId xmlns:a16="http://schemas.microsoft.com/office/drawing/2014/main" id="{0C897A13-3011-A0E6-6038-63BA7D66FFA2}"/>
              </a:ext>
            </a:extLst>
          </p:cNvPr>
          <p:cNvGrpSpPr/>
          <p:nvPr/>
        </p:nvGrpSpPr>
        <p:grpSpPr>
          <a:xfrm>
            <a:off x="10229498" y="4208116"/>
            <a:ext cx="137160" cy="137160"/>
            <a:chOff x="2956012" y="2369957"/>
            <a:chExt cx="137160" cy="137160"/>
          </a:xfrm>
        </p:grpSpPr>
        <p:sp>
          <p:nvSpPr>
            <p:cNvPr id="143" name="Oval 142">
              <a:extLst>
                <a:ext uri="{FF2B5EF4-FFF2-40B4-BE49-F238E27FC236}">
                  <a16:creationId xmlns:a16="http://schemas.microsoft.com/office/drawing/2014/main" id="{4A6D2576-4F01-C99B-A5FD-1639838EE6CD}"/>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4" name="Oval 143">
              <a:extLst>
                <a:ext uri="{FF2B5EF4-FFF2-40B4-BE49-F238E27FC236}">
                  <a16:creationId xmlns:a16="http://schemas.microsoft.com/office/drawing/2014/main" id="{AE59E02B-6660-9102-A2FB-FF99682C31B7}"/>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7" name="Group 136">
            <a:extLst>
              <a:ext uri="{FF2B5EF4-FFF2-40B4-BE49-F238E27FC236}">
                <a16:creationId xmlns:a16="http://schemas.microsoft.com/office/drawing/2014/main" id="{4BE56ECE-F7CF-41B4-5781-0F05D0433F6D}"/>
              </a:ext>
            </a:extLst>
          </p:cNvPr>
          <p:cNvGrpSpPr/>
          <p:nvPr/>
        </p:nvGrpSpPr>
        <p:grpSpPr>
          <a:xfrm>
            <a:off x="9336188" y="3067344"/>
            <a:ext cx="137160" cy="137160"/>
            <a:chOff x="2956012" y="2369957"/>
            <a:chExt cx="137160" cy="137160"/>
          </a:xfrm>
        </p:grpSpPr>
        <p:sp>
          <p:nvSpPr>
            <p:cNvPr id="141" name="Oval 140">
              <a:extLst>
                <a:ext uri="{FF2B5EF4-FFF2-40B4-BE49-F238E27FC236}">
                  <a16:creationId xmlns:a16="http://schemas.microsoft.com/office/drawing/2014/main" id="{A31BC6C7-4633-26DB-07EE-105CB0172396}"/>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2" name="Oval 141">
              <a:extLst>
                <a:ext uri="{FF2B5EF4-FFF2-40B4-BE49-F238E27FC236}">
                  <a16:creationId xmlns:a16="http://schemas.microsoft.com/office/drawing/2014/main" id="{9E925105-9539-33D5-FA42-4E701597BFCF}"/>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8" name="Group 137">
            <a:extLst>
              <a:ext uri="{FF2B5EF4-FFF2-40B4-BE49-F238E27FC236}">
                <a16:creationId xmlns:a16="http://schemas.microsoft.com/office/drawing/2014/main" id="{D26FDCBC-05E2-0608-92B8-5CDC1953860F}"/>
              </a:ext>
            </a:extLst>
          </p:cNvPr>
          <p:cNvGrpSpPr/>
          <p:nvPr/>
        </p:nvGrpSpPr>
        <p:grpSpPr>
          <a:xfrm>
            <a:off x="11152959" y="4208116"/>
            <a:ext cx="137160" cy="137160"/>
            <a:chOff x="2956012" y="2369957"/>
            <a:chExt cx="137160" cy="137160"/>
          </a:xfrm>
        </p:grpSpPr>
        <p:sp>
          <p:nvSpPr>
            <p:cNvPr id="139" name="Oval 138">
              <a:extLst>
                <a:ext uri="{FF2B5EF4-FFF2-40B4-BE49-F238E27FC236}">
                  <a16:creationId xmlns:a16="http://schemas.microsoft.com/office/drawing/2014/main" id="{E0F3C427-8DEE-D2A3-9AE9-EF003780134A}"/>
                </a:ext>
              </a:extLst>
            </p:cNvPr>
            <p:cNvSpPr/>
            <p:nvPr/>
          </p:nvSpPr>
          <p:spPr>
            <a:xfrm>
              <a:off x="2956012" y="2369957"/>
              <a:ext cx="137160" cy="137160"/>
            </a:xfrm>
            <a:prstGeom prst="ellipse">
              <a:avLst/>
            </a:prstGeom>
            <a:solidFill>
              <a:schemeClr val="bg1"/>
            </a:solidFill>
            <a:ln w="3175">
              <a:noFill/>
              <a:prstDash val="sysDash"/>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0" name="Oval 139">
              <a:extLst>
                <a:ext uri="{FF2B5EF4-FFF2-40B4-BE49-F238E27FC236}">
                  <a16:creationId xmlns:a16="http://schemas.microsoft.com/office/drawing/2014/main" id="{98B5393F-FB20-29FF-76F4-4FEFE79A3175}"/>
                </a:ext>
              </a:extLst>
            </p:cNvPr>
            <p:cNvSpPr/>
            <p:nvPr/>
          </p:nvSpPr>
          <p:spPr>
            <a:xfrm>
              <a:off x="2978872" y="2392817"/>
              <a:ext cx="91440" cy="91440"/>
            </a:xfrm>
            <a:prstGeom prst="ellipse">
              <a:avLst/>
            </a:prstGeom>
            <a:solidFill>
              <a:srgbClr val="404040"/>
            </a:solidFill>
            <a:ln w="3175">
              <a:noFill/>
              <a:prstDash val="sysDash"/>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extLst>
      <p:ext uri="{BB962C8B-B14F-4D97-AF65-F5344CB8AC3E}">
        <p14:creationId xmlns:p14="http://schemas.microsoft.com/office/powerpoint/2010/main" val="203599861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D0648FD-3836-B40C-01F6-AC9AB397BBEE}"/>
              </a:ext>
            </a:extLst>
          </p:cNvPr>
          <p:cNvSpPr>
            <a:spLocks noGrp="1"/>
          </p:cNvSpPr>
          <p:nvPr>
            <p:ph type="title"/>
          </p:nvPr>
        </p:nvSpPr>
        <p:spPr/>
        <p:txBody>
          <a:bodyPr/>
          <a:lstStyle/>
          <a:p>
            <a:r>
              <a:rPr lang="en-IN"/>
              <a:t>Aptara Managed Learning Services</a:t>
            </a:r>
          </a:p>
        </p:txBody>
      </p:sp>
      <p:sp>
        <p:nvSpPr>
          <p:cNvPr id="3" name="Title 1">
            <a:extLst>
              <a:ext uri="{FF2B5EF4-FFF2-40B4-BE49-F238E27FC236}">
                <a16:creationId xmlns:a16="http://schemas.microsoft.com/office/drawing/2014/main" id="{26BD3AC6-0BAD-DAE2-5842-38AF8F83FEF8}"/>
              </a:ext>
            </a:extLst>
          </p:cNvPr>
          <p:cNvSpPr txBox="1">
            <a:spLocks/>
          </p:cNvSpPr>
          <p:nvPr/>
        </p:nvSpPr>
        <p:spPr>
          <a:xfrm>
            <a:off x="456231" y="978456"/>
            <a:ext cx="5578598" cy="326458"/>
          </a:xfrm>
          <a:prstGeom prst="rect">
            <a:avLst/>
          </a:prstGeom>
        </p:spPr>
        <p:txBody>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nSpc>
                <a:spcPct val="100000"/>
              </a:lnSpc>
            </a:pPr>
            <a:r>
              <a:rPr lang="en-US" sz="1000">
                <a:solidFill>
                  <a:srgbClr val="0085BE"/>
                </a:solidFill>
                <a:latin typeface="Roboto" panose="02000000000000000000" pitchFamily="2" charset="0"/>
                <a:ea typeface="Roboto" panose="02000000000000000000" pitchFamily="2" charset="0"/>
                <a:cs typeface="Roboto" panose="02000000000000000000" pitchFamily="2" charset="0"/>
              </a:rPr>
              <a:t>LEARNER-CENTERED   |   INNOVATION-DRIVEN   |   TECHNOLOGY-POWERED   </a:t>
            </a:r>
          </a:p>
        </p:txBody>
      </p:sp>
      <p:grpSp>
        <p:nvGrpSpPr>
          <p:cNvPr id="38" name="Group 37">
            <a:extLst>
              <a:ext uri="{FF2B5EF4-FFF2-40B4-BE49-F238E27FC236}">
                <a16:creationId xmlns:a16="http://schemas.microsoft.com/office/drawing/2014/main" id="{3B5105B7-325B-9621-03EA-6DE39D02AF70}"/>
              </a:ext>
            </a:extLst>
          </p:cNvPr>
          <p:cNvGrpSpPr/>
          <p:nvPr/>
        </p:nvGrpSpPr>
        <p:grpSpPr>
          <a:xfrm>
            <a:off x="551240" y="1641156"/>
            <a:ext cx="10984732" cy="4694947"/>
            <a:chOff x="551240" y="1641156"/>
            <a:chExt cx="10984732" cy="4694947"/>
          </a:xfrm>
        </p:grpSpPr>
        <p:sp>
          <p:nvSpPr>
            <p:cNvPr id="4" name="Footer Text">
              <a:extLst>
                <a:ext uri="{FF2B5EF4-FFF2-40B4-BE49-F238E27FC236}">
                  <a16:creationId xmlns:a16="http://schemas.microsoft.com/office/drawing/2014/main" id="{1AFEB6DB-B72B-90B5-D60E-D6CC7396A1F9}"/>
                </a:ext>
              </a:extLst>
            </p:cNvPr>
            <p:cNvSpPr txBox="1"/>
            <p:nvPr/>
          </p:nvSpPr>
          <p:spPr>
            <a:xfrm>
              <a:off x="561301" y="3964221"/>
              <a:ext cx="3372924" cy="1044052"/>
            </a:xfrm>
            <a:prstGeom prst="rect">
              <a:avLst/>
            </a:prstGeom>
            <a:noFill/>
          </p:spPr>
          <p:txBody>
            <a:bodyPr wrap="square" lIns="0" tIns="0" rIns="0" bIns="0" rtlCol="0" anchor="t">
              <a:spAutoFit/>
            </a:bodyPr>
            <a:lstStyle/>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Outcome Driven Learning</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ing in the Flow of Work</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Prescriptive and Adaptive Learning Strategie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User Generated and Community-based Learning</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Gamification and Business Simulation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Hands-on application, focused reskilling and upskilling</a:t>
              </a:r>
            </a:p>
          </p:txBody>
        </p:sp>
        <p:sp>
          <p:nvSpPr>
            <p:cNvPr id="5" name="TextBox 4">
              <a:extLst>
                <a:ext uri="{FF2B5EF4-FFF2-40B4-BE49-F238E27FC236}">
                  <a16:creationId xmlns:a16="http://schemas.microsoft.com/office/drawing/2014/main" id="{DF63354C-E9C7-BC83-51AC-0405B55B0AAB}"/>
                </a:ext>
              </a:extLst>
            </p:cNvPr>
            <p:cNvSpPr txBox="1"/>
            <p:nvPr/>
          </p:nvSpPr>
          <p:spPr>
            <a:xfrm>
              <a:off x="551240" y="3567984"/>
              <a:ext cx="2481262" cy="184666"/>
            </a:xfrm>
            <a:prstGeom prst="rect">
              <a:avLst/>
            </a:prstGeom>
            <a:noFill/>
          </p:spPr>
          <p:txBody>
            <a:bodyPr wrap="square" lIns="0" tIns="0" rIns="0" bIns="0" rtlCol="0" anchor="ctr">
              <a:spAutoFit/>
            </a:bodyPr>
            <a:lstStyle/>
            <a:p>
              <a:r>
                <a:rPr lang="en-US" sz="1200" b="1">
                  <a:solidFill>
                    <a:srgbClr val="0C60C4"/>
                  </a:solidFill>
                  <a:latin typeface="Roboto" panose="02000000000000000000" pitchFamily="2" charset="0"/>
                  <a:ea typeface="Roboto" panose="02000000000000000000" pitchFamily="2" charset="0"/>
                  <a:cs typeface="Roboto" panose="02000000000000000000" pitchFamily="2" charset="0"/>
                </a:rPr>
                <a:t>Learning Experiences </a:t>
              </a:r>
            </a:p>
          </p:txBody>
        </p:sp>
        <p:cxnSp>
          <p:nvCxnSpPr>
            <p:cNvPr id="6" name="Straight Connector 5">
              <a:extLst>
                <a:ext uri="{FF2B5EF4-FFF2-40B4-BE49-F238E27FC236}">
                  <a16:creationId xmlns:a16="http://schemas.microsoft.com/office/drawing/2014/main" id="{5E793541-7EE1-4F7A-A2C1-39DA6ECF829F}"/>
                </a:ext>
              </a:extLst>
            </p:cNvPr>
            <p:cNvCxnSpPr>
              <a:cxnSpLocks/>
            </p:cNvCxnSpPr>
            <p:nvPr/>
          </p:nvCxnSpPr>
          <p:spPr>
            <a:xfrm>
              <a:off x="561300" y="3838858"/>
              <a:ext cx="3144198"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sp>
          <p:nvSpPr>
            <p:cNvPr id="7" name="Footer Text">
              <a:extLst>
                <a:ext uri="{FF2B5EF4-FFF2-40B4-BE49-F238E27FC236}">
                  <a16:creationId xmlns:a16="http://schemas.microsoft.com/office/drawing/2014/main" id="{6042B19C-0EAD-9906-EE74-6AEF76AB93BC}"/>
                </a:ext>
              </a:extLst>
            </p:cNvPr>
            <p:cNvSpPr txBox="1"/>
            <p:nvPr/>
          </p:nvSpPr>
          <p:spPr>
            <a:xfrm>
              <a:off x="3623698" y="5535382"/>
              <a:ext cx="4505787" cy="288561"/>
            </a:xfrm>
            <a:prstGeom prst="rect">
              <a:avLst/>
            </a:prstGeom>
            <a:noFill/>
          </p:spPr>
          <p:txBody>
            <a:bodyPr wrap="square" lIns="0" tIns="0" rIns="0" bIns="0" rtlCol="0" anchor="t">
              <a:spAutoFit/>
            </a:bodyPr>
            <a:lstStyle/>
            <a:p>
              <a:pPr algn="ctr">
                <a:spcBef>
                  <a:spcPts val="100"/>
                </a:spcBef>
              </a:pPr>
              <a:r>
                <a:rPr lang="en-US" sz="900">
                  <a:solidFill>
                    <a:srgbClr val="262626"/>
                  </a:solidFill>
                  <a:latin typeface="Roboto Light" panose="02000000000000000000" pitchFamily="2" charset="0"/>
                  <a:ea typeface="Roboto Light" panose="02000000000000000000" pitchFamily="2" charset="0"/>
                  <a:cs typeface="Roboto Light" panose="02000000000000000000" pitchFamily="2" charset="0"/>
                </a:rPr>
                <a:t>Global Resources available on demand (temporary, permanent, onsite and remote) </a:t>
              </a:r>
            </a:p>
            <a:p>
              <a:pPr marL="171450" indent="-171450" algn="ctr">
                <a:spcBef>
                  <a:spcPts val="100"/>
                </a:spcBef>
                <a:buFont typeface="Arial" panose="020B0604020202020204" pitchFamily="34" charset="0"/>
                <a:buChar char="•"/>
              </a:pPr>
              <a:endParaRPr lang="en-US" sz="900">
                <a:solidFill>
                  <a:schemeClr val="bg2">
                    <a:lumMod val="50000"/>
                  </a:schemeClr>
                </a:solidFill>
                <a:latin typeface="Roboto Light" panose="02000000000000000000" pitchFamily="2" charset="0"/>
                <a:ea typeface="Roboto Light" panose="02000000000000000000" pitchFamily="2" charset="0"/>
                <a:cs typeface="Roboto Light" panose="02000000000000000000" pitchFamily="2" charset="0"/>
              </a:endParaRPr>
            </a:p>
          </p:txBody>
        </p:sp>
        <p:sp>
          <p:nvSpPr>
            <p:cNvPr id="8" name="TextBox 7">
              <a:extLst>
                <a:ext uri="{FF2B5EF4-FFF2-40B4-BE49-F238E27FC236}">
                  <a16:creationId xmlns:a16="http://schemas.microsoft.com/office/drawing/2014/main" id="{7DF8B868-BD24-1BA9-73F8-2A58CD3FF73C}"/>
                </a:ext>
              </a:extLst>
            </p:cNvPr>
            <p:cNvSpPr txBox="1"/>
            <p:nvPr/>
          </p:nvSpPr>
          <p:spPr>
            <a:xfrm>
              <a:off x="4072027" y="5150363"/>
              <a:ext cx="3609129" cy="184666"/>
            </a:xfrm>
            <a:prstGeom prst="rect">
              <a:avLst/>
            </a:prstGeom>
            <a:noFill/>
          </p:spPr>
          <p:txBody>
            <a:bodyPr wrap="square" lIns="0" tIns="0" rIns="0" bIns="0" rtlCol="0" anchor="ctr">
              <a:spAutoFit/>
            </a:bodyPr>
            <a:lstStyle/>
            <a:p>
              <a:pPr algn="ctr"/>
              <a:r>
                <a:rPr lang="en-US" sz="1200" b="1">
                  <a:solidFill>
                    <a:srgbClr val="2180AA"/>
                  </a:solidFill>
                  <a:latin typeface="Roboto" panose="02000000000000000000" pitchFamily="2" charset="0"/>
                  <a:ea typeface="Roboto" panose="02000000000000000000" pitchFamily="2" charset="0"/>
                  <a:cs typeface="Roboto" panose="02000000000000000000" pitchFamily="2" charset="0"/>
                </a:rPr>
                <a:t>Professional Services and Analytics</a:t>
              </a:r>
            </a:p>
          </p:txBody>
        </p:sp>
        <p:cxnSp>
          <p:nvCxnSpPr>
            <p:cNvPr id="9" name="Straight Connector 8">
              <a:extLst>
                <a:ext uri="{FF2B5EF4-FFF2-40B4-BE49-F238E27FC236}">
                  <a16:creationId xmlns:a16="http://schemas.microsoft.com/office/drawing/2014/main" id="{B678A99D-F221-3C5D-9695-A02F7B65EC81}"/>
                </a:ext>
              </a:extLst>
            </p:cNvPr>
            <p:cNvCxnSpPr>
              <a:cxnSpLocks/>
            </p:cNvCxnSpPr>
            <p:nvPr/>
          </p:nvCxnSpPr>
          <p:spPr>
            <a:xfrm>
              <a:off x="3751393" y="5419153"/>
              <a:ext cx="4250397"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sp>
          <p:nvSpPr>
            <p:cNvPr id="10" name="Footer Text">
              <a:extLst>
                <a:ext uri="{FF2B5EF4-FFF2-40B4-BE49-F238E27FC236}">
                  <a16:creationId xmlns:a16="http://schemas.microsoft.com/office/drawing/2014/main" id="{EC87788D-591D-6B69-5814-E6689E67ED85}"/>
                </a:ext>
              </a:extLst>
            </p:cNvPr>
            <p:cNvSpPr txBox="1"/>
            <p:nvPr/>
          </p:nvSpPr>
          <p:spPr>
            <a:xfrm>
              <a:off x="8190275" y="3964221"/>
              <a:ext cx="3345696" cy="1387772"/>
            </a:xfrm>
            <a:prstGeom prst="rect">
              <a:avLst/>
            </a:prstGeom>
            <a:noFill/>
          </p:spPr>
          <p:txBody>
            <a:bodyPr wrap="square" lIns="0" tIns="0" rIns="0" bIns="0" rtlCol="0" anchor="t">
              <a:spAutoFit/>
            </a:bodyPr>
            <a:lstStyle/>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Dedicated Support Team and Short/Long Term Staff Augmentation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ing Management and Administration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Custom Application Support Helpdesk</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 24/7/365 Global Helpdesk (Email/Chat/Voice)​</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Translation and Localization Support</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Application Hosting and Maintenance Support​</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Dedicated team for Vendor Management</a:t>
              </a:r>
            </a:p>
          </p:txBody>
        </p:sp>
        <p:sp>
          <p:nvSpPr>
            <p:cNvPr id="11" name="TextBox 10">
              <a:extLst>
                <a:ext uri="{FF2B5EF4-FFF2-40B4-BE49-F238E27FC236}">
                  <a16:creationId xmlns:a16="http://schemas.microsoft.com/office/drawing/2014/main" id="{661A39C3-52F6-405D-8F1E-43998F6BC935}"/>
                </a:ext>
              </a:extLst>
            </p:cNvPr>
            <p:cNvSpPr txBox="1"/>
            <p:nvPr/>
          </p:nvSpPr>
          <p:spPr>
            <a:xfrm>
              <a:off x="8144582" y="3567984"/>
              <a:ext cx="3028131" cy="184666"/>
            </a:xfrm>
            <a:prstGeom prst="rect">
              <a:avLst/>
            </a:prstGeom>
            <a:noFill/>
          </p:spPr>
          <p:txBody>
            <a:bodyPr wrap="square" lIns="0" tIns="0" rIns="0" bIns="0" rtlCol="0" anchor="ctr">
              <a:spAutoFit/>
            </a:bodyPr>
            <a:lstStyle/>
            <a:p>
              <a:r>
                <a:rPr lang="en-US" sz="1200" b="1">
                  <a:solidFill>
                    <a:srgbClr val="3EC194"/>
                  </a:solidFill>
                  <a:latin typeface="Roboto" panose="02000000000000000000" pitchFamily="2" charset="0"/>
                  <a:ea typeface="Roboto" panose="02000000000000000000" pitchFamily="2" charset="0"/>
                  <a:cs typeface="Roboto" panose="02000000000000000000" pitchFamily="2" charset="0"/>
                </a:rPr>
                <a:t>Global Support Services</a:t>
              </a:r>
            </a:p>
          </p:txBody>
        </p:sp>
        <p:sp>
          <p:nvSpPr>
            <p:cNvPr id="12" name="Footer Text">
              <a:extLst>
                <a:ext uri="{FF2B5EF4-FFF2-40B4-BE49-F238E27FC236}">
                  <a16:creationId xmlns:a16="http://schemas.microsoft.com/office/drawing/2014/main" id="{3D93F28B-9215-6877-6094-A7AA101ABD7F}"/>
                </a:ext>
              </a:extLst>
            </p:cNvPr>
            <p:cNvSpPr txBox="1"/>
            <p:nvPr/>
          </p:nvSpPr>
          <p:spPr>
            <a:xfrm>
              <a:off x="564705" y="1998593"/>
              <a:ext cx="3293917" cy="1031284"/>
            </a:xfrm>
            <a:prstGeom prst="rect">
              <a:avLst/>
            </a:prstGeom>
            <a:noFill/>
          </p:spPr>
          <p:txBody>
            <a:bodyPr wrap="square" lIns="0" tIns="0" rIns="0" bIns="0" rtlCol="0" anchor="t">
              <a:spAutoFit/>
            </a:bodyPr>
            <a:lstStyle/>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ing Curriculum Redesign</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Cultural Transformation: DEI Learning Strategy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ing Aligned for Business Impact</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Workforce transformation: </a:t>
              </a:r>
              <a:br>
                <a:rPr lang="en-US" sz="900">
                  <a:latin typeface="Roboto light" panose="02000000000000000000" pitchFamily="2" charset="0"/>
                  <a:ea typeface="Roboto light" panose="02000000000000000000" pitchFamily="2" charset="0"/>
                  <a:cs typeface="Roboto light" panose="02000000000000000000" pitchFamily="2" charset="0"/>
                </a:rPr>
              </a:br>
              <a:r>
                <a:rPr lang="en-US" sz="900">
                  <a:latin typeface="Roboto light" panose="02000000000000000000" pitchFamily="2" charset="0"/>
                  <a:ea typeface="Roboto light" panose="02000000000000000000" pitchFamily="2" charset="0"/>
                  <a:cs typeface="Roboto light" panose="02000000000000000000" pitchFamily="2" charset="0"/>
                </a:rPr>
                <a:t>Change Management, Upskilling and Reskilling</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Organizational and Leadership Development</a:t>
              </a:r>
            </a:p>
          </p:txBody>
        </p:sp>
        <p:sp>
          <p:nvSpPr>
            <p:cNvPr id="13" name="TextBox 12">
              <a:extLst>
                <a:ext uri="{FF2B5EF4-FFF2-40B4-BE49-F238E27FC236}">
                  <a16:creationId xmlns:a16="http://schemas.microsoft.com/office/drawing/2014/main" id="{EFA6DBCA-A296-E214-FD78-362D75FB1626}"/>
                </a:ext>
              </a:extLst>
            </p:cNvPr>
            <p:cNvSpPr txBox="1"/>
            <p:nvPr/>
          </p:nvSpPr>
          <p:spPr>
            <a:xfrm>
              <a:off x="554644" y="1641558"/>
              <a:ext cx="4196776" cy="184666"/>
            </a:xfrm>
            <a:prstGeom prst="rect">
              <a:avLst/>
            </a:prstGeom>
            <a:noFill/>
          </p:spPr>
          <p:txBody>
            <a:bodyPr wrap="square" lIns="0" tIns="0" rIns="0" bIns="0" rtlCol="0" anchor="t">
              <a:spAutoFit/>
            </a:bodyPr>
            <a:lstStyle/>
            <a:p>
              <a:r>
                <a:rPr lang="en-US" sz="1200" b="1">
                  <a:solidFill>
                    <a:srgbClr val="272782"/>
                  </a:solidFill>
                  <a:latin typeface="Roboto" panose="02000000000000000000" pitchFamily="2" charset="0"/>
                  <a:ea typeface="Roboto" panose="02000000000000000000" pitchFamily="2" charset="0"/>
                  <a:cs typeface="Roboto" panose="02000000000000000000" pitchFamily="2" charset="0"/>
                </a:rPr>
                <a:t>Strategic Analysis and Design</a:t>
              </a:r>
            </a:p>
          </p:txBody>
        </p:sp>
        <p:cxnSp>
          <p:nvCxnSpPr>
            <p:cNvPr id="14" name="Straight Connector 13">
              <a:extLst>
                <a:ext uri="{FF2B5EF4-FFF2-40B4-BE49-F238E27FC236}">
                  <a16:creationId xmlns:a16="http://schemas.microsoft.com/office/drawing/2014/main" id="{6BEEE2E2-AF87-8136-91FE-DF6402F01F3D}"/>
                </a:ext>
              </a:extLst>
            </p:cNvPr>
            <p:cNvCxnSpPr>
              <a:cxnSpLocks/>
            </p:cNvCxnSpPr>
            <p:nvPr/>
          </p:nvCxnSpPr>
          <p:spPr>
            <a:xfrm>
              <a:off x="564703" y="1903162"/>
              <a:ext cx="3144198"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sp>
          <p:nvSpPr>
            <p:cNvPr id="15" name="Footer Text">
              <a:extLst>
                <a:ext uri="{FF2B5EF4-FFF2-40B4-BE49-F238E27FC236}">
                  <a16:creationId xmlns:a16="http://schemas.microsoft.com/office/drawing/2014/main" id="{32A5D99A-960F-C223-C6AA-2B1011623B08}"/>
                </a:ext>
              </a:extLst>
            </p:cNvPr>
            <p:cNvSpPr txBox="1"/>
            <p:nvPr/>
          </p:nvSpPr>
          <p:spPr>
            <a:xfrm>
              <a:off x="8190275" y="1998593"/>
              <a:ext cx="3345697" cy="1222297"/>
            </a:xfrm>
            <a:prstGeom prst="rect">
              <a:avLst/>
            </a:prstGeom>
            <a:noFill/>
          </p:spPr>
          <p:txBody>
            <a:bodyPr wrap="square" lIns="0" tIns="0" rIns="0" bIns="0" rtlCol="0">
              <a:spAutoFit/>
            </a:bodyPr>
            <a:lstStyle/>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ing Delivery Framework and Infrastructure Consulting</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ing Experience Management Consulting</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MS Migration, Hosting and Maintenance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Virtual/Classroom In-Session Technical Support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Virtual/Classroom Facilitation​</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Custom Reports, Dashboards​, and Analytics </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Learner and Content Performance Evaluation</a:t>
              </a:r>
            </a:p>
          </p:txBody>
        </p:sp>
        <p:sp>
          <p:nvSpPr>
            <p:cNvPr id="16" name="TextBox 15">
              <a:extLst>
                <a:ext uri="{FF2B5EF4-FFF2-40B4-BE49-F238E27FC236}">
                  <a16:creationId xmlns:a16="http://schemas.microsoft.com/office/drawing/2014/main" id="{C1CBDAB4-D736-4458-3E4F-8083FEB144A3}"/>
                </a:ext>
              </a:extLst>
            </p:cNvPr>
            <p:cNvSpPr txBox="1"/>
            <p:nvPr/>
          </p:nvSpPr>
          <p:spPr>
            <a:xfrm>
              <a:off x="8148708" y="1641156"/>
              <a:ext cx="3373448" cy="184666"/>
            </a:xfrm>
            <a:prstGeom prst="rect">
              <a:avLst/>
            </a:prstGeom>
            <a:noFill/>
          </p:spPr>
          <p:txBody>
            <a:bodyPr wrap="square" lIns="0" tIns="0" rIns="0" bIns="0" rtlCol="0" anchor="ctr">
              <a:spAutoFit/>
            </a:bodyPr>
            <a:lstStyle/>
            <a:p>
              <a:r>
                <a:rPr lang="en-US" sz="1200" b="1">
                  <a:solidFill>
                    <a:srgbClr val="65930C"/>
                  </a:solidFill>
                  <a:latin typeface="Roboto" panose="02000000000000000000" pitchFamily="2" charset="0"/>
                  <a:ea typeface="Roboto" panose="02000000000000000000" pitchFamily="2" charset="0"/>
                  <a:cs typeface="Roboto" panose="02000000000000000000" pitchFamily="2" charset="0"/>
                </a:rPr>
                <a:t>Delivery and Analytics</a:t>
              </a:r>
            </a:p>
          </p:txBody>
        </p:sp>
        <p:cxnSp>
          <p:nvCxnSpPr>
            <p:cNvPr id="17" name="Straight Connector 16">
              <a:extLst>
                <a:ext uri="{FF2B5EF4-FFF2-40B4-BE49-F238E27FC236}">
                  <a16:creationId xmlns:a16="http://schemas.microsoft.com/office/drawing/2014/main" id="{04711EC1-D4E1-7B4E-E0F3-C1027E8D60BD}"/>
                </a:ext>
              </a:extLst>
            </p:cNvPr>
            <p:cNvCxnSpPr>
              <a:cxnSpLocks/>
            </p:cNvCxnSpPr>
            <p:nvPr/>
          </p:nvCxnSpPr>
          <p:spPr>
            <a:xfrm>
              <a:off x="3393655" y="1903162"/>
              <a:ext cx="311843" cy="0"/>
            </a:xfrm>
            <a:prstGeom prst="line">
              <a:avLst/>
            </a:prstGeom>
            <a:ln w="50800" cap="rnd">
              <a:solidFill>
                <a:srgbClr val="4A49AE"/>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6C2676F2-7EFF-98C4-2F4F-01608813F697}"/>
                </a:ext>
              </a:extLst>
            </p:cNvPr>
            <p:cNvCxnSpPr>
              <a:cxnSpLocks/>
            </p:cNvCxnSpPr>
            <p:nvPr/>
          </p:nvCxnSpPr>
          <p:spPr>
            <a:xfrm>
              <a:off x="3393655" y="3840176"/>
              <a:ext cx="311843" cy="0"/>
            </a:xfrm>
            <a:prstGeom prst="line">
              <a:avLst/>
            </a:prstGeom>
            <a:ln w="50800" cap="rnd">
              <a:solidFill>
                <a:srgbClr val="3C73C4"/>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4E02D19C-7084-BF80-1B15-B0F2A26938B9}"/>
                </a:ext>
              </a:extLst>
            </p:cNvPr>
            <p:cNvCxnSpPr>
              <a:cxnSpLocks/>
            </p:cNvCxnSpPr>
            <p:nvPr/>
          </p:nvCxnSpPr>
          <p:spPr>
            <a:xfrm>
              <a:off x="8184015" y="3838858"/>
              <a:ext cx="3156918"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cxnSp>
          <p:nvCxnSpPr>
            <p:cNvPr id="20" name="Straight Connector 19">
              <a:extLst>
                <a:ext uri="{FF2B5EF4-FFF2-40B4-BE49-F238E27FC236}">
                  <a16:creationId xmlns:a16="http://schemas.microsoft.com/office/drawing/2014/main" id="{54DC4CAC-9B4C-6A5E-A435-B07AFC34071A}"/>
                </a:ext>
              </a:extLst>
            </p:cNvPr>
            <p:cNvCxnSpPr>
              <a:cxnSpLocks/>
            </p:cNvCxnSpPr>
            <p:nvPr/>
          </p:nvCxnSpPr>
          <p:spPr>
            <a:xfrm>
              <a:off x="8184015" y="1903162"/>
              <a:ext cx="3156918" cy="0"/>
            </a:xfrm>
            <a:prstGeom prst="line">
              <a:avLst/>
            </a:prstGeom>
            <a:ln w="12700">
              <a:solidFill>
                <a:schemeClr val="bg1">
                  <a:lumMod val="75000"/>
                </a:schemeClr>
              </a:solidFill>
              <a:prstDash val="sysDash"/>
              <a:round/>
              <a:headEnd type="none" w="med" len="med"/>
              <a:tailEnd type="none" w="med" len="med"/>
            </a:ln>
          </p:spPr>
          <p:style>
            <a:lnRef idx="1">
              <a:schemeClr val="dk1"/>
            </a:lnRef>
            <a:fillRef idx="0">
              <a:schemeClr val="dk1"/>
            </a:fillRef>
            <a:effectRef idx="0">
              <a:schemeClr val="dk1"/>
            </a:effectRef>
            <a:fontRef idx="minor">
              <a:schemeClr val="tx1"/>
            </a:fontRef>
          </p:style>
        </p:cxnSp>
        <p:cxnSp>
          <p:nvCxnSpPr>
            <p:cNvPr id="21" name="Straight Connector 20">
              <a:extLst>
                <a:ext uri="{FF2B5EF4-FFF2-40B4-BE49-F238E27FC236}">
                  <a16:creationId xmlns:a16="http://schemas.microsoft.com/office/drawing/2014/main" id="{91BB1111-4627-99A5-FCA1-E6699DB7F78B}"/>
                </a:ext>
              </a:extLst>
            </p:cNvPr>
            <p:cNvCxnSpPr>
              <a:cxnSpLocks/>
            </p:cNvCxnSpPr>
            <p:nvPr/>
          </p:nvCxnSpPr>
          <p:spPr>
            <a:xfrm>
              <a:off x="8184015" y="1903162"/>
              <a:ext cx="311843" cy="0"/>
            </a:xfrm>
            <a:prstGeom prst="line">
              <a:avLst/>
            </a:prstGeom>
            <a:ln w="50800" cap="rnd">
              <a:solidFill>
                <a:srgbClr val="95C740"/>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ABFE3D18-B8CB-613F-A440-B6490D7BDA84}"/>
                </a:ext>
              </a:extLst>
            </p:cNvPr>
            <p:cNvCxnSpPr>
              <a:cxnSpLocks/>
            </p:cNvCxnSpPr>
            <p:nvPr/>
          </p:nvCxnSpPr>
          <p:spPr>
            <a:xfrm>
              <a:off x="8184015" y="3838858"/>
              <a:ext cx="311843" cy="0"/>
            </a:xfrm>
            <a:prstGeom prst="line">
              <a:avLst/>
            </a:prstGeom>
            <a:ln w="50800" cap="rnd">
              <a:solidFill>
                <a:srgbClr val="3EC194"/>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3117BFD1-DCEE-C8F7-7C64-61A2AF6FF9F7}"/>
                </a:ext>
              </a:extLst>
            </p:cNvPr>
            <p:cNvCxnSpPr>
              <a:cxnSpLocks/>
            </p:cNvCxnSpPr>
            <p:nvPr/>
          </p:nvCxnSpPr>
          <p:spPr>
            <a:xfrm>
              <a:off x="5720670" y="5431825"/>
              <a:ext cx="311843" cy="0"/>
            </a:xfrm>
            <a:prstGeom prst="line">
              <a:avLst/>
            </a:prstGeom>
            <a:ln w="50800" cap="rnd">
              <a:solidFill>
                <a:srgbClr val="2180AA"/>
              </a:solidFill>
            </a:ln>
          </p:spPr>
          <p:style>
            <a:lnRef idx="1">
              <a:schemeClr val="accent1"/>
            </a:lnRef>
            <a:fillRef idx="0">
              <a:schemeClr val="accent1"/>
            </a:fillRef>
            <a:effectRef idx="0">
              <a:schemeClr val="accent1"/>
            </a:effectRef>
            <a:fontRef idx="minor">
              <a:schemeClr val="tx1"/>
            </a:fontRef>
          </p:style>
        </p:cxnSp>
        <p:sp>
          <p:nvSpPr>
            <p:cNvPr id="24" name="Oval 23">
              <a:extLst>
                <a:ext uri="{FF2B5EF4-FFF2-40B4-BE49-F238E27FC236}">
                  <a16:creationId xmlns:a16="http://schemas.microsoft.com/office/drawing/2014/main" id="{6201BC90-1C81-7B7D-1626-B13024D466EA}"/>
                </a:ext>
              </a:extLst>
            </p:cNvPr>
            <p:cNvSpPr/>
            <p:nvPr/>
          </p:nvSpPr>
          <p:spPr>
            <a:xfrm flipH="1">
              <a:off x="4791177" y="1938458"/>
              <a:ext cx="2218213" cy="2182135"/>
            </a:xfrm>
            <a:prstGeom prst="ellipse">
              <a:avLst/>
            </a:prstGeom>
            <a:ln w="3175">
              <a:solidFill>
                <a:schemeClr val="bg1">
                  <a:lumMod val="85000"/>
                </a:schemeClr>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IN"/>
            </a:p>
          </p:txBody>
        </p:sp>
        <p:pic>
          <p:nvPicPr>
            <p:cNvPr id="25" name="Graphic 24">
              <a:extLst>
                <a:ext uri="{FF2B5EF4-FFF2-40B4-BE49-F238E27FC236}">
                  <a16:creationId xmlns:a16="http://schemas.microsoft.com/office/drawing/2014/main" id="{3F2B5568-E92B-4B21-271F-AA6FFA239BE4}"/>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4806206" y="2031408"/>
              <a:ext cx="2188157" cy="1996236"/>
            </a:xfrm>
            <a:prstGeom prst="rect">
              <a:avLst/>
            </a:prstGeom>
          </p:spPr>
        </p:pic>
        <p:sp>
          <p:nvSpPr>
            <p:cNvPr id="26" name="Title 1">
              <a:extLst>
                <a:ext uri="{FF2B5EF4-FFF2-40B4-BE49-F238E27FC236}">
                  <a16:creationId xmlns:a16="http://schemas.microsoft.com/office/drawing/2014/main" id="{DA4E78B7-5EBF-F58B-4941-AE13381A7263}"/>
                </a:ext>
              </a:extLst>
            </p:cNvPr>
            <p:cNvSpPr txBox="1">
              <a:spLocks/>
            </p:cNvSpPr>
            <p:nvPr/>
          </p:nvSpPr>
          <p:spPr>
            <a:xfrm>
              <a:off x="5343753" y="2768783"/>
              <a:ext cx="1105415" cy="521484"/>
            </a:xfrm>
            <a:prstGeom prst="rect">
              <a:avLst/>
            </a:prstGeom>
            <a:effectLst/>
          </p:spPr>
          <p:txBody>
            <a:bodyPr anchor="ct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IN" sz="1400">
                  <a:solidFill>
                    <a:schemeClr val="tx1">
                      <a:lumMod val="65000"/>
                      <a:lumOff val="35000"/>
                    </a:schemeClr>
                  </a:solidFill>
                  <a:latin typeface="Roboto" panose="02000000000000000000" pitchFamily="2" charset="0"/>
                  <a:ea typeface="Roboto" panose="02000000000000000000" pitchFamily="2" charset="0"/>
                  <a:cs typeface="Roboto" panose="02000000000000000000" pitchFamily="2" charset="0"/>
                </a:rPr>
                <a:t>MANAGED</a:t>
              </a:r>
            </a:p>
            <a:p>
              <a:pPr algn="ctr"/>
              <a:r>
                <a:rPr lang="en-IN" sz="1400">
                  <a:solidFill>
                    <a:schemeClr val="tx1">
                      <a:lumMod val="65000"/>
                      <a:lumOff val="35000"/>
                    </a:schemeClr>
                  </a:solidFill>
                  <a:latin typeface="Roboto" panose="02000000000000000000" pitchFamily="2" charset="0"/>
                  <a:ea typeface="Roboto" panose="02000000000000000000" pitchFamily="2" charset="0"/>
                  <a:cs typeface="Roboto" panose="02000000000000000000" pitchFamily="2" charset="0"/>
                </a:rPr>
                <a:t>LEARNING SERVICES</a:t>
              </a:r>
              <a:endParaRPr lang="en-IN" sz="1100">
                <a:solidFill>
                  <a:schemeClr val="tx1">
                    <a:lumMod val="65000"/>
                    <a:lumOff val="35000"/>
                  </a:schemeClr>
                </a:solidFill>
                <a:latin typeface="Roboto" panose="02000000000000000000" pitchFamily="2" charset="0"/>
                <a:ea typeface="Roboto" panose="02000000000000000000" pitchFamily="2" charset="0"/>
                <a:cs typeface="Roboto" panose="02000000000000000000" pitchFamily="2" charset="0"/>
              </a:endParaRPr>
            </a:p>
          </p:txBody>
        </p:sp>
        <p:pic>
          <p:nvPicPr>
            <p:cNvPr id="27" name="Graphic 26">
              <a:extLst>
                <a:ext uri="{FF2B5EF4-FFF2-40B4-BE49-F238E27FC236}">
                  <a16:creationId xmlns:a16="http://schemas.microsoft.com/office/drawing/2014/main" id="{C0D1A4E2-DD2A-3BEA-2D78-26661EB94DC5}"/>
                </a:ext>
              </a:extLst>
            </p:cNvPr>
            <p:cNvPicPr>
              <a:picLocks noChangeAspect="1"/>
            </p:cNvPicPr>
            <p:nvPr/>
          </p:nvPicPr>
          <p:blipFill>
            <a:blip r:embed="rId4" cstate="hqprint">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7105766" y="1908179"/>
              <a:ext cx="376494" cy="370371"/>
            </a:xfrm>
            <a:prstGeom prst="rect">
              <a:avLst/>
            </a:prstGeom>
          </p:spPr>
        </p:pic>
        <p:pic>
          <p:nvPicPr>
            <p:cNvPr id="28" name="Graphic 27">
              <a:extLst>
                <a:ext uri="{FF2B5EF4-FFF2-40B4-BE49-F238E27FC236}">
                  <a16:creationId xmlns:a16="http://schemas.microsoft.com/office/drawing/2014/main" id="{9A37DD6A-1B52-1D68-DAAB-FD7EBA0F13D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flipH="1">
              <a:off x="4374474" y="1916137"/>
              <a:ext cx="305956" cy="315312"/>
            </a:xfrm>
            <a:prstGeom prst="rect">
              <a:avLst/>
            </a:prstGeom>
          </p:spPr>
        </p:pic>
        <p:pic>
          <p:nvPicPr>
            <p:cNvPr id="29" name="Graphic 28">
              <a:extLst>
                <a:ext uri="{FF2B5EF4-FFF2-40B4-BE49-F238E27FC236}">
                  <a16:creationId xmlns:a16="http://schemas.microsoft.com/office/drawing/2014/main" id="{37620982-5FD2-6E77-DFB8-A6207040BA4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flipH="1">
              <a:off x="4318811" y="3755013"/>
              <a:ext cx="317787" cy="312618"/>
            </a:xfrm>
            <a:prstGeom prst="rect">
              <a:avLst/>
            </a:prstGeom>
          </p:spPr>
        </p:pic>
        <p:pic>
          <p:nvPicPr>
            <p:cNvPr id="30" name="Graphic 29">
              <a:extLst>
                <a:ext uri="{FF2B5EF4-FFF2-40B4-BE49-F238E27FC236}">
                  <a16:creationId xmlns:a16="http://schemas.microsoft.com/office/drawing/2014/main" id="{455318B5-C908-AB32-094F-207E818A907C}"/>
                </a:ext>
              </a:extLst>
            </p:cNvPr>
            <p:cNvPicPr>
              <a:picLocks noChangeAspect="1"/>
            </p:cNvPicPr>
            <p:nvPr/>
          </p:nvPicPr>
          <p:blipFill>
            <a:blip r:embed="rId10" cstate="hqprint">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7135757" y="3766592"/>
              <a:ext cx="288898" cy="284200"/>
            </a:xfrm>
            <a:prstGeom prst="rect">
              <a:avLst/>
            </a:prstGeom>
          </p:spPr>
        </p:pic>
        <p:sp>
          <p:nvSpPr>
            <p:cNvPr id="31" name="Oval 30">
              <a:extLst>
                <a:ext uri="{FF2B5EF4-FFF2-40B4-BE49-F238E27FC236}">
                  <a16:creationId xmlns:a16="http://schemas.microsoft.com/office/drawing/2014/main" id="{A2836537-571D-37D0-6149-3FD8220EFD3E}"/>
                </a:ext>
              </a:extLst>
            </p:cNvPr>
            <p:cNvSpPr/>
            <p:nvPr/>
          </p:nvSpPr>
          <p:spPr>
            <a:xfrm flipH="1">
              <a:off x="4228036" y="1783244"/>
              <a:ext cx="631528" cy="621257"/>
            </a:xfrm>
            <a:prstGeom prst="ellipse">
              <a:avLst/>
            </a:prstGeom>
            <a:noFill/>
            <a:ln w="3175">
              <a:solidFill>
                <a:srgbClr val="4A49A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2" name="Oval 31">
              <a:extLst>
                <a:ext uri="{FF2B5EF4-FFF2-40B4-BE49-F238E27FC236}">
                  <a16:creationId xmlns:a16="http://schemas.microsoft.com/office/drawing/2014/main" id="{CA835307-5300-8969-3D3A-11961B9371A6}"/>
                </a:ext>
              </a:extLst>
            </p:cNvPr>
            <p:cNvSpPr/>
            <p:nvPr/>
          </p:nvSpPr>
          <p:spPr>
            <a:xfrm flipH="1">
              <a:off x="4164800" y="3605653"/>
              <a:ext cx="631528" cy="621257"/>
            </a:xfrm>
            <a:prstGeom prst="ellipse">
              <a:avLst/>
            </a:prstGeom>
            <a:noFill/>
            <a:ln w="3175">
              <a:solidFill>
                <a:srgbClr val="0C60C4"/>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3" name="Oval 32">
              <a:extLst>
                <a:ext uri="{FF2B5EF4-FFF2-40B4-BE49-F238E27FC236}">
                  <a16:creationId xmlns:a16="http://schemas.microsoft.com/office/drawing/2014/main" id="{98DEC29E-FB60-ECCD-28EA-EAE11E9989D9}"/>
                </a:ext>
              </a:extLst>
            </p:cNvPr>
            <p:cNvSpPr/>
            <p:nvPr/>
          </p:nvSpPr>
          <p:spPr>
            <a:xfrm>
              <a:off x="6970112" y="1772470"/>
              <a:ext cx="631528" cy="621257"/>
            </a:xfrm>
            <a:prstGeom prst="ellipse">
              <a:avLst/>
            </a:prstGeom>
            <a:noFill/>
            <a:ln w="3175">
              <a:solidFill>
                <a:srgbClr val="95C74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4" name="Oval 33">
              <a:extLst>
                <a:ext uri="{FF2B5EF4-FFF2-40B4-BE49-F238E27FC236}">
                  <a16:creationId xmlns:a16="http://schemas.microsoft.com/office/drawing/2014/main" id="{AF3CE266-ED60-7CA0-E2F9-2F244E31898D}"/>
                </a:ext>
              </a:extLst>
            </p:cNvPr>
            <p:cNvSpPr/>
            <p:nvPr/>
          </p:nvSpPr>
          <p:spPr>
            <a:xfrm>
              <a:off x="6964441" y="3594880"/>
              <a:ext cx="631528" cy="621257"/>
            </a:xfrm>
            <a:prstGeom prst="ellipse">
              <a:avLst/>
            </a:prstGeom>
            <a:noFill/>
            <a:ln w="3175">
              <a:solidFill>
                <a:srgbClr val="3DC1C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5" name="Oval 34">
              <a:extLst>
                <a:ext uri="{FF2B5EF4-FFF2-40B4-BE49-F238E27FC236}">
                  <a16:creationId xmlns:a16="http://schemas.microsoft.com/office/drawing/2014/main" id="{232ABAB6-9FB6-4E91-E242-E3A5F6A8E5EE}"/>
                </a:ext>
              </a:extLst>
            </p:cNvPr>
            <p:cNvSpPr/>
            <p:nvPr/>
          </p:nvSpPr>
          <p:spPr>
            <a:xfrm flipH="1">
              <a:off x="5559883" y="4300416"/>
              <a:ext cx="631528" cy="621257"/>
            </a:xfrm>
            <a:prstGeom prst="ellipse">
              <a:avLst/>
            </a:prstGeom>
            <a:noFill/>
            <a:ln w="3175">
              <a:solidFill>
                <a:srgbClr val="2180AA"/>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6" name="Graphic 35">
              <a:extLst>
                <a:ext uri="{FF2B5EF4-FFF2-40B4-BE49-F238E27FC236}">
                  <a16:creationId xmlns:a16="http://schemas.microsoft.com/office/drawing/2014/main" id="{370C74A8-63CB-8D66-F593-2864C7A8C206}"/>
                </a:ext>
              </a:extLst>
            </p:cNvPr>
            <p:cNvPicPr>
              <a:picLocks noChangeAspect="1"/>
            </p:cNvPicPr>
            <p:nvPr/>
          </p:nvPicPr>
          <p:blipFill>
            <a:blip r:embed="rId12" cstate="hqprint">
              <a:extLst>
                <a:ext uri="{28A0092B-C50C-407E-A947-70E740481C1C}">
                  <a14:useLocalDpi xmlns:a14="http://schemas.microsoft.com/office/drawing/2010/main" val="0"/>
                </a:ext>
                <a:ext uri="{96DAC541-7B7A-43D3-8B79-37D633B846F1}">
                  <asvg:svgBlip xmlns:asvg="http://schemas.microsoft.com/office/drawing/2016/SVG/main" r:embed="rId13"/>
                </a:ext>
              </a:extLst>
            </a:blip>
            <a:stretch>
              <a:fillRect/>
            </a:stretch>
          </p:blipFill>
          <p:spPr>
            <a:xfrm>
              <a:off x="5681599" y="4414572"/>
              <a:ext cx="392256" cy="375288"/>
            </a:xfrm>
            <a:prstGeom prst="rect">
              <a:avLst/>
            </a:prstGeom>
          </p:spPr>
        </p:pic>
        <p:sp>
          <p:nvSpPr>
            <p:cNvPr id="37" name="TextBox 36">
              <a:extLst>
                <a:ext uri="{FF2B5EF4-FFF2-40B4-BE49-F238E27FC236}">
                  <a16:creationId xmlns:a16="http://schemas.microsoft.com/office/drawing/2014/main" id="{E2843185-C443-2E4A-E49C-AE24F6D22AF3}"/>
                </a:ext>
              </a:extLst>
            </p:cNvPr>
            <p:cNvSpPr txBox="1"/>
            <p:nvPr/>
          </p:nvSpPr>
          <p:spPr>
            <a:xfrm>
              <a:off x="4107572" y="5723039"/>
              <a:ext cx="3538038" cy="613064"/>
            </a:xfrm>
            <a:prstGeom prst="rect">
              <a:avLst/>
            </a:prstGeom>
            <a:noFill/>
          </p:spPr>
          <p:txBody>
            <a:bodyPr wrap="square" numCol="2">
              <a:spAutoFit/>
            </a:bodyPr>
            <a:lstStyle/>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Instructional Designer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eLearning Developer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Trainers/Facilitator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Technical Writers</a:t>
              </a:r>
            </a:p>
            <a:p>
              <a:pPr marL="171450" indent="-108000">
                <a:lnSpc>
                  <a:spcPct val="120000"/>
                </a:lnSpc>
                <a:spcBef>
                  <a:spcPts val="100"/>
                </a:spcBef>
                <a:buClr>
                  <a:srgbClr val="0072AE"/>
                </a:buClr>
                <a:buFont typeface="Arial" pitchFamily="34" charset="0"/>
                <a:buChar char="•"/>
              </a:pPr>
              <a:r>
                <a:rPr lang="en-US" sz="900">
                  <a:latin typeface="Roboto light" panose="02000000000000000000" pitchFamily="2" charset="0"/>
                  <a:ea typeface="Roboto light" panose="02000000000000000000" pitchFamily="2" charset="0"/>
                  <a:cs typeface="Roboto light" panose="02000000000000000000" pitchFamily="2" charset="0"/>
                </a:rPr>
                <a:t>Training Coordinators </a:t>
              </a:r>
            </a:p>
          </p:txBody>
        </p:sp>
      </p:grpSp>
    </p:spTree>
    <p:extLst>
      <p:ext uri="{BB962C8B-B14F-4D97-AF65-F5344CB8AC3E}">
        <p14:creationId xmlns:p14="http://schemas.microsoft.com/office/powerpoint/2010/main" val="185827108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F4A22DA-1705-47CC-4746-B443789E2FDA}"/>
              </a:ext>
            </a:extLst>
          </p:cNvPr>
          <p:cNvSpPr>
            <a:spLocks noGrp="1"/>
          </p:cNvSpPr>
          <p:nvPr>
            <p:ph type="title"/>
          </p:nvPr>
        </p:nvSpPr>
        <p:spPr>
          <a:xfrm>
            <a:off x="441959" y="230140"/>
            <a:ext cx="10988039" cy="630555"/>
          </a:xfrm>
        </p:spPr>
        <p:txBody>
          <a:bodyPr/>
          <a:lstStyle/>
          <a:p>
            <a:r>
              <a:rPr lang="en-IN"/>
              <a:t>Awards and Recognition</a:t>
            </a:r>
          </a:p>
        </p:txBody>
      </p:sp>
      <p:sp>
        <p:nvSpPr>
          <p:cNvPr id="3" name="Content Placeholder 2">
            <a:extLst>
              <a:ext uri="{FF2B5EF4-FFF2-40B4-BE49-F238E27FC236}">
                <a16:creationId xmlns:a16="http://schemas.microsoft.com/office/drawing/2014/main" id="{9E051F74-F23E-32D9-5920-0B3BAA6C4EBA}"/>
              </a:ext>
            </a:extLst>
          </p:cNvPr>
          <p:cNvSpPr>
            <a:spLocks noGrp="1"/>
          </p:cNvSpPr>
          <p:nvPr>
            <p:ph idx="1"/>
          </p:nvPr>
        </p:nvSpPr>
        <p:spPr>
          <a:xfrm>
            <a:off x="473075" y="1243013"/>
            <a:ext cx="11036300" cy="534987"/>
          </a:xfrm>
        </p:spPr>
        <p:txBody>
          <a:bodyPr>
            <a:normAutofit/>
          </a:bodyPr>
          <a:lstStyle/>
          <a:p>
            <a:pPr marL="0" indent="0">
              <a:buNone/>
            </a:pPr>
            <a:r>
              <a:rPr lang="en-US" sz="1200"/>
              <a:t>At Aptara, our work speaks volumes; we believe in quality above everything else. Our work is accoladed every year by industry trend-watchers and trend-setters for our strategic learning services, content development and production, and business solutions and content technology integrations.</a:t>
            </a:r>
          </a:p>
          <a:p>
            <a:pPr marL="0" indent="0">
              <a:buNone/>
            </a:pPr>
            <a:endParaRPr lang="en-US" sz="1200"/>
          </a:p>
          <a:p>
            <a:pPr marL="0" indent="0">
              <a:buNone/>
            </a:pPr>
            <a:endParaRPr lang="en-IN" sz="1200"/>
          </a:p>
          <a:p>
            <a:pPr marL="0" indent="0">
              <a:buNone/>
            </a:pPr>
            <a:endParaRPr lang="en-IN" sz="1200"/>
          </a:p>
        </p:txBody>
      </p:sp>
      <p:grpSp>
        <p:nvGrpSpPr>
          <p:cNvPr id="4" name="Group 3">
            <a:extLst>
              <a:ext uri="{FF2B5EF4-FFF2-40B4-BE49-F238E27FC236}">
                <a16:creationId xmlns:a16="http://schemas.microsoft.com/office/drawing/2014/main" id="{08994348-1CA3-9E24-255F-1297AF256B9D}"/>
              </a:ext>
            </a:extLst>
          </p:cNvPr>
          <p:cNvGrpSpPr/>
          <p:nvPr/>
        </p:nvGrpSpPr>
        <p:grpSpPr>
          <a:xfrm>
            <a:off x="0" y="2188215"/>
            <a:ext cx="12191999" cy="4669785"/>
            <a:chOff x="0" y="2749554"/>
            <a:chExt cx="12191999" cy="4669785"/>
          </a:xfrm>
        </p:grpSpPr>
        <p:cxnSp>
          <p:nvCxnSpPr>
            <p:cNvPr id="5" name="Connector: Elbow 1">
              <a:extLst>
                <a:ext uri="{FF2B5EF4-FFF2-40B4-BE49-F238E27FC236}">
                  <a16:creationId xmlns:a16="http://schemas.microsoft.com/office/drawing/2014/main" id="{28651CD7-BAE4-873C-ED53-86C6F7E5BF77}"/>
                </a:ext>
              </a:extLst>
            </p:cNvPr>
            <p:cNvCxnSpPr>
              <a:cxnSpLocks/>
            </p:cNvCxnSpPr>
            <p:nvPr/>
          </p:nvCxnSpPr>
          <p:spPr>
            <a:xfrm flipH="1" flipV="1">
              <a:off x="621089" y="5560916"/>
              <a:ext cx="10960265" cy="1"/>
            </a:xfrm>
            <a:prstGeom prst="straightConnector1">
              <a:avLst/>
            </a:prstGeom>
            <a:ln>
              <a:solidFill>
                <a:srgbClr val="DAE3F3"/>
              </a:solidFill>
            </a:ln>
          </p:spPr>
          <p:style>
            <a:lnRef idx="1">
              <a:schemeClr val="accent1"/>
            </a:lnRef>
            <a:fillRef idx="0">
              <a:schemeClr val="accent1"/>
            </a:fillRef>
            <a:effectRef idx="0">
              <a:schemeClr val="accent1"/>
            </a:effectRef>
            <a:fontRef idx="minor">
              <a:schemeClr val="tx1"/>
            </a:fontRef>
          </p:style>
        </p:cxnSp>
        <p:sp>
          <p:nvSpPr>
            <p:cNvPr id="6" name="Rectangle 5">
              <a:extLst>
                <a:ext uri="{FF2B5EF4-FFF2-40B4-BE49-F238E27FC236}">
                  <a16:creationId xmlns:a16="http://schemas.microsoft.com/office/drawing/2014/main" id="{C4F17C18-5D99-A166-234F-275FB7D47AF9}"/>
                </a:ext>
              </a:extLst>
            </p:cNvPr>
            <p:cNvSpPr/>
            <p:nvPr/>
          </p:nvSpPr>
          <p:spPr>
            <a:xfrm>
              <a:off x="0" y="5975271"/>
              <a:ext cx="12191999" cy="1444068"/>
            </a:xfrm>
            <a:prstGeom prst="rect">
              <a:avLst/>
            </a:prstGeom>
            <a:solidFill>
              <a:srgbClr val="0085B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7" name="Hexagon 6">
              <a:extLst>
                <a:ext uri="{FF2B5EF4-FFF2-40B4-BE49-F238E27FC236}">
                  <a16:creationId xmlns:a16="http://schemas.microsoft.com/office/drawing/2014/main" id="{F7C9F929-B100-4607-7EE6-2FD55C7A5A6D}"/>
                </a:ext>
              </a:extLst>
            </p:cNvPr>
            <p:cNvSpPr/>
            <p:nvPr/>
          </p:nvSpPr>
          <p:spPr>
            <a:xfrm rot="16200000">
              <a:off x="551104" y="4574351"/>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 name="Arrow: Chevron 7">
              <a:extLst>
                <a:ext uri="{FF2B5EF4-FFF2-40B4-BE49-F238E27FC236}">
                  <a16:creationId xmlns:a16="http://schemas.microsoft.com/office/drawing/2014/main" id="{C972CE5A-C188-E54F-C36B-60D507685369}"/>
                </a:ext>
              </a:extLst>
            </p:cNvPr>
            <p:cNvSpPr/>
            <p:nvPr/>
          </p:nvSpPr>
          <p:spPr>
            <a:xfrm rot="16200000">
              <a:off x="744928" y="5456719"/>
              <a:ext cx="974425" cy="539750"/>
            </a:xfrm>
            <a:prstGeom prst="chevron">
              <a:avLst>
                <a:gd name="adj" fmla="val 38824"/>
              </a:avLst>
            </a:prstGeom>
            <a:solidFill>
              <a:schemeClr val="tx2">
                <a:lumMod val="25000"/>
                <a:lumOff val="75000"/>
              </a:schemeClr>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9" name="Hexagon 8">
              <a:extLst>
                <a:ext uri="{FF2B5EF4-FFF2-40B4-BE49-F238E27FC236}">
                  <a16:creationId xmlns:a16="http://schemas.microsoft.com/office/drawing/2014/main" id="{C7144808-4435-4E32-5A25-039F6C490437}"/>
                </a:ext>
              </a:extLst>
            </p:cNvPr>
            <p:cNvSpPr/>
            <p:nvPr/>
          </p:nvSpPr>
          <p:spPr>
            <a:xfrm rot="16200000">
              <a:off x="646338" y="4680987"/>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0" name="Picture 9" descr="A picture containing text, logo, electric blue, font&#10;&#10;Description automatically generated">
              <a:extLst>
                <a:ext uri="{FF2B5EF4-FFF2-40B4-BE49-F238E27FC236}">
                  <a16:creationId xmlns:a16="http://schemas.microsoft.com/office/drawing/2014/main" id="{1180A655-DB16-A8FD-8878-FDACA8B4F211}"/>
                </a:ext>
              </a:extLst>
            </p:cNvPr>
            <p:cNvPicPr>
              <a:picLocks noChangeAspect="1"/>
            </p:cNvPicPr>
            <p:nvPr/>
          </p:nvPicPr>
          <p:blipFill rotWithShape="1">
            <a:blip r:embed="rId2" cstate="screen">
              <a:clrChange>
                <a:clrFrom>
                  <a:srgbClr val="FFFFFF"/>
                </a:clrFrom>
                <a:clrTo>
                  <a:srgbClr val="FFFFFF">
                    <a:alpha val="0"/>
                  </a:srgbClr>
                </a:clrTo>
              </a:clrChange>
              <a:extLst>
                <a:ext uri="{28A0092B-C50C-407E-A947-70E740481C1C}">
                  <a14:useLocalDpi xmlns:a14="http://schemas.microsoft.com/office/drawing/2010/main" val="0"/>
                </a:ext>
              </a:extLst>
            </a:blip>
            <a:srcRect/>
            <a:stretch/>
          </p:blipFill>
          <p:spPr>
            <a:xfrm>
              <a:off x="754597" y="4804679"/>
              <a:ext cx="955090" cy="645195"/>
            </a:xfrm>
            <a:prstGeom prst="rect">
              <a:avLst/>
            </a:prstGeom>
          </p:spPr>
        </p:pic>
        <p:sp>
          <p:nvSpPr>
            <p:cNvPr id="11" name="Hexagon 10">
              <a:extLst>
                <a:ext uri="{FF2B5EF4-FFF2-40B4-BE49-F238E27FC236}">
                  <a16:creationId xmlns:a16="http://schemas.microsoft.com/office/drawing/2014/main" id="{419A5199-B2DB-BF11-4869-BCD1DDD84892}"/>
                </a:ext>
              </a:extLst>
            </p:cNvPr>
            <p:cNvSpPr/>
            <p:nvPr/>
          </p:nvSpPr>
          <p:spPr>
            <a:xfrm rot="16200000">
              <a:off x="2154818" y="4574352"/>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2" name="Arrow: Chevron 11">
              <a:extLst>
                <a:ext uri="{FF2B5EF4-FFF2-40B4-BE49-F238E27FC236}">
                  <a16:creationId xmlns:a16="http://schemas.microsoft.com/office/drawing/2014/main" id="{AEC4B13C-9890-001C-4368-C34BB211C2E1}"/>
                </a:ext>
              </a:extLst>
            </p:cNvPr>
            <p:cNvSpPr/>
            <p:nvPr/>
          </p:nvSpPr>
          <p:spPr>
            <a:xfrm rot="16200000">
              <a:off x="2348642" y="5456720"/>
              <a:ext cx="974425" cy="539750"/>
            </a:xfrm>
            <a:prstGeom prst="chevron">
              <a:avLst>
                <a:gd name="adj" fmla="val 38824"/>
              </a:avLst>
            </a:prstGeom>
            <a:solidFill>
              <a:schemeClr val="tx2">
                <a:lumMod val="25000"/>
                <a:lumOff val="75000"/>
              </a:schemeClr>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13" name="Hexagon 12">
              <a:extLst>
                <a:ext uri="{FF2B5EF4-FFF2-40B4-BE49-F238E27FC236}">
                  <a16:creationId xmlns:a16="http://schemas.microsoft.com/office/drawing/2014/main" id="{3881F106-05AE-0FEF-3367-8145B31FF72E}"/>
                </a:ext>
              </a:extLst>
            </p:cNvPr>
            <p:cNvSpPr/>
            <p:nvPr/>
          </p:nvSpPr>
          <p:spPr>
            <a:xfrm rot="16200000">
              <a:off x="2250052" y="4680988"/>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4" name="Picture 13" descr="A gold circle with blue ribbons&#10;&#10;Description automatically generated with low confidence">
              <a:extLst>
                <a:ext uri="{FF2B5EF4-FFF2-40B4-BE49-F238E27FC236}">
                  <a16:creationId xmlns:a16="http://schemas.microsoft.com/office/drawing/2014/main" id="{DEE291AE-6D7E-172C-5D3A-C89E2FC26984}"/>
                </a:ext>
              </a:extLst>
            </p:cNvPr>
            <p:cNvPicPr>
              <a:picLocks noChangeAspect="1"/>
            </p:cNvPicPr>
            <p:nvPr/>
          </p:nvPicPr>
          <p:blipFill rotWithShape="1">
            <a:blip r:embed="rId3" cstate="screen">
              <a:clrChange>
                <a:clrFrom>
                  <a:srgbClr val="FFFFFF"/>
                </a:clrFrom>
                <a:clrTo>
                  <a:srgbClr val="FFFFFF">
                    <a:alpha val="0"/>
                  </a:srgbClr>
                </a:clrTo>
              </a:clrChange>
              <a:extLst>
                <a:ext uri="{28A0092B-C50C-407E-A947-70E740481C1C}">
                  <a14:useLocalDpi xmlns:a14="http://schemas.microsoft.com/office/drawing/2010/main" val="0"/>
                </a:ext>
              </a:extLst>
            </a:blip>
            <a:srcRect/>
            <a:stretch/>
          </p:blipFill>
          <p:spPr>
            <a:xfrm>
              <a:off x="2403283" y="4834008"/>
              <a:ext cx="865145" cy="586541"/>
            </a:xfrm>
            <a:prstGeom prst="rect">
              <a:avLst/>
            </a:prstGeom>
          </p:spPr>
        </p:pic>
        <p:sp>
          <p:nvSpPr>
            <p:cNvPr id="15" name="Hexagon 14">
              <a:extLst>
                <a:ext uri="{FF2B5EF4-FFF2-40B4-BE49-F238E27FC236}">
                  <a16:creationId xmlns:a16="http://schemas.microsoft.com/office/drawing/2014/main" id="{A20C2885-347F-9AFA-E983-1D21C635FBA5}"/>
                </a:ext>
              </a:extLst>
            </p:cNvPr>
            <p:cNvSpPr/>
            <p:nvPr/>
          </p:nvSpPr>
          <p:spPr>
            <a:xfrm rot="16200000">
              <a:off x="3784890" y="4574352"/>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6" name="Arrow: Chevron 15">
              <a:extLst>
                <a:ext uri="{FF2B5EF4-FFF2-40B4-BE49-F238E27FC236}">
                  <a16:creationId xmlns:a16="http://schemas.microsoft.com/office/drawing/2014/main" id="{6BB47174-CA62-1433-E246-2B71BAA496A7}"/>
                </a:ext>
              </a:extLst>
            </p:cNvPr>
            <p:cNvSpPr/>
            <p:nvPr/>
          </p:nvSpPr>
          <p:spPr>
            <a:xfrm rot="16200000">
              <a:off x="3978714" y="5456720"/>
              <a:ext cx="974425" cy="539750"/>
            </a:xfrm>
            <a:prstGeom prst="chevron">
              <a:avLst>
                <a:gd name="adj" fmla="val 38824"/>
              </a:avLst>
            </a:prstGeom>
            <a:solidFill>
              <a:schemeClr val="tx2">
                <a:lumMod val="25000"/>
                <a:lumOff val="75000"/>
              </a:schemeClr>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17" name="Hexagon 16">
              <a:extLst>
                <a:ext uri="{FF2B5EF4-FFF2-40B4-BE49-F238E27FC236}">
                  <a16:creationId xmlns:a16="http://schemas.microsoft.com/office/drawing/2014/main" id="{CB46AB03-B2ED-6E63-0C18-E00FBEFE6CF4}"/>
                </a:ext>
              </a:extLst>
            </p:cNvPr>
            <p:cNvSpPr/>
            <p:nvPr/>
          </p:nvSpPr>
          <p:spPr>
            <a:xfrm rot="16200000">
              <a:off x="3880124" y="4680988"/>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18" name="Graphic 17">
              <a:extLst>
                <a:ext uri="{FF2B5EF4-FFF2-40B4-BE49-F238E27FC236}">
                  <a16:creationId xmlns:a16="http://schemas.microsoft.com/office/drawing/2014/main" id="{C49E9DF0-A0D1-792E-D7E4-A40D456334A2}"/>
                </a:ext>
              </a:extLst>
            </p:cNvPr>
            <p:cNvPicPr>
              <a:picLocks noChangeAspect="1"/>
            </p:cNvPicPr>
            <p:nvPr/>
          </p:nvPicPr>
          <p:blipFill>
            <a:blip r:embed="rId4" cstate="hqprint">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4006261" y="5080369"/>
              <a:ext cx="910487" cy="201411"/>
            </a:xfrm>
            <a:prstGeom prst="rect">
              <a:avLst/>
            </a:prstGeom>
          </p:spPr>
        </p:pic>
        <p:sp>
          <p:nvSpPr>
            <p:cNvPr id="19" name="Hexagon 18">
              <a:extLst>
                <a:ext uri="{FF2B5EF4-FFF2-40B4-BE49-F238E27FC236}">
                  <a16:creationId xmlns:a16="http://schemas.microsoft.com/office/drawing/2014/main" id="{14B0B3FF-CAB8-69D5-B4AC-157C70915443}"/>
                </a:ext>
              </a:extLst>
            </p:cNvPr>
            <p:cNvSpPr/>
            <p:nvPr/>
          </p:nvSpPr>
          <p:spPr>
            <a:xfrm rot="16200000">
              <a:off x="5436463" y="4574352"/>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0" name="Arrow: Chevron 19">
              <a:extLst>
                <a:ext uri="{FF2B5EF4-FFF2-40B4-BE49-F238E27FC236}">
                  <a16:creationId xmlns:a16="http://schemas.microsoft.com/office/drawing/2014/main" id="{D0220B32-D741-DF88-1120-9FEEAEDE37FF}"/>
                </a:ext>
              </a:extLst>
            </p:cNvPr>
            <p:cNvSpPr/>
            <p:nvPr/>
          </p:nvSpPr>
          <p:spPr>
            <a:xfrm rot="16200000">
              <a:off x="5630287" y="5456720"/>
              <a:ext cx="974425" cy="539750"/>
            </a:xfrm>
            <a:prstGeom prst="chevron">
              <a:avLst>
                <a:gd name="adj" fmla="val 38824"/>
              </a:avLst>
            </a:prstGeom>
            <a:solidFill>
              <a:schemeClr val="tx2">
                <a:lumMod val="25000"/>
                <a:lumOff val="75000"/>
              </a:schemeClr>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21" name="Hexagon 20">
              <a:extLst>
                <a:ext uri="{FF2B5EF4-FFF2-40B4-BE49-F238E27FC236}">
                  <a16:creationId xmlns:a16="http://schemas.microsoft.com/office/drawing/2014/main" id="{B3BA6428-CE73-651E-8534-73C3A34F854A}"/>
                </a:ext>
              </a:extLst>
            </p:cNvPr>
            <p:cNvSpPr/>
            <p:nvPr/>
          </p:nvSpPr>
          <p:spPr>
            <a:xfrm rot="16200000">
              <a:off x="5531697" y="4680988"/>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2" name="Picture 21" descr="A picture containing text, font, graphic design, brand&#10;&#10;Description automatically generated">
              <a:extLst>
                <a:ext uri="{FF2B5EF4-FFF2-40B4-BE49-F238E27FC236}">
                  <a16:creationId xmlns:a16="http://schemas.microsoft.com/office/drawing/2014/main" id="{828DEC05-6118-85E2-FE20-415C1CCB1A42}"/>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a:stretch/>
          </p:blipFill>
          <p:spPr>
            <a:xfrm>
              <a:off x="5887602" y="4873025"/>
              <a:ext cx="509626" cy="645195"/>
            </a:xfrm>
            <a:prstGeom prst="rect">
              <a:avLst/>
            </a:prstGeom>
          </p:spPr>
        </p:pic>
        <p:sp>
          <p:nvSpPr>
            <p:cNvPr id="23" name="Hexagon 22">
              <a:extLst>
                <a:ext uri="{FF2B5EF4-FFF2-40B4-BE49-F238E27FC236}">
                  <a16:creationId xmlns:a16="http://schemas.microsoft.com/office/drawing/2014/main" id="{68A7CB35-A49D-251F-E3DB-39F2751046C2}"/>
                </a:ext>
              </a:extLst>
            </p:cNvPr>
            <p:cNvSpPr/>
            <p:nvPr/>
          </p:nvSpPr>
          <p:spPr>
            <a:xfrm rot="16200000">
              <a:off x="7076489" y="4574352"/>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4" name="Arrow: Chevron 23">
              <a:extLst>
                <a:ext uri="{FF2B5EF4-FFF2-40B4-BE49-F238E27FC236}">
                  <a16:creationId xmlns:a16="http://schemas.microsoft.com/office/drawing/2014/main" id="{A1BE3A48-D75B-2783-2BA6-FBD53231AC9E}"/>
                </a:ext>
              </a:extLst>
            </p:cNvPr>
            <p:cNvSpPr/>
            <p:nvPr/>
          </p:nvSpPr>
          <p:spPr>
            <a:xfrm rot="16200000">
              <a:off x="7270313" y="5456720"/>
              <a:ext cx="974425" cy="539750"/>
            </a:xfrm>
            <a:prstGeom prst="chevron">
              <a:avLst>
                <a:gd name="adj" fmla="val 38824"/>
              </a:avLst>
            </a:prstGeom>
            <a:solidFill>
              <a:schemeClr val="tx2">
                <a:lumMod val="25000"/>
                <a:lumOff val="75000"/>
              </a:schemeClr>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25" name="Hexagon 24">
              <a:extLst>
                <a:ext uri="{FF2B5EF4-FFF2-40B4-BE49-F238E27FC236}">
                  <a16:creationId xmlns:a16="http://schemas.microsoft.com/office/drawing/2014/main" id="{E33059B6-7800-DD46-D495-A1F30D40ED06}"/>
                </a:ext>
              </a:extLst>
            </p:cNvPr>
            <p:cNvSpPr/>
            <p:nvPr/>
          </p:nvSpPr>
          <p:spPr>
            <a:xfrm rot="16200000">
              <a:off x="7171723" y="4680988"/>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26" name="Picture 25" descr="A picture containing text, font, logo, brand&#10;&#10;Description automatically generated">
              <a:extLst>
                <a:ext uri="{FF2B5EF4-FFF2-40B4-BE49-F238E27FC236}">
                  <a16:creationId xmlns:a16="http://schemas.microsoft.com/office/drawing/2014/main" id="{91436E6D-186D-E075-382E-6293F120438A}"/>
                </a:ext>
              </a:extLst>
            </p:cNvPr>
            <p:cNvPicPr>
              <a:picLocks noChangeAspect="1"/>
            </p:cNvPicPr>
            <p:nvPr/>
          </p:nvPicPr>
          <p:blipFill>
            <a:blip r:embed="rId7" cstate="screen">
              <a:extLst>
                <a:ext uri="{28A0092B-C50C-407E-A947-70E740481C1C}">
                  <a14:useLocalDpi xmlns:a14="http://schemas.microsoft.com/office/drawing/2010/main" val="0"/>
                </a:ext>
              </a:extLst>
            </a:blip>
            <a:stretch>
              <a:fillRect/>
            </a:stretch>
          </p:blipFill>
          <p:spPr>
            <a:xfrm>
              <a:off x="7317633" y="4977737"/>
              <a:ext cx="878014" cy="400615"/>
            </a:xfrm>
            <a:prstGeom prst="rect">
              <a:avLst/>
            </a:prstGeom>
          </p:spPr>
        </p:pic>
        <p:sp>
          <p:nvSpPr>
            <p:cNvPr id="27" name="Hexagon 26">
              <a:extLst>
                <a:ext uri="{FF2B5EF4-FFF2-40B4-BE49-F238E27FC236}">
                  <a16:creationId xmlns:a16="http://schemas.microsoft.com/office/drawing/2014/main" id="{0B9A7DD2-FAA5-DBF9-490A-06FAB62D7CE1}"/>
                </a:ext>
              </a:extLst>
            </p:cNvPr>
            <p:cNvSpPr/>
            <p:nvPr/>
          </p:nvSpPr>
          <p:spPr>
            <a:xfrm rot="16200000">
              <a:off x="8688143" y="4574352"/>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8" name="Arrow: Chevron 27">
              <a:extLst>
                <a:ext uri="{FF2B5EF4-FFF2-40B4-BE49-F238E27FC236}">
                  <a16:creationId xmlns:a16="http://schemas.microsoft.com/office/drawing/2014/main" id="{A4CDB521-F6FD-977F-70D0-378D67E8D95A}"/>
                </a:ext>
              </a:extLst>
            </p:cNvPr>
            <p:cNvSpPr/>
            <p:nvPr/>
          </p:nvSpPr>
          <p:spPr>
            <a:xfrm rot="16200000">
              <a:off x="8881967" y="5456720"/>
              <a:ext cx="974425" cy="539750"/>
            </a:xfrm>
            <a:prstGeom prst="chevron">
              <a:avLst>
                <a:gd name="adj" fmla="val 38824"/>
              </a:avLst>
            </a:prstGeom>
            <a:solidFill>
              <a:schemeClr val="tx2">
                <a:lumMod val="25000"/>
                <a:lumOff val="75000"/>
              </a:schemeClr>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29" name="Hexagon 28">
              <a:extLst>
                <a:ext uri="{FF2B5EF4-FFF2-40B4-BE49-F238E27FC236}">
                  <a16:creationId xmlns:a16="http://schemas.microsoft.com/office/drawing/2014/main" id="{787918A8-B23B-E519-4976-DD6143EE36A1}"/>
                </a:ext>
              </a:extLst>
            </p:cNvPr>
            <p:cNvSpPr/>
            <p:nvPr/>
          </p:nvSpPr>
          <p:spPr>
            <a:xfrm rot="16200000">
              <a:off x="8783377" y="4680988"/>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0" name="Picture 29" descr="A logo for a conference&#10;&#10;Description automatically generated with low confidence">
              <a:extLst>
                <a:ext uri="{FF2B5EF4-FFF2-40B4-BE49-F238E27FC236}">
                  <a16:creationId xmlns:a16="http://schemas.microsoft.com/office/drawing/2014/main" id="{A44153E2-15CF-6388-5885-A7BA51187F74}"/>
                </a:ext>
              </a:extLst>
            </p:cNvPr>
            <p:cNvPicPr>
              <a:picLocks noChangeAspect="1"/>
            </p:cNvPicPr>
            <p:nvPr/>
          </p:nvPicPr>
          <p:blipFill>
            <a:blip r:embed="rId8" cstate="screen">
              <a:extLst>
                <a:ext uri="{28A0092B-C50C-407E-A947-70E740481C1C}">
                  <a14:useLocalDpi xmlns:a14="http://schemas.microsoft.com/office/drawing/2010/main" val="0"/>
                </a:ext>
              </a:extLst>
            </a:blip>
            <a:stretch>
              <a:fillRect/>
            </a:stretch>
          </p:blipFill>
          <p:spPr>
            <a:xfrm>
              <a:off x="8875766" y="4952912"/>
              <a:ext cx="986825" cy="450263"/>
            </a:xfrm>
            <a:prstGeom prst="rect">
              <a:avLst/>
            </a:prstGeom>
          </p:spPr>
        </p:pic>
        <p:sp>
          <p:nvSpPr>
            <p:cNvPr id="31" name="Hexagon 30">
              <a:extLst>
                <a:ext uri="{FF2B5EF4-FFF2-40B4-BE49-F238E27FC236}">
                  <a16:creationId xmlns:a16="http://schemas.microsoft.com/office/drawing/2014/main" id="{191C7A28-7A4A-007E-B09F-62E0A6F2CA86}"/>
                </a:ext>
              </a:extLst>
            </p:cNvPr>
            <p:cNvSpPr/>
            <p:nvPr/>
          </p:nvSpPr>
          <p:spPr>
            <a:xfrm rot="16200000">
              <a:off x="10289262" y="4574352"/>
              <a:ext cx="1362076" cy="1222107"/>
            </a:xfrm>
            <a:prstGeom prst="hexagon">
              <a:avLst/>
            </a:prstGeom>
            <a:solidFill>
              <a:schemeClr val="bg1"/>
            </a:solidFill>
            <a:ln>
              <a:solidFill>
                <a:srgbClr val="A6A6A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2" name="Arrow: Chevron 31">
              <a:extLst>
                <a:ext uri="{FF2B5EF4-FFF2-40B4-BE49-F238E27FC236}">
                  <a16:creationId xmlns:a16="http://schemas.microsoft.com/office/drawing/2014/main" id="{3F6DC3CA-8103-1FCB-0D80-B3F21AB9DF19}"/>
                </a:ext>
              </a:extLst>
            </p:cNvPr>
            <p:cNvSpPr/>
            <p:nvPr/>
          </p:nvSpPr>
          <p:spPr>
            <a:xfrm rot="16200000">
              <a:off x="10483086" y="5456720"/>
              <a:ext cx="974425" cy="539750"/>
            </a:xfrm>
            <a:prstGeom prst="chevron">
              <a:avLst>
                <a:gd name="adj" fmla="val 38824"/>
              </a:avLst>
            </a:prstGeom>
            <a:solidFill>
              <a:schemeClr val="tx2">
                <a:lumMod val="25000"/>
                <a:lumOff val="75000"/>
              </a:schemeClr>
            </a:solidFill>
            <a:ln>
              <a:noFill/>
            </a:ln>
            <a:effectLst>
              <a:outerShdw blurRad="63500" sx="102000" sy="102000" algn="ctr" rotWithShape="0">
                <a:prstClr val="black">
                  <a:alpha val="5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33" name="Hexagon 32">
              <a:extLst>
                <a:ext uri="{FF2B5EF4-FFF2-40B4-BE49-F238E27FC236}">
                  <a16:creationId xmlns:a16="http://schemas.microsoft.com/office/drawing/2014/main" id="{C05A4C4A-CB0F-B09E-99F8-0754C1320DD0}"/>
                </a:ext>
              </a:extLst>
            </p:cNvPr>
            <p:cNvSpPr/>
            <p:nvPr/>
          </p:nvSpPr>
          <p:spPr>
            <a:xfrm rot="16200000">
              <a:off x="10384496" y="4680988"/>
              <a:ext cx="1171606" cy="1010005"/>
            </a:xfrm>
            <a:prstGeom prst="hexagon">
              <a:avLst/>
            </a:prstGeom>
            <a:solidFill>
              <a:schemeClr val="bg1"/>
            </a:solidFill>
            <a:ln>
              <a:noFill/>
            </a:ln>
            <a:effectLst>
              <a:outerShdw blurRad="63500" sx="102000" sy="102000" algn="ctr" rotWithShape="0">
                <a:prstClr val="black">
                  <a:alpha val="1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34" name="Picture 33" descr="A yellow line on a black background&#10;&#10;Description automatically generated with medium confidence">
              <a:extLst>
                <a:ext uri="{FF2B5EF4-FFF2-40B4-BE49-F238E27FC236}">
                  <a16:creationId xmlns:a16="http://schemas.microsoft.com/office/drawing/2014/main" id="{B0EE4391-C5FD-2100-4067-60118EBEC54E}"/>
                </a:ext>
              </a:extLst>
            </p:cNvPr>
            <p:cNvPicPr>
              <a:picLocks noChangeAspect="1"/>
            </p:cNvPicPr>
            <p:nvPr/>
          </p:nvPicPr>
          <p:blipFill rotWithShape="1">
            <a:blip r:embed="rId9" cstate="screen">
              <a:extLst>
                <a:ext uri="{28A0092B-C50C-407E-A947-70E740481C1C}">
                  <a14:useLocalDpi xmlns:a14="http://schemas.microsoft.com/office/drawing/2010/main" val="0"/>
                </a:ext>
              </a:extLst>
            </a:blip>
            <a:srcRect b="31079"/>
            <a:stretch/>
          </p:blipFill>
          <p:spPr>
            <a:xfrm>
              <a:off x="10465296" y="5026218"/>
              <a:ext cx="1010006" cy="300962"/>
            </a:xfrm>
            <a:prstGeom prst="rect">
              <a:avLst/>
            </a:prstGeom>
          </p:spPr>
        </p:pic>
        <p:sp>
          <p:nvSpPr>
            <p:cNvPr id="35" name="TextBox 34">
              <a:extLst>
                <a:ext uri="{FF2B5EF4-FFF2-40B4-BE49-F238E27FC236}">
                  <a16:creationId xmlns:a16="http://schemas.microsoft.com/office/drawing/2014/main" id="{BED3E787-D65F-82A8-3D95-15160DD3F1EF}"/>
                </a:ext>
              </a:extLst>
            </p:cNvPr>
            <p:cNvSpPr txBox="1"/>
            <p:nvPr/>
          </p:nvSpPr>
          <p:spPr>
            <a:xfrm>
              <a:off x="599587" y="6255651"/>
              <a:ext cx="1265109" cy="369332"/>
            </a:xfrm>
            <a:prstGeom prst="rect">
              <a:avLst/>
            </a:prstGeom>
            <a:noFill/>
          </p:spPr>
          <p:txBody>
            <a:bodyPr wrap="square">
              <a:spAutoFit/>
            </a:bodyPr>
            <a:lstStyle/>
            <a:p>
              <a:pPr algn="ctr"/>
              <a:r>
                <a:rPr lang="en-US" sz="900">
                  <a:solidFill>
                    <a:schemeClr val="bg1"/>
                  </a:solidFill>
                  <a:latin typeface="Roboto Medium" panose="02000000000000000000" pitchFamily="2" charset="0"/>
                  <a:ea typeface="Roboto Medium" panose="02000000000000000000" pitchFamily="2" charset="0"/>
                </a:rPr>
                <a:t>Best Results Of Learning Program</a:t>
              </a:r>
            </a:p>
          </p:txBody>
        </p:sp>
        <p:sp>
          <p:nvSpPr>
            <p:cNvPr id="36" name="TextBox 35">
              <a:extLst>
                <a:ext uri="{FF2B5EF4-FFF2-40B4-BE49-F238E27FC236}">
                  <a16:creationId xmlns:a16="http://schemas.microsoft.com/office/drawing/2014/main" id="{1DA2403A-EA9F-CBF9-FC1F-54F328DB4F3C}"/>
                </a:ext>
              </a:extLst>
            </p:cNvPr>
            <p:cNvSpPr txBox="1"/>
            <p:nvPr/>
          </p:nvSpPr>
          <p:spPr>
            <a:xfrm>
              <a:off x="2184166" y="6255651"/>
              <a:ext cx="1272560" cy="369332"/>
            </a:xfrm>
            <a:prstGeom prst="rect">
              <a:avLst/>
            </a:prstGeom>
            <a:noFill/>
          </p:spPr>
          <p:txBody>
            <a:bodyPr wrap="square">
              <a:spAutoFit/>
            </a:bodyPr>
            <a:lstStyle/>
            <a:p>
              <a:pPr algn="ctr"/>
              <a:r>
                <a:rPr lang="en-US" sz="900">
                  <a:solidFill>
                    <a:schemeClr val="bg1"/>
                  </a:solidFill>
                  <a:latin typeface="Roboto Medium" panose="02000000000000000000" pitchFamily="2" charset="0"/>
                  <a:ea typeface="Roboto Medium" panose="02000000000000000000" pitchFamily="2" charset="0"/>
                </a:rPr>
                <a:t>Brandon Hall Awards for Excellence</a:t>
              </a:r>
            </a:p>
          </p:txBody>
        </p:sp>
        <p:sp>
          <p:nvSpPr>
            <p:cNvPr id="37" name="TextBox 36">
              <a:extLst>
                <a:ext uri="{FF2B5EF4-FFF2-40B4-BE49-F238E27FC236}">
                  <a16:creationId xmlns:a16="http://schemas.microsoft.com/office/drawing/2014/main" id="{683D9CF5-A8B8-4F93-73F3-D8D30BC60246}"/>
                </a:ext>
              </a:extLst>
            </p:cNvPr>
            <p:cNvSpPr txBox="1"/>
            <p:nvPr/>
          </p:nvSpPr>
          <p:spPr>
            <a:xfrm>
              <a:off x="3873452" y="6255651"/>
              <a:ext cx="1150100" cy="369332"/>
            </a:xfrm>
            <a:prstGeom prst="rect">
              <a:avLst/>
            </a:prstGeom>
            <a:noFill/>
          </p:spPr>
          <p:txBody>
            <a:bodyPr wrap="square">
              <a:spAutoFit/>
            </a:bodyPr>
            <a:lstStyle/>
            <a:p>
              <a:pPr algn="ctr"/>
              <a:r>
                <a:rPr lang="en-US" sz="900">
                  <a:solidFill>
                    <a:schemeClr val="bg1"/>
                  </a:solidFill>
                  <a:latin typeface="Roboto Medium" panose="02000000000000000000" pitchFamily="2" charset="0"/>
                  <a:ea typeface="Roboto Medium" panose="02000000000000000000" pitchFamily="2" charset="0"/>
                </a:rPr>
                <a:t>Top 20 Learning Portal Company</a:t>
              </a:r>
            </a:p>
          </p:txBody>
        </p:sp>
        <p:sp>
          <p:nvSpPr>
            <p:cNvPr id="38" name="TextBox 37">
              <a:extLst>
                <a:ext uri="{FF2B5EF4-FFF2-40B4-BE49-F238E27FC236}">
                  <a16:creationId xmlns:a16="http://schemas.microsoft.com/office/drawing/2014/main" id="{56DBB0E2-5CCF-DF4E-280E-74AA812330BE}"/>
                </a:ext>
              </a:extLst>
            </p:cNvPr>
            <p:cNvSpPr txBox="1"/>
            <p:nvPr/>
          </p:nvSpPr>
          <p:spPr>
            <a:xfrm>
              <a:off x="5469731" y="6255651"/>
              <a:ext cx="1265109" cy="369332"/>
            </a:xfrm>
            <a:prstGeom prst="rect">
              <a:avLst/>
            </a:prstGeom>
            <a:noFill/>
          </p:spPr>
          <p:txBody>
            <a:bodyPr wrap="square">
              <a:spAutoFit/>
            </a:bodyPr>
            <a:lstStyle/>
            <a:p>
              <a:pPr algn="ctr"/>
              <a:r>
                <a:rPr lang="en-US" sz="900">
                  <a:solidFill>
                    <a:schemeClr val="bg1"/>
                  </a:solidFill>
                  <a:latin typeface="Roboto Medium" panose="02000000000000000000" pitchFamily="2" charset="0"/>
                  <a:ea typeface="Roboto Medium" panose="02000000000000000000" pitchFamily="2" charset="0"/>
                </a:rPr>
                <a:t>Top 100 Digital Content Company</a:t>
              </a:r>
            </a:p>
          </p:txBody>
        </p:sp>
        <p:sp>
          <p:nvSpPr>
            <p:cNvPr id="39" name="TextBox 38">
              <a:extLst>
                <a:ext uri="{FF2B5EF4-FFF2-40B4-BE49-F238E27FC236}">
                  <a16:creationId xmlns:a16="http://schemas.microsoft.com/office/drawing/2014/main" id="{0EDDB094-46CD-7808-2C5F-49842D87604B}"/>
                </a:ext>
              </a:extLst>
            </p:cNvPr>
            <p:cNvSpPr txBox="1"/>
            <p:nvPr/>
          </p:nvSpPr>
          <p:spPr>
            <a:xfrm>
              <a:off x="8722215" y="6255651"/>
              <a:ext cx="1293925" cy="369332"/>
            </a:xfrm>
            <a:prstGeom prst="rect">
              <a:avLst/>
            </a:prstGeom>
            <a:noFill/>
          </p:spPr>
          <p:txBody>
            <a:bodyPr wrap="square">
              <a:spAutoFit/>
            </a:bodyPr>
            <a:lstStyle/>
            <a:p>
              <a:pPr algn="ctr"/>
              <a:r>
                <a:rPr lang="en-US" sz="900">
                  <a:solidFill>
                    <a:schemeClr val="bg1"/>
                  </a:solidFill>
                  <a:latin typeface="Roboto Medium" panose="02000000000000000000" pitchFamily="2" charset="0"/>
                  <a:ea typeface="Roboto Medium" panose="02000000000000000000" pitchFamily="2" charset="0"/>
                </a:rPr>
                <a:t>Best Education &amp;Training Campaigns</a:t>
              </a:r>
            </a:p>
          </p:txBody>
        </p:sp>
        <p:sp>
          <p:nvSpPr>
            <p:cNvPr id="40" name="TextBox 39">
              <a:extLst>
                <a:ext uri="{FF2B5EF4-FFF2-40B4-BE49-F238E27FC236}">
                  <a16:creationId xmlns:a16="http://schemas.microsoft.com/office/drawing/2014/main" id="{F96C11A5-275C-AB27-19F2-FB3BFECCB6AF}"/>
                </a:ext>
              </a:extLst>
            </p:cNvPr>
            <p:cNvSpPr txBox="1"/>
            <p:nvPr/>
          </p:nvSpPr>
          <p:spPr>
            <a:xfrm>
              <a:off x="10337745" y="6255651"/>
              <a:ext cx="1265109" cy="369332"/>
            </a:xfrm>
            <a:prstGeom prst="rect">
              <a:avLst/>
            </a:prstGeom>
            <a:noFill/>
          </p:spPr>
          <p:txBody>
            <a:bodyPr wrap="square">
              <a:spAutoFit/>
            </a:bodyPr>
            <a:lstStyle/>
            <a:p>
              <a:pPr algn="ctr"/>
              <a:r>
                <a:rPr lang="en-US" sz="900">
                  <a:solidFill>
                    <a:schemeClr val="bg1"/>
                  </a:solidFill>
                  <a:latin typeface="Roboto Medium" panose="02000000000000000000" pitchFamily="2" charset="0"/>
                  <a:ea typeface="Roboto Medium" panose="02000000000000000000" pitchFamily="2" charset="0"/>
                </a:rPr>
                <a:t>Learning In Practice Award: Silver</a:t>
              </a:r>
            </a:p>
          </p:txBody>
        </p:sp>
        <p:sp>
          <p:nvSpPr>
            <p:cNvPr id="41" name="Rectangle 40">
              <a:extLst>
                <a:ext uri="{FF2B5EF4-FFF2-40B4-BE49-F238E27FC236}">
                  <a16:creationId xmlns:a16="http://schemas.microsoft.com/office/drawing/2014/main" id="{C157187C-59E4-0B38-6D2B-FCB6C05B835F}"/>
                </a:ext>
              </a:extLst>
            </p:cNvPr>
            <p:cNvSpPr/>
            <p:nvPr/>
          </p:nvSpPr>
          <p:spPr>
            <a:xfrm>
              <a:off x="955825" y="2767477"/>
              <a:ext cx="1113294" cy="642648"/>
            </a:xfrm>
            <a:prstGeom prst="rect">
              <a:avLst/>
            </a:prstGeom>
            <a:solidFill>
              <a:srgbClr val="01597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2" name="Rectangle 41">
              <a:extLst>
                <a:ext uri="{FF2B5EF4-FFF2-40B4-BE49-F238E27FC236}">
                  <a16:creationId xmlns:a16="http://schemas.microsoft.com/office/drawing/2014/main" id="{A155171F-7408-F8E7-2022-2B729F22AD2A}"/>
                </a:ext>
              </a:extLst>
            </p:cNvPr>
            <p:cNvSpPr/>
            <p:nvPr/>
          </p:nvSpPr>
          <p:spPr>
            <a:xfrm>
              <a:off x="2067189" y="2761065"/>
              <a:ext cx="2067698" cy="642648"/>
            </a:xfrm>
            <a:prstGeom prst="rect">
              <a:avLst/>
            </a:prstGeom>
            <a:solidFill>
              <a:schemeClr val="bg1"/>
            </a:solidFill>
            <a:ln>
              <a:noFill/>
            </a:ln>
            <a:effectLst>
              <a:outerShdw blurRad="241300" sx="104000" sy="104000" algn="ctr"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3" name="Rectangle 42">
              <a:extLst>
                <a:ext uri="{FF2B5EF4-FFF2-40B4-BE49-F238E27FC236}">
                  <a16:creationId xmlns:a16="http://schemas.microsoft.com/office/drawing/2014/main" id="{94292C60-F0AA-F9BD-578B-987CDA0DFE80}"/>
                </a:ext>
              </a:extLst>
            </p:cNvPr>
            <p:cNvSpPr/>
            <p:nvPr/>
          </p:nvSpPr>
          <p:spPr>
            <a:xfrm>
              <a:off x="4510303" y="2771442"/>
              <a:ext cx="1114110" cy="639564"/>
            </a:xfrm>
            <a:prstGeom prst="rect">
              <a:avLst/>
            </a:prstGeom>
            <a:solidFill>
              <a:srgbClr val="5767B4"/>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4" name="Rectangle 43">
              <a:extLst>
                <a:ext uri="{FF2B5EF4-FFF2-40B4-BE49-F238E27FC236}">
                  <a16:creationId xmlns:a16="http://schemas.microsoft.com/office/drawing/2014/main" id="{22FE5C46-F7E2-2990-C68C-925632465EA5}"/>
                </a:ext>
              </a:extLst>
            </p:cNvPr>
            <p:cNvSpPr/>
            <p:nvPr/>
          </p:nvSpPr>
          <p:spPr>
            <a:xfrm>
              <a:off x="5613133" y="2760183"/>
              <a:ext cx="2067701" cy="642649"/>
            </a:xfrm>
            <a:prstGeom prst="rect">
              <a:avLst/>
            </a:prstGeom>
            <a:solidFill>
              <a:schemeClr val="bg1"/>
            </a:solidFill>
            <a:ln>
              <a:noFill/>
            </a:ln>
            <a:effectLst>
              <a:outerShdw blurRad="241300" sx="104000" sy="104000" algn="ctr"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5" name="Rectangle 44">
              <a:extLst>
                <a:ext uri="{FF2B5EF4-FFF2-40B4-BE49-F238E27FC236}">
                  <a16:creationId xmlns:a16="http://schemas.microsoft.com/office/drawing/2014/main" id="{7B1B3B60-19EE-0D6E-41BC-4CAB62827CCE}"/>
                </a:ext>
              </a:extLst>
            </p:cNvPr>
            <p:cNvSpPr/>
            <p:nvPr/>
          </p:nvSpPr>
          <p:spPr>
            <a:xfrm>
              <a:off x="9168475" y="2761066"/>
              <a:ext cx="2067701" cy="642645"/>
            </a:xfrm>
            <a:prstGeom prst="rect">
              <a:avLst/>
            </a:prstGeom>
            <a:solidFill>
              <a:schemeClr val="bg1"/>
            </a:solidFill>
            <a:ln>
              <a:noFill/>
            </a:ln>
            <a:effectLst>
              <a:outerShdw blurRad="241300" sx="104000" sy="104000" algn="ctr" rotWithShape="0">
                <a:prstClr val="black">
                  <a:alpha val="12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6" name="Rectangle 45">
              <a:extLst>
                <a:ext uri="{FF2B5EF4-FFF2-40B4-BE49-F238E27FC236}">
                  <a16:creationId xmlns:a16="http://schemas.microsoft.com/office/drawing/2014/main" id="{67FFD75C-1AC4-A170-51C1-03024768E320}"/>
                </a:ext>
              </a:extLst>
            </p:cNvPr>
            <p:cNvSpPr/>
            <p:nvPr/>
          </p:nvSpPr>
          <p:spPr>
            <a:xfrm>
              <a:off x="8064203" y="2767477"/>
              <a:ext cx="1114110" cy="642645"/>
            </a:xfrm>
            <a:prstGeom prst="rect">
              <a:avLst/>
            </a:prstGeom>
            <a:solidFill>
              <a:srgbClr val="4BACC6"/>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7" name="TextBox 46">
              <a:extLst>
                <a:ext uri="{FF2B5EF4-FFF2-40B4-BE49-F238E27FC236}">
                  <a16:creationId xmlns:a16="http://schemas.microsoft.com/office/drawing/2014/main" id="{C06632F0-EC9F-E8F4-9133-C6742D826685}"/>
                </a:ext>
              </a:extLst>
            </p:cNvPr>
            <p:cNvSpPr txBox="1"/>
            <p:nvPr/>
          </p:nvSpPr>
          <p:spPr>
            <a:xfrm>
              <a:off x="7015085" y="6255651"/>
              <a:ext cx="1483110" cy="369332"/>
            </a:xfrm>
            <a:prstGeom prst="rect">
              <a:avLst/>
            </a:prstGeom>
            <a:noFill/>
          </p:spPr>
          <p:txBody>
            <a:bodyPr wrap="square">
              <a:spAutoFit/>
            </a:bodyPr>
            <a:lstStyle/>
            <a:p>
              <a:pPr algn="ctr"/>
              <a:r>
                <a:rPr lang="en-US" sz="900">
                  <a:solidFill>
                    <a:schemeClr val="bg1"/>
                  </a:solidFill>
                  <a:latin typeface="Roboto Medium" panose="02000000000000000000" pitchFamily="2" charset="0"/>
                  <a:ea typeface="Roboto Medium" panose="02000000000000000000" pitchFamily="2" charset="0"/>
                </a:rPr>
                <a:t>Top 100 </a:t>
              </a:r>
              <a:r>
                <a:rPr lang="en-IN" sz="900">
                  <a:solidFill>
                    <a:schemeClr val="bg1"/>
                  </a:solidFill>
                  <a:latin typeface="Roboto Medium" panose="02000000000000000000" pitchFamily="2" charset="0"/>
                  <a:ea typeface="Roboto Medium" panose="02000000000000000000" pitchFamily="2" charset="0"/>
                </a:rPr>
                <a:t>Global Outsourcing Company</a:t>
              </a:r>
            </a:p>
          </p:txBody>
        </p:sp>
        <p:sp>
          <p:nvSpPr>
            <p:cNvPr id="48" name="TextBox 47">
              <a:extLst>
                <a:ext uri="{FF2B5EF4-FFF2-40B4-BE49-F238E27FC236}">
                  <a16:creationId xmlns:a16="http://schemas.microsoft.com/office/drawing/2014/main" id="{AB931BC9-8B91-298B-5F68-C3C411CFA207}"/>
                </a:ext>
              </a:extLst>
            </p:cNvPr>
            <p:cNvSpPr txBox="1"/>
            <p:nvPr/>
          </p:nvSpPr>
          <p:spPr>
            <a:xfrm>
              <a:off x="4134887" y="3530851"/>
              <a:ext cx="3922226" cy="920252"/>
            </a:xfrm>
            <a:prstGeom prst="rect">
              <a:avLst/>
            </a:prstGeom>
            <a:noFill/>
          </p:spPr>
          <p:txBody>
            <a:bodyPr wrap="square">
              <a:spAutoFit/>
            </a:bodyPr>
            <a:lstStyle/>
            <a:p>
              <a:pPr algn="ctr">
                <a:lnSpc>
                  <a:spcPct val="150000"/>
                </a:lnSpc>
              </a:pPr>
              <a:r>
                <a:rPr lang="en-US" sz="4000" spc="600">
                  <a:solidFill>
                    <a:srgbClr val="3C73C4">
                      <a:alpha val="50000"/>
                    </a:srgbClr>
                  </a:solidFill>
                  <a:latin typeface="ITC Avant Garde Pro Bk" panose="020B0502020202020204" pitchFamily="34" charset="0"/>
                  <a:ea typeface="Roboto Condensed Light" panose="02000000000000000000" pitchFamily="2" charset="0"/>
                </a:rPr>
                <a:t>HIGHLIGHTS</a:t>
              </a:r>
              <a:endParaRPr lang="en-IN" sz="4000" spc="600">
                <a:solidFill>
                  <a:srgbClr val="3C73C4">
                    <a:alpha val="50000"/>
                  </a:srgbClr>
                </a:solidFill>
                <a:latin typeface="ITC Avant Garde Pro Bk" panose="020B0502020202020204" pitchFamily="34" charset="0"/>
                <a:ea typeface="Roboto Condensed Light" panose="02000000000000000000" pitchFamily="2" charset="0"/>
              </a:endParaRPr>
            </a:p>
          </p:txBody>
        </p:sp>
        <p:grpSp>
          <p:nvGrpSpPr>
            <p:cNvPr id="49" name="Graphic 50">
              <a:extLst>
                <a:ext uri="{FF2B5EF4-FFF2-40B4-BE49-F238E27FC236}">
                  <a16:creationId xmlns:a16="http://schemas.microsoft.com/office/drawing/2014/main" id="{2F641C54-FA50-57FA-AF8B-3F22D871CAB0}"/>
                </a:ext>
              </a:extLst>
            </p:cNvPr>
            <p:cNvGrpSpPr>
              <a:grpSpLocks noChangeAspect="1"/>
            </p:cNvGrpSpPr>
            <p:nvPr/>
          </p:nvGrpSpPr>
          <p:grpSpPr>
            <a:xfrm>
              <a:off x="2511144" y="2837740"/>
              <a:ext cx="1231323" cy="468455"/>
              <a:chOff x="2829745" y="2998137"/>
              <a:chExt cx="1017621" cy="387153"/>
            </a:xfrm>
            <a:solidFill>
              <a:srgbClr val="01567A"/>
            </a:solidFill>
          </p:grpSpPr>
          <p:sp>
            <p:nvSpPr>
              <p:cNvPr id="63" name="Freeform: Shape 62">
                <a:extLst>
                  <a:ext uri="{FF2B5EF4-FFF2-40B4-BE49-F238E27FC236}">
                    <a16:creationId xmlns:a16="http://schemas.microsoft.com/office/drawing/2014/main" id="{551F0C75-6970-867A-3EDF-0EE701C4B6AA}"/>
                  </a:ext>
                </a:extLst>
              </p:cNvPr>
              <p:cNvSpPr/>
              <p:nvPr/>
            </p:nvSpPr>
            <p:spPr>
              <a:xfrm>
                <a:off x="2831176" y="2998137"/>
                <a:ext cx="1010030" cy="107343"/>
              </a:xfrm>
              <a:custGeom>
                <a:avLst/>
                <a:gdLst>
                  <a:gd name="connsiteX0" fmla="*/ 991859 w 1010030"/>
                  <a:gd name="connsiteY0" fmla="*/ 60113 h 107343"/>
                  <a:gd name="connsiteX1" fmla="*/ 989712 w 1010030"/>
                  <a:gd name="connsiteY1" fmla="*/ 64406 h 107343"/>
                  <a:gd name="connsiteX2" fmla="*/ 985419 w 1010030"/>
                  <a:gd name="connsiteY2" fmla="*/ 67269 h 107343"/>
                  <a:gd name="connsiteX3" fmla="*/ 979693 w 1010030"/>
                  <a:gd name="connsiteY3" fmla="*/ 68700 h 107343"/>
                  <a:gd name="connsiteX4" fmla="*/ 973969 w 1010030"/>
                  <a:gd name="connsiteY4" fmla="*/ 67269 h 107343"/>
                  <a:gd name="connsiteX5" fmla="*/ 969675 w 1010030"/>
                  <a:gd name="connsiteY5" fmla="*/ 64406 h 107343"/>
                  <a:gd name="connsiteX6" fmla="*/ 966812 w 1010030"/>
                  <a:gd name="connsiteY6" fmla="*/ 60113 h 107343"/>
                  <a:gd name="connsiteX7" fmla="*/ 966097 w 1010030"/>
                  <a:gd name="connsiteY7" fmla="*/ 55103 h 107343"/>
                  <a:gd name="connsiteX8" fmla="*/ 966812 w 1010030"/>
                  <a:gd name="connsiteY8" fmla="*/ 50094 h 107343"/>
                  <a:gd name="connsiteX9" fmla="*/ 969675 w 1010030"/>
                  <a:gd name="connsiteY9" fmla="*/ 45800 h 107343"/>
                  <a:gd name="connsiteX10" fmla="*/ 973969 w 1010030"/>
                  <a:gd name="connsiteY10" fmla="*/ 42938 h 107343"/>
                  <a:gd name="connsiteX11" fmla="*/ 979693 w 1010030"/>
                  <a:gd name="connsiteY11" fmla="*/ 41506 h 107343"/>
                  <a:gd name="connsiteX12" fmla="*/ 985419 w 1010030"/>
                  <a:gd name="connsiteY12" fmla="*/ 42938 h 107343"/>
                  <a:gd name="connsiteX13" fmla="*/ 989712 w 1010030"/>
                  <a:gd name="connsiteY13" fmla="*/ 45800 h 107343"/>
                  <a:gd name="connsiteX14" fmla="*/ 991859 w 1010030"/>
                  <a:gd name="connsiteY14" fmla="*/ 50094 h 107343"/>
                  <a:gd name="connsiteX15" fmla="*/ 992575 w 1010030"/>
                  <a:gd name="connsiteY15" fmla="*/ 55103 h 107343"/>
                  <a:gd name="connsiteX16" fmla="*/ 991859 w 1010030"/>
                  <a:gd name="connsiteY16" fmla="*/ 60113 h 107343"/>
                  <a:gd name="connsiteX17" fmla="*/ 1008319 w 1010030"/>
                  <a:gd name="connsiteY17" fmla="*/ 44369 h 107343"/>
                  <a:gd name="connsiteX18" fmla="*/ 1003309 w 1010030"/>
                  <a:gd name="connsiteY18" fmla="*/ 35066 h 107343"/>
                  <a:gd name="connsiteX19" fmla="*/ 995437 w 1010030"/>
                  <a:gd name="connsiteY19" fmla="*/ 28625 h 107343"/>
                  <a:gd name="connsiteX20" fmla="*/ 984703 w 1010030"/>
                  <a:gd name="connsiteY20" fmla="*/ 26478 h 107343"/>
                  <a:gd name="connsiteX21" fmla="*/ 974684 w 1010030"/>
                  <a:gd name="connsiteY21" fmla="*/ 28625 h 107343"/>
                  <a:gd name="connsiteX22" fmla="*/ 967528 w 1010030"/>
                  <a:gd name="connsiteY22" fmla="*/ 34350 h 107343"/>
                  <a:gd name="connsiteX23" fmla="*/ 967528 w 1010030"/>
                  <a:gd name="connsiteY23" fmla="*/ 34350 h 107343"/>
                  <a:gd name="connsiteX24" fmla="*/ 967528 w 1010030"/>
                  <a:gd name="connsiteY24" fmla="*/ 27909 h 107343"/>
                  <a:gd name="connsiteX25" fmla="*/ 950353 w 1010030"/>
                  <a:gd name="connsiteY25" fmla="*/ 27909 h 107343"/>
                  <a:gd name="connsiteX26" fmla="*/ 950353 w 1010030"/>
                  <a:gd name="connsiteY26" fmla="*/ 107344 h 107343"/>
                  <a:gd name="connsiteX27" fmla="*/ 968244 w 1010030"/>
                  <a:gd name="connsiteY27" fmla="*/ 107344 h 107343"/>
                  <a:gd name="connsiteX28" fmla="*/ 968244 w 1010030"/>
                  <a:gd name="connsiteY28" fmla="*/ 75856 h 107343"/>
                  <a:gd name="connsiteX29" fmla="*/ 968244 w 1010030"/>
                  <a:gd name="connsiteY29" fmla="*/ 75856 h 107343"/>
                  <a:gd name="connsiteX30" fmla="*/ 975400 w 1010030"/>
                  <a:gd name="connsiteY30" fmla="*/ 81581 h 107343"/>
                  <a:gd name="connsiteX31" fmla="*/ 984703 w 1010030"/>
                  <a:gd name="connsiteY31" fmla="*/ 83728 h 107343"/>
                  <a:gd name="connsiteX32" fmla="*/ 995437 w 1010030"/>
                  <a:gd name="connsiteY32" fmla="*/ 81581 h 107343"/>
                  <a:gd name="connsiteX33" fmla="*/ 1003309 w 1010030"/>
                  <a:gd name="connsiteY33" fmla="*/ 75141 h 107343"/>
                  <a:gd name="connsiteX34" fmla="*/ 1008319 w 1010030"/>
                  <a:gd name="connsiteY34" fmla="*/ 65838 h 107343"/>
                  <a:gd name="connsiteX35" fmla="*/ 1009750 w 1010030"/>
                  <a:gd name="connsiteY35" fmla="*/ 55103 h 107343"/>
                  <a:gd name="connsiteX36" fmla="*/ 1008319 w 1010030"/>
                  <a:gd name="connsiteY36" fmla="*/ 44369 h 107343"/>
                  <a:gd name="connsiteX37" fmla="*/ 936756 w 1010030"/>
                  <a:gd name="connsiteY37" fmla="*/ 81581 h 107343"/>
                  <a:gd name="connsiteX38" fmla="*/ 936756 w 1010030"/>
                  <a:gd name="connsiteY38" fmla="*/ 27909 h 107343"/>
                  <a:gd name="connsiteX39" fmla="*/ 918865 w 1010030"/>
                  <a:gd name="connsiteY39" fmla="*/ 27909 h 107343"/>
                  <a:gd name="connsiteX40" fmla="*/ 918865 w 1010030"/>
                  <a:gd name="connsiteY40" fmla="*/ 57250 h 107343"/>
                  <a:gd name="connsiteX41" fmla="*/ 916718 w 1010030"/>
                  <a:gd name="connsiteY41" fmla="*/ 65122 h 107343"/>
                  <a:gd name="connsiteX42" fmla="*/ 909562 w 1010030"/>
                  <a:gd name="connsiteY42" fmla="*/ 68700 h 107343"/>
                  <a:gd name="connsiteX43" fmla="*/ 905268 w 1010030"/>
                  <a:gd name="connsiteY43" fmla="*/ 67985 h 107343"/>
                  <a:gd name="connsiteX44" fmla="*/ 903121 w 1010030"/>
                  <a:gd name="connsiteY44" fmla="*/ 65122 h 107343"/>
                  <a:gd name="connsiteX45" fmla="*/ 901690 w 1010030"/>
                  <a:gd name="connsiteY45" fmla="*/ 61544 h 107343"/>
                  <a:gd name="connsiteX46" fmla="*/ 901690 w 1010030"/>
                  <a:gd name="connsiteY46" fmla="*/ 57250 h 107343"/>
                  <a:gd name="connsiteX47" fmla="*/ 901690 w 1010030"/>
                  <a:gd name="connsiteY47" fmla="*/ 27909 h 107343"/>
                  <a:gd name="connsiteX48" fmla="*/ 883800 w 1010030"/>
                  <a:gd name="connsiteY48" fmla="*/ 27909 h 107343"/>
                  <a:gd name="connsiteX49" fmla="*/ 883800 w 1010030"/>
                  <a:gd name="connsiteY49" fmla="*/ 60828 h 107343"/>
                  <a:gd name="connsiteX50" fmla="*/ 884515 w 1010030"/>
                  <a:gd name="connsiteY50" fmla="*/ 68700 h 107343"/>
                  <a:gd name="connsiteX51" fmla="*/ 888093 w 1010030"/>
                  <a:gd name="connsiteY51" fmla="*/ 75856 h 107343"/>
                  <a:gd name="connsiteX52" fmla="*/ 893818 w 1010030"/>
                  <a:gd name="connsiteY52" fmla="*/ 80866 h 107343"/>
                  <a:gd name="connsiteX53" fmla="*/ 903121 w 1010030"/>
                  <a:gd name="connsiteY53" fmla="*/ 83013 h 107343"/>
                  <a:gd name="connsiteX54" fmla="*/ 908131 w 1010030"/>
                  <a:gd name="connsiteY54" fmla="*/ 82297 h 107343"/>
                  <a:gd name="connsiteX55" fmla="*/ 912425 w 1010030"/>
                  <a:gd name="connsiteY55" fmla="*/ 80150 h 107343"/>
                  <a:gd name="connsiteX56" fmla="*/ 916003 w 1010030"/>
                  <a:gd name="connsiteY56" fmla="*/ 77288 h 107343"/>
                  <a:gd name="connsiteX57" fmla="*/ 918865 w 1010030"/>
                  <a:gd name="connsiteY57" fmla="*/ 73710 h 107343"/>
                  <a:gd name="connsiteX58" fmla="*/ 918865 w 1010030"/>
                  <a:gd name="connsiteY58" fmla="*/ 73710 h 107343"/>
                  <a:gd name="connsiteX59" fmla="*/ 918865 w 1010030"/>
                  <a:gd name="connsiteY59" fmla="*/ 80866 h 107343"/>
                  <a:gd name="connsiteX60" fmla="*/ 936756 w 1010030"/>
                  <a:gd name="connsiteY60" fmla="*/ 81581 h 107343"/>
                  <a:gd name="connsiteX61" fmla="*/ 936756 w 1010030"/>
                  <a:gd name="connsiteY61" fmla="*/ 81581 h 107343"/>
                  <a:gd name="connsiteX62" fmla="*/ 855174 w 1010030"/>
                  <a:gd name="connsiteY62" fmla="*/ 60113 h 107343"/>
                  <a:gd name="connsiteX63" fmla="*/ 853028 w 1010030"/>
                  <a:gd name="connsiteY63" fmla="*/ 64406 h 107343"/>
                  <a:gd name="connsiteX64" fmla="*/ 848734 w 1010030"/>
                  <a:gd name="connsiteY64" fmla="*/ 67269 h 107343"/>
                  <a:gd name="connsiteX65" fmla="*/ 843009 w 1010030"/>
                  <a:gd name="connsiteY65" fmla="*/ 68700 h 107343"/>
                  <a:gd name="connsiteX66" fmla="*/ 837284 w 1010030"/>
                  <a:gd name="connsiteY66" fmla="*/ 67269 h 107343"/>
                  <a:gd name="connsiteX67" fmla="*/ 832990 w 1010030"/>
                  <a:gd name="connsiteY67" fmla="*/ 64406 h 107343"/>
                  <a:gd name="connsiteX68" fmla="*/ 830843 w 1010030"/>
                  <a:gd name="connsiteY68" fmla="*/ 60113 h 107343"/>
                  <a:gd name="connsiteX69" fmla="*/ 830127 w 1010030"/>
                  <a:gd name="connsiteY69" fmla="*/ 55103 h 107343"/>
                  <a:gd name="connsiteX70" fmla="*/ 830843 w 1010030"/>
                  <a:gd name="connsiteY70" fmla="*/ 50094 h 107343"/>
                  <a:gd name="connsiteX71" fmla="*/ 832990 w 1010030"/>
                  <a:gd name="connsiteY71" fmla="*/ 45800 h 107343"/>
                  <a:gd name="connsiteX72" fmla="*/ 837284 w 1010030"/>
                  <a:gd name="connsiteY72" fmla="*/ 42938 h 107343"/>
                  <a:gd name="connsiteX73" fmla="*/ 843009 w 1010030"/>
                  <a:gd name="connsiteY73" fmla="*/ 41506 h 107343"/>
                  <a:gd name="connsiteX74" fmla="*/ 848734 w 1010030"/>
                  <a:gd name="connsiteY74" fmla="*/ 42938 h 107343"/>
                  <a:gd name="connsiteX75" fmla="*/ 853028 w 1010030"/>
                  <a:gd name="connsiteY75" fmla="*/ 45800 h 107343"/>
                  <a:gd name="connsiteX76" fmla="*/ 855174 w 1010030"/>
                  <a:gd name="connsiteY76" fmla="*/ 50094 h 107343"/>
                  <a:gd name="connsiteX77" fmla="*/ 855890 w 1010030"/>
                  <a:gd name="connsiteY77" fmla="*/ 55103 h 107343"/>
                  <a:gd name="connsiteX78" fmla="*/ 855174 w 1010030"/>
                  <a:gd name="connsiteY78" fmla="*/ 60113 h 107343"/>
                  <a:gd name="connsiteX79" fmla="*/ 870203 w 1010030"/>
                  <a:gd name="connsiteY79" fmla="*/ 42938 h 107343"/>
                  <a:gd name="connsiteX80" fmla="*/ 863762 w 1010030"/>
                  <a:gd name="connsiteY80" fmla="*/ 33634 h 107343"/>
                  <a:gd name="connsiteX81" fmla="*/ 854459 w 1010030"/>
                  <a:gd name="connsiteY81" fmla="*/ 27909 h 107343"/>
                  <a:gd name="connsiteX82" fmla="*/ 843009 w 1010030"/>
                  <a:gd name="connsiteY82" fmla="*/ 25763 h 107343"/>
                  <a:gd name="connsiteX83" fmla="*/ 831559 w 1010030"/>
                  <a:gd name="connsiteY83" fmla="*/ 27909 h 107343"/>
                  <a:gd name="connsiteX84" fmla="*/ 822256 w 1010030"/>
                  <a:gd name="connsiteY84" fmla="*/ 33634 h 107343"/>
                  <a:gd name="connsiteX85" fmla="*/ 815815 w 1010030"/>
                  <a:gd name="connsiteY85" fmla="*/ 42938 h 107343"/>
                  <a:gd name="connsiteX86" fmla="*/ 813668 w 1010030"/>
                  <a:gd name="connsiteY86" fmla="*/ 55103 h 107343"/>
                  <a:gd name="connsiteX87" fmla="*/ 815815 w 1010030"/>
                  <a:gd name="connsiteY87" fmla="*/ 67269 h 107343"/>
                  <a:gd name="connsiteX88" fmla="*/ 822256 w 1010030"/>
                  <a:gd name="connsiteY88" fmla="*/ 76572 h 107343"/>
                  <a:gd name="connsiteX89" fmla="*/ 831559 w 1010030"/>
                  <a:gd name="connsiteY89" fmla="*/ 82297 h 107343"/>
                  <a:gd name="connsiteX90" fmla="*/ 843009 w 1010030"/>
                  <a:gd name="connsiteY90" fmla="*/ 84444 h 107343"/>
                  <a:gd name="connsiteX91" fmla="*/ 854459 w 1010030"/>
                  <a:gd name="connsiteY91" fmla="*/ 82297 h 107343"/>
                  <a:gd name="connsiteX92" fmla="*/ 863762 w 1010030"/>
                  <a:gd name="connsiteY92" fmla="*/ 76572 h 107343"/>
                  <a:gd name="connsiteX93" fmla="*/ 870203 w 1010030"/>
                  <a:gd name="connsiteY93" fmla="*/ 67269 h 107343"/>
                  <a:gd name="connsiteX94" fmla="*/ 872349 w 1010030"/>
                  <a:gd name="connsiteY94" fmla="*/ 55103 h 107343"/>
                  <a:gd name="connsiteX95" fmla="*/ 870203 w 1010030"/>
                  <a:gd name="connsiteY95" fmla="*/ 42938 h 107343"/>
                  <a:gd name="connsiteX96" fmla="*/ 808659 w 1010030"/>
                  <a:gd name="connsiteY96" fmla="*/ 27194 h 107343"/>
                  <a:gd name="connsiteX97" fmla="*/ 807227 w 1010030"/>
                  <a:gd name="connsiteY97" fmla="*/ 27194 h 107343"/>
                  <a:gd name="connsiteX98" fmla="*/ 805081 w 1010030"/>
                  <a:gd name="connsiteY98" fmla="*/ 27194 h 107343"/>
                  <a:gd name="connsiteX99" fmla="*/ 796493 w 1010030"/>
                  <a:gd name="connsiteY99" fmla="*/ 30056 h 107343"/>
                  <a:gd name="connsiteX100" fmla="*/ 790768 w 1010030"/>
                  <a:gd name="connsiteY100" fmla="*/ 36497 h 107343"/>
                  <a:gd name="connsiteX101" fmla="*/ 790768 w 1010030"/>
                  <a:gd name="connsiteY101" fmla="*/ 36497 h 107343"/>
                  <a:gd name="connsiteX102" fmla="*/ 790768 w 1010030"/>
                  <a:gd name="connsiteY102" fmla="*/ 27909 h 107343"/>
                  <a:gd name="connsiteX103" fmla="*/ 772877 w 1010030"/>
                  <a:gd name="connsiteY103" fmla="*/ 27909 h 107343"/>
                  <a:gd name="connsiteX104" fmla="*/ 772877 w 1010030"/>
                  <a:gd name="connsiteY104" fmla="*/ 81581 h 107343"/>
                  <a:gd name="connsiteX105" fmla="*/ 790768 w 1010030"/>
                  <a:gd name="connsiteY105" fmla="*/ 81581 h 107343"/>
                  <a:gd name="connsiteX106" fmla="*/ 790768 w 1010030"/>
                  <a:gd name="connsiteY106" fmla="*/ 54388 h 107343"/>
                  <a:gd name="connsiteX107" fmla="*/ 791484 w 1010030"/>
                  <a:gd name="connsiteY107" fmla="*/ 50809 h 107343"/>
                  <a:gd name="connsiteX108" fmla="*/ 793630 w 1010030"/>
                  <a:gd name="connsiteY108" fmla="*/ 46516 h 107343"/>
                  <a:gd name="connsiteX109" fmla="*/ 797209 w 1010030"/>
                  <a:gd name="connsiteY109" fmla="*/ 43653 h 107343"/>
                  <a:gd name="connsiteX110" fmla="*/ 802934 w 1010030"/>
                  <a:gd name="connsiteY110" fmla="*/ 42222 h 107343"/>
                  <a:gd name="connsiteX111" fmla="*/ 805081 w 1010030"/>
                  <a:gd name="connsiteY111" fmla="*/ 42222 h 107343"/>
                  <a:gd name="connsiteX112" fmla="*/ 807227 w 1010030"/>
                  <a:gd name="connsiteY112" fmla="*/ 42938 h 107343"/>
                  <a:gd name="connsiteX113" fmla="*/ 808659 w 1010030"/>
                  <a:gd name="connsiteY113" fmla="*/ 27194 h 107343"/>
                  <a:gd name="connsiteX114" fmla="*/ 759280 w 1010030"/>
                  <a:gd name="connsiteY114" fmla="*/ 77288 h 107343"/>
                  <a:gd name="connsiteX115" fmla="*/ 759280 w 1010030"/>
                  <a:gd name="connsiteY115" fmla="*/ 36497 h 107343"/>
                  <a:gd name="connsiteX116" fmla="*/ 727793 w 1010030"/>
                  <a:gd name="connsiteY116" fmla="*/ 36497 h 107343"/>
                  <a:gd name="connsiteX117" fmla="*/ 727793 w 1010030"/>
                  <a:gd name="connsiteY117" fmla="*/ 51525 h 107343"/>
                  <a:gd name="connsiteX118" fmla="*/ 742105 w 1010030"/>
                  <a:gd name="connsiteY118" fmla="*/ 51525 h 107343"/>
                  <a:gd name="connsiteX119" fmla="*/ 742105 w 1010030"/>
                  <a:gd name="connsiteY119" fmla="*/ 65122 h 107343"/>
                  <a:gd name="connsiteX120" fmla="*/ 736380 w 1010030"/>
                  <a:gd name="connsiteY120" fmla="*/ 66553 h 107343"/>
                  <a:gd name="connsiteX121" fmla="*/ 729940 w 1010030"/>
                  <a:gd name="connsiteY121" fmla="*/ 67269 h 107343"/>
                  <a:gd name="connsiteX122" fmla="*/ 719921 w 1010030"/>
                  <a:gd name="connsiteY122" fmla="*/ 65838 h 107343"/>
                  <a:gd name="connsiteX123" fmla="*/ 712765 w 1010030"/>
                  <a:gd name="connsiteY123" fmla="*/ 60828 h 107343"/>
                  <a:gd name="connsiteX124" fmla="*/ 708471 w 1010030"/>
                  <a:gd name="connsiteY124" fmla="*/ 52956 h 107343"/>
                  <a:gd name="connsiteX125" fmla="*/ 707040 w 1010030"/>
                  <a:gd name="connsiteY125" fmla="*/ 42938 h 107343"/>
                  <a:gd name="connsiteX126" fmla="*/ 708471 w 1010030"/>
                  <a:gd name="connsiteY126" fmla="*/ 33634 h 107343"/>
                  <a:gd name="connsiteX127" fmla="*/ 713480 w 1010030"/>
                  <a:gd name="connsiteY127" fmla="*/ 25763 h 107343"/>
                  <a:gd name="connsiteX128" fmla="*/ 720637 w 1010030"/>
                  <a:gd name="connsiteY128" fmla="*/ 20753 h 107343"/>
                  <a:gd name="connsiteX129" fmla="*/ 729940 w 1010030"/>
                  <a:gd name="connsiteY129" fmla="*/ 19322 h 107343"/>
                  <a:gd name="connsiteX130" fmla="*/ 739958 w 1010030"/>
                  <a:gd name="connsiteY130" fmla="*/ 21469 h 107343"/>
                  <a:gd name="connsiteX131" fmla="*/ 747115 w 1010030"/>
                  <a:gd name="connsiteY131" fmla="*/ 26478 h 107343"/>
                  <a:gd name="connsiteX132" fmla="*/ 758565 w 1010030"/>
                  <a:gd name="connsiteY132" fmla="*/ 13597 h 107343"/>
                  <a:gd name="connsiteX133" fmla="*/ 745683 w 1010030"/>
                  <a:gd name="connsiteY133" fmla="*/ 6441 h 107343"/>
                  <a:gd name="connsiteX134" fmla="*/ 728508 w 1010030"/>
                  <a:gd name="connsiteY134" fmla="*/ 3578 h 107343"/>
                  <a:gd name="connsiteX135" fmla="*/ 712049 w 1010030"/>
                  <a:gd name="connsiteY135" fmla="*/ 6441 h 107343"/>
                  <a:gd name="connsiteX136" fmla="*/ 699168 w 1010030"/>
                  <a:gd name="connsiteY136" fmla="*/ 14313 h 107343"/>
                  <a:gd name="connsiteX137" fmla="*/ 690580 w 1010030"/>
                  <a:gd name="connsiteY137" fmla="*/ 27194 h 107343"/>
                  <a:gd name="connsiteX138" fmla="*/ 687718 w 1010030"/>
                  <a:gd name="connsiteY138" fmla="*/ 43653 h 107343"/>
                  <a:gd name="connsiteX139" fmla="*/ 690580 w 1010030"/>
                  <a:gd name="connsiteY139" fmla="*/ 60113 h 107343"/>
                  <a:gd name="connsiteX140" fmla="*/ 699168 w 1010030"/>
                  <a:gd name="connsiteY140" fmla="*/ 72994 h 107343"/>
                  <a:gd name="connsiteX141" fmla="*/ 712765 w 1010030"/>
                  <a:gd name="connsiteY141" fmla="*/ 80866 h 107343"/>
                  <a:gd name="connsiteX142" fmla="*/ 729940 w 1010030"/>
                  <a:gd name="connsiteY142" fmla="*/ 83728 h 107343"/>
                  <a:gd name="connsiteX143" fmla="*/ 746399 w 1010030"/>
                  <a:gd name="connsiteY143" fmla="*/ 81581 h 107343"/>
                  <a:gd name="connsiteX144" fmla="*/ 759280 w 1010030"/>
                  <a:gd name="connsiteY144" fmla="*/ 77288 h 107343"/>
                  <a:gd name="connsiteX145" fmla="*/ 659808 w 1010030"/>
                  <a:gd name="connsiteY145" fmla="*/ 0 h 107343"/>
                  <a:gd name="connsiteX146" fmla="*/ 641918 w 1010030"/>
                  <a:gd name="connsiteY146" fmla="*/ 0 h 107343"/>
                  <a:gd name="connsiteX147" fmla="*/ 641918 w 1010030"/>
                  <a:gd name="connsiteY147" fmla="*/ 81581 h 107343"/>
                  <a:gd name="connsiteX148" fmla="*/ 659808 w 1010030"/>
                  <a:gd name="connsiteY148" fmla="*/ 81581 h 107343"/>
                  <a:gd name="connsiteX149" fmla="*/ 659808 w 1010030"/>
                  <a:gd name="connsiteY149" fmla="*/ 0 h 107343"/>
                  <a:gd name="connsiteX150" fmla="*/ 628321 w 1010030"/>
                  <a:gd name="connsiteY150" fmla="*/ 0 h 107343"/>
                  <a:gd name="connsiteX151" fmla="*/ 610430 w 1010030"/>
                  <a:gd name="connsiteY151" fmla="*/ 0 h 107343"/>
                  <a:gd name="connsiteX152" fmla="*/ 610430 w 1010030"/>
                  <a:gd name="connsiteY152" fmla="*/ 81581 h 107343"/>
                  <a:gd name="connsiteX153" fmla="*/ 628321 w 1010030"/>
                  <a:gd name="connsiteY153" fmla="*/ 81581 h 107343"/>
                  <a:gd name="connsiteX154" fmla="*/ 628321 w 1010030"/>
                  <a:gd name="connsiteY154" fmla="*/ 0 h 107343"/>
                  <a:gd name="connsiteX155" fmla="*/ 556758 w 1010030"/>
                  <a:gd name="connsiteY155" fmla="*/ 45084 h 107343"/>
                  <a:gd name="connsiteX156" fmla="*/ 562483 w 1010030"/>
                  <a:gd name="connsiteY156" fmla="*/ 41506 h 107343"/>
                  <a:gd name="connsiteX157" fmla="*/ 569639 w 1010030"/>
                  <a:gd name="connsiteY157" fmla="*/ 40075 h 107343"/>
                  <a:gd name="connsiteX158" fmla="*/ 576796 w 1010030"/>
                  <a:gd name="connsiteY158" fmla="*/ 42222 h 107343"/>
                  <a:gd name="connsiteX159" fmla="*/ 579658 w 1010030"/>
                  <a:gd name="connsiteY159" fmla="*/ 47947 h 107343"/>
                  <a:gd name="connsiteX160" fmla="*/ 579658 w 1010030"/>
                  <a:gd name="connsiteY160" fmla="*/ 48663 h 107343"/>
                  <a:gd name="connsiteX161" fmla="*/ 567492 w 1010030"/>
                  <a:gd name="connsiteY161" fmla="*/ 49378 h 107343"/>
                  <a:gd name="connsiteX162" fmla="*/ 556042 w 1010030"/>
                  <a:gd name="connsiteY162" fmla="*/ 52241 h 107343"/>
                  <a:gd name="connsiteX163" fmla="*/ 548170 w 1010030"/>
                  <a:gd name="connsiteY163" fmla="*/ 57966 h 107343"/>
                  <a:gd name="connsiteX164" fmla="*/ 545308 w 1010030"/>
                  <a:gd name="connsiteY164" fmla="*/ 67269 h 107343"/>
                  <a:gd name="connsiteX165" fmla="*/ 547455 w 1010030"/>
                  <a:gd name="connsiteY165" fmla="*/ 75141 h 107343"/>
                  <a:gd name="connsiteX166" fmla="*/ 552464 w 1010030"/>
                  <a:gd name="connsiteY166" fmla="*/ 80150 h 107343"/>
                  <a:gd name="connsiteX167" fmla="*/ 558905 w 1010030"/>
                  <a:gd name="connsiteY167" fmla="*/ 83013 h 107343"/>
                  <a:gd name="connsiteX168" fmla="*/ 565345 w 1010030"/>
                  <a:gd name="connsiteY168" fmla="*/ 83728 h 107343"/>
                  <a:gd name="connsiteX169" fmla="*/ 574649 w 1010030"/>
                  <a:gd name="connsiteY169" fmla="*/ 81581 h 107343"/>
                  <a:gd name="connsiteX170" fmla="*/ 581089 w 1010030"/>
                  <a:gd name="connsiteY170" fmla="*/ 76572 h 107343"/>
                  <a:gd name="connsiteX171" fmla="*/ 581089 w 1010030"/>
                  <a:gd name="connsiteY171" fmla="*/ 76572 h 107343"/>
                  <a:gd name="connsiteX172" fmla="*/ 581089 w 1010030"/>
                  <a:gd name="connsiteY172" fmla="*/ 82297 h 107343"/>
                  <a:gd name="connsiteX173" fmla="*/ 597549 w 1010030"/>
                  <a:gd name="connsiteY173" fmla="*/ 82297 h 107343"/>
                  <a:gd name="connsiteX174" fmla="*/ 597549 w 1010030"/>
                  <a:gd name="connsiteY174" fmla="*/ 55103 h 107343"/>
                  <a:gd name="connsiteX175" fmla="*/ 596117 w 1010030"/>
                  <a:gd name="connsiteY175" fmla="*/ 42222 h 107343"/>
                  <a:gd name="connsiteX176" fmla="*/ 591824 w 1010030"/>
                  <a:gd name="connsiteY176" fmla="*/ 33634 h 107343"/>
                  <a:gd name="connsiteX177" fmla="*/ 583952 w 1010030"/>
                  <a:gd name="connsiteY177" fmla="*/ 28625 h 107343"/>
                  <a:gd name="connsiteX178" fmla="*/ 572502 w 1010030"/>
                  <a:gd name="connsiteY178" fmla="*/ 27194 h 107343"/>
                  <a:gd name="connsiteX179" fmla="*/ 559620 w 1010030"/>
                  <a:gd name="connsiteY179" fmla="*/ 29341 h 107343"/>
                  <a:gd name="connsiteX180" fmla="*/ 548886 w 1010030"/>
                  <a:gd name="connsiteY180" fmla="*/ 36497 h 107343"/>
                  <a:gd name="connsiteX181" fmla="*/ 556758 w 1010030"/>
                  <a:gd name="connsiteY181" fmla="*/ 45084 h 107343"/>
                  <a:gd name="connsiteX182" fmla="*/ 580374 w 1010030"/>
                  <a:gd name="connsiteY182" fmla="*/ 60113 h 107343"/>
                  <a:gd name="connsiteX183" fmla="*/ 577511 w 1010030"/>
                  <a:gd name="connsiteY183" fmla="*/ 67985 h 107343"/>
                  <a:gd name="connsiteX184" fmla="*/ 568924 w 1010030"/>
                  <a:gd name="connsiteY184" fmla="*/ 70847 h 107343"/>
                  <a:gd name="connsiteX185" fmla="*/ 566061 w 1010030"/>
                  <a:gd name="connsiteY185" fmla="*/ 70847 h 107343"/>
                  <a:gd name="connsiteX186" fmla="*/ 563914 w 1010030"/>
                  <a:gd name="connsiteY186" fmla="*/ 70131 h 107343"/>
                  <a:gd name="connsiteX187" fmla="*/ 562483 w 1010030"/>
                  <a:gd name="connsiteY187" fmla="*/ 68700 h 107343"/>
                  <a:gd name="connsiteX188" fmla="*/ 561767 w 1010030"/>
                  <a:gd name="connsiteY188" fmla="*/ 65838 h 107343"/>
                  <a:gd name="connsiteX189" fmla="*/ 563199 w 1010030"/>
                  <a:gd name="connsiteY189" fmla="*/ 62260 h 107343"/>
                  <a:gd name="connsiteX190" fmla="*/ 566777 w 1010030"/>
                  <a:gd name="connsiteY190" fmla="*/ 60113 h 107343"/>
                  <a:gd name="connsiteX191" fmla="*/ 571786 w 1010030"/>
                  <a:gd name="connsiteY191" fmla="*/ 59397 h 107343"/>
                  <a:gd name="connsiteX192" fmla="*/ 577511 w 1010030"/>
                  <a:gd name="connsiteY192" fmla="*/ 59397 h 107343"/>
                  <a:gd name="connsiteX193" fmla="*/ 579658 w 1010030"/>
                  <a:gd name="connsiteY193" fmla="*/ 59397 h 107343"/>
                  <a:gd name="connsiteX194" fmla="*/ 580374 w 1010030"/>
                  <a:gd name="connsiteY194" fmla="*/ 60113 h 107343"/>
                  <a:gd name="connsiteX195" fmla="*/ 580374 w 1010030"/>
                  <a:gd name="connsiteY195" fmla="*/ 60113 h 107343"/>
                  <a:gd name="connsiteX196" fmla="*/ 533858 w 1010030"/>
                  <a:gd name="connsiteY196" fmla="*/ 81581 h 107343"/>
                  <a:gd name="connsiteX197" fmla="*/ 533858 w 1010030"/>
                  <a:gd name="connsiteY197" fmla="*/ 5725 h 107343"/>
                  <a:gd name="connsiteX198" fmla="*/ 515252 w 1010030"/>
                  <a:gd name="connsiteY198" fmla="*/ 5725 h 107343"/>
                  <a:gd name="connsiteX199" fmla="*/ 515252 w 1010030"/>
                  <a:gd name="connsiteY199" fmla="*/ 34350 h 107343"/>
                  <a:gd name="connsiteX200" fmla="*/ 485195 w 1010030"/>
                  <a:gd name="connsiteY200" fmla="*/ 34350 h 107343"/>
                  <a:gd name="connsiteX201" fmla="*/ 485195 w 1010030"/>
                  <a:gd name="connsiteY201" fmla="*/ 5725 h 107343"/>
                  <a:gd name="connsiteX202" fmla="*/ 466589 w 1010030"/>
                  <a:gd name="connsiteY202" fmla="*/ 5725 h 107343"/>
                  <a:gd name="connsiteX203" fmla="*/ 466589 w 1010030"/>
                  <a:gd name="connsiteY203" fmla="*/ 82297 h 107343"/>
                  <a:gd name="connsiteX204" fmla="*/ 485195 w 1010030"/>
                  <a:gd name="connsiteY204" fmla="*/ 82297 h 107343"/>
                  <a:gd name="connsiteX205" fmla="*/ 485195 w 1010030"/>
                  <a:gd name="connsiteY205" fmla="*/ 50094 h 107343"/>
                  <a:gd name="connsiteX206" fmla="*/ 515252 w 1010030"/>
                  <a:gd name="connsiteY206" fmla="*/ 50094 h 107343"/>
                  <a:gd name="connsiteX207" fmla="*/ 515252 w 1010030"/>
                  <a:gd name="connsiteY207" fmla="*/ 82297 h 107343"/>
                  <a:gd name="connsiteX208" fmla="*/ 533858 w 1010030"/>
                  <a:gd name="connsiteY208" fmla="*/ 81581 h 107343"/>
                  <a:gd name="connsiteX209" fmla="*/ 533858 w 1010030"/>
                  <a:gd name="connsiteY209" fmla="*/ 81581 h 107343"/>
                  <a:gd name="connsiteX210" fmla="*/ 434386 w 1010030"/>
                  <a:gd name="connsiteY210" fmla="*/ 81581 h 107343"/>
                  <a:gd name="connsiteX211" fmla="*/ 434386 w 1010030"/>
                  <a:gd name="connsiteY211" fmla="*/ 48663 h 107343"/>
                  <a:gd name="connsiteX212" fmla="*/ 433670 w 1010030"/>
                  <a:gd name="connsiteY212" fmla="*/ 40791 h 107343"/>
                  <a:gd name="connsiteX213" fmla="*/ 430092 w 1010030"/>
                  <a:gd name="connsiteY213" fmla="*/ 33634 h 107343"/>
                  <a:gd name="connsiteX214" fmla="*/ 423651 w 1010030"/>
                  <a:gd name="connsiteY214" fmla="*/ 28625 h 107343"/>
                  <a:gd name="connsiteX215" fmla="*/ 414348 w 1010030"/>
                  <a:gd name="connsiteY215" fmla="*/ 26478 h 107343"/>
                  <a:gd name="connsiteX216" fmla="*/ 409339 w 1010030"/>
                  <a:gd name="connsiteY216" fmla="*/ 27194 h 107343"/>
                  <a:gd name="connsiteX217" fmla="*/ 405045 w 1010030"/>
                  <a:gd name="connsiteY217" fmla="*/ 29341 h 107343"/>
                  <a:gd name="connsiteX218" fmla="*/ 401467 w 1010030"/>
                  <a:gd name="connsiteY218" fmla="*/ 32203 h 107343"/>
                  <a:gd name="connsiteX219" fmla="*/ 398604 w 1010030"/>
                  <a:gd name="connsiteY219" fmla="*/ 35781 h 107343"/>
                  <a:gd name="connsiteX220" fmla="*/ 398604 w 1010030"/>
                  <a:gd name="connsiteY220" fmla="*/ 35781 h 107343"/>
                  <a:gd name="connsiteX221" fmla="*/ 398604 w 1010030"/>
                  <a:gd name="connsiteY221" fmla="*/ 28625 h 107343"/>
                  <a:gd name="connsiteX222" fmla="*/ 381429 w 1010030"/>
                  <a:gd name="connsiteY222" fmla="*/ 28625 h 107343"/>
                  <a:gd name="connsiteX223" fmla="*/ 381429 w 1010030"/>
                  <a:gd name="connsiteY223" fmla="*/ 82297 h 107343"/>
                  <a:gd name="connsiteX224" fmla="*/ 399320 w 1010030"/>
                  <a:gd name="connsiteY224" fmla="*/ 82297 h 107343"/>
                  <a:gd name="connsiteX225" fmla="*/ 399320 w 1010030"/>
                  <a:gd name="connsiteY225" fmla="*/ 52956 h 107343"/>
                  <a:gd name="connsiteX226" fmla="*/ 400036 w 1010030"/>
                  <a:gd name="connsiteY226" fmla="*/ 48663 h 107343"/>
                  <a:gd name="connsiteX227" fmla="*/ 401467 w 1010030"/>
                  <a:gd name="connsiteY227" fmla="*/ 45084 h 107343"/>
                  <a:gd name="connsiteX228" fmla="*/ 404329 w 1010030"/>
                  <a:gd name="connsiteY228" fmla="*/ 42222 h 107343"/>
                  <a:gd name="connsiteX229" fmla="*/ 408623 w 1010030"/>
                  <a:gd name="connsiteY229" fmla="*/ 41506 h 107343"/>
                  <a:gd name="connsiteX230" fmla="*/ 412917 w 1010030"/>
                  <a:gd name="connsiteY230" fmla="*/ 42222 h 107343"/>
                  <a:gd name="connsiteX231" fmla="*/ 415064 w 1010030"/>
                  <a:gd name="connsiteY231" fmla="*/ 44369 h 107343"/>
                  <a:gd name="connsiteX232" fmla="*/ 416495 w 1010030"/>
                  <a:gd name="connsiteY232" fmla="*/ 47947 h 107343"/>
                  <a:gd name="connsiteX233" fmla="*/ 417211 w 1010030"/>
                  <a:gd name="connsiteY233" fmla="*/ 52241 h 107343"/>
                  <a:gd name="connsiteX234" fmla="*/ 417211 w 1010030"/>
                  <a:gd name="connsiteY234" fmla="*/ 81581 h 107343"/>
                  <a:gd name="connsiteX235" fmla="*/ 434386 w 1010030"/>
                  <a:gd name="connsiteY235" fmla="*/ 81581 h 107343"/>
                  <a:gd name="connsiteX236" fmla="*/ 352089 w 1010030"/>
                  <a:gd name="connsiteY236" fmla="*/ 60113 h 107343"/>
                  <a:gd name="connsiteX237" fmla="*/ 349942 w 1010030"/>
                  <a:gd name="connsiteY237" fmla="*/ 64406 h 107343"/>
                  <a:gd name="connsiteX238" fmla="*/ 345648 w 1010030"/>
                  <a:gd name="connsiteY238" fmla="*/ 67269 h 107343"/>
                  <a:gd name="connsiteX239" fmla="*/ 339923 w 1010030"/>
                  <a:gd name="connsiteY239" fmla="*/ 68700 h 107343"/>
                  <a:gd name="connsiteX240" fmla="*/ 334198 w 1010030"/>
                  <a:gd name="connsiteY240" fmla="*/ 67269 h 107343"/>
                  <a:gd name="connsiteX241" fmla="*/ 329904 w 1010030"/>
                  <a:gd name="connsiteY241" fmla="*/ 64406 h 107343"/>
                  <a:gd name="connsiteX242" fmla="*/ 327757 w 1010030"/>
                  <a:gd name="connsiteY242" fmla="*/ 60113 h 107343"/>
                  <a:gd name="connsiteX243" fmla="*/ 327042 w 1010030"/>
                  <a:gd name="connsiteY243" fmla="*/ 55103 h 107343"/>
                  <a:gd name="connsiteX244" fmla="*/ 327757 w 1010030"/>
                  <a:gd name="connsiteY244" fmla="*/ 50094 h 107343"/>
                  <a:gd name="connsiteX245" fmla="*/ 329904 w 1010030"/>
                  <a:gd name="connsiteY245" fmla="*/ 45800 h 107343"/>
                  <a:gd name="connsiteX246" fmla="*/ 334198 w 1010030"/>
                  <a:gd name="connsiteY246" fmla="*/ 42938 h 107343"/>
                  <a:gd name="connsiteX247" fmla="*/ 339923 w 1010030"/>
                  <a:gd name="connsiteY247" fmla="*/ 41506 h 107343"/>
                  <a:gd name="connsiteX248" fmla="*/ 345648 w 1010030"/>
                  <a:gd name="connsiteY248" fmla="*/ 42938 h 107343"/>
                  <a:gd name="connsiteX249" fmla="*/ 349942 w 1010030"/>
                  <a:gd name="connsiteY249" fmla="*/ 45800 h 107343"/>
                  <a:gd name="connsiteX250" fmla="*/ 352089 w 1010030"/>
                  <a:gd name="connsiteY250" fmla="*/ 50094 h 107343"/>
                  <a:gd name="connsiteX251" fmla="*/ 352804 w 1010030"/>
                  <a:gd name="connsiteY251" fmla="*/ 55103 h 107343"/>
                  <a:gd name="connsiteX252" fmla="*/ 352089 w 1010030"/>
                  <a:gd name="connsiteY252" fmla="*/ 60113 h 107343"/>
                  <a:gd name="connsiteX253" fmla="*/ 367117 w 1010030"/>
                  <a:gd name="connsiteY253" fmla="*/ 42938 h 107343"/>
                  <a:gd name="connsiteX254" fmla="*/ 360676 w 1010030"/>
                  <a:gd name="connsiteY254" fmla="*/ 33634 h 107343"/>
                  <a:gd name="connsiteX255" fmla="*/ 351373 w 1010030"/>
                  <a:gd name="connsiteY255" fmla="*/ 27909 h 107343"/>
                  <a:gd name="connsiteX256" fmla="*/ 339923 w 1010030"/>
                  <a:gd name="connsiteY256" fmla="*/ 25763 h 107343"/>
                  <a:gd name="connsiteX257" fmla="*/ 328473 w 1010030"/>
                  <a:gd name="connsiteY257" fmla="*/ 27909 h 107343"/>
                  <a:gd name="connsiteX258" fmla="*/ 319170 w 1010030"/>
                  <a:gd name="connsiteY258" fmla="*/ 33634 h 107343"/>
                  <a:gd name="connsiteX259" fmla="*/ 312729 w 1010030"/>
                  <a:gd name="connsiteY259" fmla="*/ 42938 h 107343"/>
                  <a:gd name="connsiteX260" fmla="*/ 310582 w 1010030"/>
                  <a:gd name="connsiteY260" fmla="*/ 55103 h 107343"/>
                  <a:gd name="connsiteX261" fmla="*/ 312729 w 1010030"/>
                  <a:gd name="connsiteY261" fmla="*/ 67269 h 107343"/>
                  <a:gd name="connsiteX262" fmla="*/ 319170 w 1010030"/>
                  <a:gd name="connsiteY262" fmla="*/ 76572 h 107343"/>
                  <a:gd name="connsiteX263" fmla="*/ 328473 w 1010030"/>
                  <a:gd name="connsiteY263" fmla="*/ 82297 h 107343"/>
                  <a:gd name="connsiteX264" fmla="*/ 339923 w 1010030"/>
                  <a:gd name="connsiteY264" fmla="*/ 84444 h 107343"/>
                  <a:gd name="connsiteX265" fmla="*/ 351373 w 1010030"/>
                  <a:gd name="connsiteY265" fmla="*/ 82297 h 107343"/>
                  <a:gd name="connsiteX266" fmla="*/ 360676 w 1010030"/>
                  <a:gd name="connsiteY266" fmla="*/ 76572 h 107343"/>
                  <a:gd name="connsiteX267" fmla="*/ 367117 w 1010030"/>
                  <a:gd name="connsiteY267" fmla="*/ 67269 h 107343"/>
                  <a:gd name="connsiteX268" fmla="*/ 369264 w 1010030"/>
                  <a:gd name="connsiteY268" fmla="*/ 55103 h 107343"/>
                  <a:gd name="connsiteX269" fmla="*/ 367117 w 1010030"/>
                  <a:gd name="connsiteY269" fmla="*/ 42938 h 107343"/>
                  <a:gd name="connsiteX270" fmla="*/ 281241 w 1010030"/>
                  <a:gd name="connsiteY270" fmla="*/ 60113 h 107343"/>
                  <a:gd name="connsiteX271" fmla="*/ 278379 w 1010030"/>
                  <a:gd name="connsiteY271" fmla="*/ 64406 h 107343"/>
                  <a:gd name="connsiteX272" fmla="*/ 274085 w 1010030"/>
                  <a:gd name="connsiteY272" fmla="*/ 67269 h 107343"/>
                  <a:gd name="connsiteX273" fmla="*/ 268360 w 1010030"/>
                  <a:gd name="connsiteY273" fmla="*/ 68700 h 107343"/>
                  <a:gd name="connsiteX274" fmla="*/ 262635 w 1010030"/>
                  <a:gd name="connsiteY274" fmla="*/ 67269 h 107343"/>
                  <a:gd name="connsiteX275" fmla="*/ 258341 w 1010030"/>
                  <a:gd name="connsiteY275" fmla="*/ 64406 h 107343"/>
                  <a:gd name="connsiteX276" fmla="*/ 256195 w 1010030"/>
                  <a:gd name="connsiteY276" fmla="*/ 60113 h 107343"/>
                  <a:gd name="connsiteX277" fmla="*/ 255479 w 1010030"/>
                  <a:gd name="connsiteY277" fmla="*/ 55103 h 107343"/>
                  <a:gd name="connsiteX278" fmla="*/ 256195 w 1010030"/>
                  <a:gd name="connsiteY278" fmla="*/ 50094 h 107343"/>
                  <a:gd name="connsiteX279" fmla="*/ 258341 w 1010030"/>
                  <a:gd name="connsiteY279" fmla="*/ 45800 h 107343"/>
                  <a:gd name="connsiteX280" fmla="*/ 262635 w 1010030"/>
                  <a:gd name="connsiteY280" fmla="*/ 42938 h 107343"/>
                  <a:gd name="connsiteX281" fmla="*/ 268360 w 1010030"/>
                  <a:gd name="connsiteY281" fmla="*/ 41506 h 107343"/>
                  <a:gd name="connsiteX282" fmla="*/ 274085 w 1010030"/>
                  <a:gd name="connsiteY282" fmla="*/ 42938 h 107343"/>
                  <a:gd name="connsiteX283" fmla="*/ 278379 w 1010030"/>
                  <a:gd name="connsiteY283" fmla="*/ 45800 h 107343"/>
                  <a:gd name="connsiteX284" fmla="*/ 281241 w 1010030"/>
                  <a:gd name="connsiteY284" fmla="*/ 50094 h 107343"/>
                  <a:gd name="connsiteX285" fmla="*/ 281957 w 1010030"/>
                  <a:gd name="connsiteY285" fmla="*/ 55103 h 107343"/>
                  <a:gd name="connsiteX286" fmla="*/ 281241 w 1010030"/>
                  <a:gd name="connsiteY286" fmla="*/ 60113 h 107343"/>
                  <a:gd name="connsiteX287" fmla="*/ 298416 w 1010030"/>
                  <a:gd name="connsiteY287" fmla="*/ 81581 h 107343"/>
                  <a:gd name="connsiteX288" fmla="*/ 298416 w 1010030"/>
                  <a:gd name="connsiteY288" fmla="*/ 0 h 107343"/>
                  <a:gd name="connsiteX289" fmla="*/ 280526 w 1010030"/>
                  <a:gd name="connsiteY289" fmla="*/ 0 h 107343"/>
                  <a:gd name="connsiteX290" fmla="*/ 280526 w 1010030"/>
                  <a:gd name="connsiteY290" fmla="*/ 33634 h 107343"/>
                  <a:gd name="connsiteX291" fmla="*/ 280526 w 1010030"/>
                  <a:gd name="connsiteY291" fmla="*/ 33634 h 107343"/>
                  <a:gd name="connsiteX292" fmla="*/ 274085 w 1010030"/>
                  <a:gd name="connsiteY292" fmla="*/ 28625 h 107343"/>
                  <a:gd name="connsiteX293" fmla="*/ 264066 w 1010030"/>
                  <a:gd name="connsiteY293" fmla="*/ 26478 h 107343"/>
                  <a:gd name="connsiteX294" fmla="*/ 253332 w 1010030"/>
                  <a:gd name="connsiteY294" fmla="*/ 28625 h 107343"/>
                  <a:gd name="connsiteX295" fmla="*/ 245460 w 1010030"/>
                  <a:gd name="connsiteY295" fmla="*/ 35066 h 107343"/>
                  <a:gd name="connsiteX296" fmla="*/ 240451 w 1010030"/>
                  <a:gd name="connsiteY296" fmla="*/ 44369 h 107343"/>
                  <a:gd name="connsiteX297" fmla="*/ 239019 w 1010030"/>
                  <a:gd name="connsiteY297" fmla="*/ 55103 h 107343"/>
                  <a:gd name="connsiteX298" fmla="*/ 240451 w 1010030"/>
                  <a:gd name="connsiteY298" fmla="*/ 65838 h 107343"/>
                  <a:gd name="connsiteX299" fmla="*/ 245460 w 1010030"/>
                  <a:gd name="connsiteY299" fmla="*/ 75141 h 107343"/>
                  <a:gd name="connsiteX300" fmla="*/ 253332 w 1010030"/>
                  <a:gd name="connsiteY300" fmla="*/ 81581 h 107343"/>
                  <a:gd name="connsiteX301" fmla="*/ 264066 w 1010030"/>
                  <a:gd name="connsiteY301" fmla="*/ 83728 h 107343"/>
                  <a:gd name="connsiteX302" fmla="*/ 274085 w 1010030"/>
                  <a:gd name="connsiteY302" fmla="*/ 81581 h 107343"/>
                  <a:gd name="connsiteX303" fmla="*/ 281241 w 1010030"/>
                  <a:gd name="connsiteY303" fmla="*/ 75141 h 107343"/>
                  <a:gd name="connsiteX304" fmla="*/ 281241 w 1010030"/>
                  <a:gd name="connsiteY304" fmla="*/ 75141 h 107343"/>
                  <a:gd name="connsiteX305" fmla="*/ 281241 w 1010030"/>
                  <a:gd name="connsiteY305" fmla="*/ 82297 h 107343"/>
                  <a:gd name="connsiteX306" fmla="*/ 298416 w 1010030"/>
                  <a:gd name="connsiteY306" fmla="*/ 81581 h 107343"/>
                  <a:gd name="connsiteX307" fmla="*/ 298416 w 1010030"/>
                  <a:gd name="connsiteY307" fmla="*/ 81581 h 107343"/>
                  <a:gd name="connsiteX308" fmla="*/ 228285 w 1010030"/>
                  <a:gd name="connsiteY308" fmla="*/ 81581 h 107343"/>
                  <a:gd name="connsiteX309" fmla="*/ 228285 w 1010030"/>
                  <a:gd name="connsiteY309" fmla="*/ 48663 h 107343"/>
                  <a:gd name="connsiteX310" fmla="*/ 227569 w 1010030"/>
                  <a:gd name="connsiteY310" fmla="*/ 40791 h 107343"/>
                  <a:gd name="connsiteX311" fmla="*/ 223991 w 1010030"/>
                  <a:gd name="connsiteY311" fmla="*/ 33634 h 107343"/>
                  <a:gd name="connsiteX312" fmla="*/ 217551 w 1010030"/>
                  <a:gd name="connsiteY312" fmla="*/ 28625 h 107343"/>
                  <a:gd name="connsiteX313" fmla="*/ 208247 w 1010030"/>
                  <a:gd name="connsiteY313" fmla="*/ 26478 h 107343"/>
                  <a:gd name="connsiteX314" fmla="*/ 203238 w 1010030"/>
                  <a:gd name="connsiteY314" fmla="*/ 27194 h 107343"/>
                  <a:gd name="connsiteX315" fmla="*/ 198944 w 1010030"/>
                  <a:gd name="connsiteY315" fmla="*/ 29341 h 107343"/>
                  <a:gd name="connsiteX316" fmla="*/ 195366 w 1010030"/>
                  <a:gd name="connsiteY316" fmla="*/ 32203 h 107343"/>
                  <a:gd name="connsiteX317" fmla="*/ 192504 w 1010030"/>
                  <a:gd name="connsiteY317" fmla="*/ 35781 h 107343"/>
                  <a:gd name="connsiteX318" fmla="*/ 192504 w 1010030"/>
                  <a:gd name="connsiteY318" fmla="*/ 35781 h 107343"/>
                  <a:gd name="connsiteX319" fmla="*/ 192504 w 1010030"/>
                  <a:gd name="connsiteY319" fmla="*/ 28625 h 107343"/>
                  <a:gd name="connsiteX320" fmla="*/ 175329 w 1010030"/>
                  <a:gd name="connsiteY320" fmla="*/ 28625 h 107343"/>
                  <a:gd name="connsiteX321" fmla="*/ 175329 w 1010030"/>
                  <a:gd name="connsiteY321" fmla="*/ 82297 h 107343"/>
                  <a:gd name="connsiteX322" fmla="*/ 193219 w 1010030"/>
                  <a:gd name="connsiteY322" fmla="*/ 82297 h 107343"/>
                  <a:gd name="connsiteX323" fmla="*/ 193219 w 1010030"/>
                  <a:gd name="connsiteY323" fmla="*/ 52956 h 107343"/>
                  <a:gd name="connsiteX324" fmla="*/ 193935 w 1010030"/>
                  <a:gd name="connsiteY324" fmla="*/ 48663 h 107343"/>
                  <a:gd name="connsiteX325" fmla="*/ 195366 w 1010030"/>
                  <a:gd name="connsiteY325" fmla="*/ 45084 h 107343"/>
                  <a:gd name="connsiteX326" fmla="*/ 198229 w 1010030"/>
                  <a:gd name="connsiteY326" fmla="*/ 42222 h 107343"/>
                  <a:gd name="connsiteX327" fmla="*/ 202522 w 1010030"/>
                  <a:gd name="connsiteY327" fmla="*/ 41506 h 107343"/>
                  <a:gd name="connsiteX328" fmla="*/ 206101 w 1010030"/>
                  <a:gd name="connsiteY328" fmla="*/ 42222 h 107343"/>
                  <a:gd name="connsiteX329" fmla="*/ 208247 w 1010030"/>
                  <a:gd name="connsiteY329" fmla="*/ 44369 h 107343"/>
                  <a:gd name="connsiteX330" fmla="*/ 209679 w 1010030"/>
                  <a:gd name="connsiteY330" fmla="*/ 47947 h 107343"/>
                  <a:gd name="connsiteX331" fmla="*/ 210394 w 1010030"/>
                  <a:gd name="connsiteY331" fmla="*/ 52241 h 107343"/>
                  <a:gd name="connsiteX332" fmla="*/ 210394 w 1010030"/>
                  <a:gd name="connsiteY332" fmla="*/ 81581 h 107343"/>
                  <a:gd name="connsiteX333" fmla="*/ 228285 w 1010030"/>
                  <a:gd name="connsiteY333" fmla="*/ 81581 h 107343"/>
                  <a:gd name="connsiteX334" fmla="*/ 122372 w 1010030"/>
                  <a:gd name="connsiteY334" fmla="*/ 45084 h 107343"/>
                  <a:gd name="connsiteX335" fmla="*/ 128097 w 1010030"/>
                  <a:gd name="connsiteY335" fmla="*/ 41506 h 107343"/>
                  <a:gd name="connsiteX336" fmla="*/ 135254 w 1010030"/>
                  <a:gd name="connsiteY336" fmla="*/ 40075 h 107343"/>
                  <a:gd name="connsiteX337" fmla="*/ 142410 w 1010030"/>
                  <a:gd name="connsiteY337" fmla="*/ 42222 h 107343"/>
                  <a:gd name="connsiteX338" fmla="*/ 145272 w 1010030"/>
                  <a:gd name="connsiteY338" fmla="*/ 47947 h 107343"/>
                  <a:gd name="connsiteX339" fmla="*/ 145272 w 1010030"/>
                  <a:gd name="connsiteY339" fmla="*/ 48663 h 107343"/>
                  <a:gd name="connsiteX340" fmla="*/ 133107 w 1010030"/>
                  <a:gd name="connsiteY340" fmla="*/ 49378 h 107343"/>
                  <a:gd name="connsiteX341" fmla="*/ 121657 w 1010030"/>
                  <a:gd name="connsiteY341" fmla="*/ 52241 h 107343"/>
                  <a:gd name="connsiteX342" fmla="*/ 113785 w 1010030"/>
                  <a:gd name="connsiteY342" fmla="*/ 57966 h 107343"/>
                  <a:gd name="connsiteX343" fmla="*/ 110922 w 1010030"/>
                  <a:gd name="connsiteY343" fmla="*/ 67269 h 107343"/>
                  <a:gd name="connsiteX344" fmla="*/ 113069 w 1010030"/>
                  <a:gd name="connsiteY344" fmla="*/ 75141 h 107343"/>
                  <a:gd name="connsiteX345" fmla="*/ 118078 w 1010030"/>
                  <a:gd name="connsiteY345" fmla="*/ 80150 h 107343"/>
                  <a:gd name="connsiteX346" fmla="*/ 124519 w 1010030"/>
                  <a:gd name="connsiteY346" fmla="*/ 83013 h 107343"/>
                  <a:gd name="connsiteX347" fmla="*/ 130960 w 1010030"/>
                  <a:gd name="connsiteY347" fmla="*/ 83728 h 107343"/>
                  <a:gd name="connsiteX348" fmla="*/ 140263 w 1010030"/>
                  <a:gd name="connsiteY348" fmla="*/ 81581 h 107343"/>
                  <a:gd name="connsiteX349" fmla="*/ 146704 w 1010030"/>
                  <a:gd name="connsiteY349" fmla="*/ 76572 h 107343"/>
                  <a:gd name="connsiteX350" fmla="*/ 146704 w 1010030"/>
                  <a:gd name="connsiteY350" fmla="*/ 76572 h 107343"/>
                  <a:gd name="connsiteX351" fmla="*/ 146704 w 1010030"/>
                  <a:gd name="connsiteY351" fmla="*/ 82297 h 107343"/>
                  <a:gd name="connsiteX352" fmla="*/ 163163 w 1010030"/>
                  <a:gd name="connsiteY352" fmla="*/ 82297 h 107343"/>
                  <a:gd name="connsiteX353" fmla="*/ 163163 w 1010030"/>
                  <a:gd name="connsiteY353" fmla="*/ 55103 h 107343"/>
                  <a:gd name="connsiteX354" fmla="*/ 161732 w 1010030"/>
                  <a:gd name="connsiteY354" fmla="*/ 42222 h 107343"/>
                  <a:gd name="connsiteX355" fmla="*/ 157438 w 1010030"/>
                  <a:gd name="connsiteY355" fmla="*/ 33634 h 107343"/>
                  <a:gd name="connsiteX356" fmla="*/ 149566 w 1010030"/>
                  <a:gd name="connsiteY356" fmla="*/ 28625 h 107343"/>
                  <a:gd name="connsiteX357" fmla="*/ 138116 w 1010030"/>
                  <a:gd name="connsiteY357" fmla="*/ 27194 h 107343"/>
                  <a:gd name="connsiteX358" fmla="*/ 125235 w 1010030"/>
                  <a:gd name="connsiteY358" fmla="*/ 29341 h 107343"/>
                  <a:gd name="connsiteX359" fmla="*/ 114500 w 1010030"/>
                  <a:gd name="connsiteY359" fmla="*/ 36497 h 107343"/>
                  <a:gd name="connsiteX360" fmla="*/ 122372 w 1010030"/>
                  <a:gd name="connsiteY360" fmla="*/ 45084 h 107343"/>
                  <a:gd name="connsiteX361" fmla="*/ 145988 w 1010030"/>
                  <a:gd name="connsiteY361" fmla="*/ 60113 h 107343"/>
                  <a:gd name="connsiteX362" fmla="*/ 143125 w 1010030"/>
                  <a:gd name="connsiteY362" fmla="*/ 67985 h 107343"/>
                  <a:gd name="connsiteX363" fmla="*/ 134538 w 1010030"/>
                  <a:gd name="connsiteY363" fmla="*/ 70847 h 107343"/>
                  <a:gd name="connsiteX364" fmla="*/ 131675 w 1010030"/>
                  <a:gd name="connsiteY364" fmla="*/ 70847 h 107343"/>
                  <a:gd name="connsiteX365" fmla="*/ 129528 w 1010030"/>
                  <a:gd name="connsiteY365" fmla="*/ 70131 h 107343"/>
                  <a:gd name="connsiteX366" fmla="*/ 128097 w 1010030"/>
                  <a:gd name="connsiteY366" fmla="*/ 68700 h 107343"/>
                  <a:gd name="connsiteX367" fmla="*/ 127382 w 1010030"/>
                  <a:gd name="connsiteY367" fmla="*/ 65838 h 107343"/>
                  <a:gd name="connsiteX368" fmla="*/ 128813 w 1010030"/>
                  <a:gd name="connsiteY368" fmla="*/ 62260 h 107343"/>
                  <a:gd name="connsiteX369" fmla="*/ 132391 w 1010030"/>
                  <a:gd name="connsiteY369" fmla="*/ 60113 h 107343"/>
                  <a:gd name="connsiteX370" fmla="*/ 137400 w 1010030"/>
                  <a:gd name="connsiteY370" fmla="*/ 59397 h 107343"/>
                  <a:gd name="connsiteX371" fmla="*/ 143125 w 1010030"/>
                  <a:gd name="connsiteY371" fmla="*/ 59397 h 107343"/>
                  <a:gd name="connsiteX372" fmla="*/ 145272 w 1010030"/>
                  <a:gd name="connsiteY372" fmla="*/ 59397 h 107343"/>
                  <a:gd name="connsiteX373" fmla="*/ 145988 w 1010030"/>
                  <a:gd name="connsiteY373" fmla="*/ 60113 h 107343"/>
                  <a:gd name="connsiteX374" fmla="*/ 145988 w 1010030"/>
                  <a:gd name="connsiteY374" fmla="*/ 60113 h 107343"/>
                  <a:gd name="connsiteX375" fmla="*/ 107344 w 1010030"/>
                  <a:gd name="connsiteY375" fmla="*/ 27194 h 107343"/>
                  <a:gd name="connsiteX376" fmla="*/ 105913 w 1010030"/>
                  <a:gd name="connsiteY376" fmla="*/ 27194 h 107343"/>
                  <a:gd name="connsiteX377" fmla="*/ 103766 w 1010030"/>
                  <a:gd name="connsiteY377" fmla="*/ 27194 h 107343"/>
                  <a:gd name="connsiteX378" fmla="*/ 95178 w 1010030"/>
                  <a:gd name="connsiteY378" fmla="*/ 30056 h 107343"/>
                  <a:gd name="connsiteX379" fmla="*/ 89453 w 1010030"/>
                  <a:gd name="connsiteY379" fmla="*/ 36497 h 107343"/>
                  <a:gd name="connsiteX380" fmla="*/ 89453 w 1010030"/>
                  <a:gd name="connsiteY380" fmla="*/ 36497 h 107343"/>
                  <a:gd name="connsiteX381" fmla="*/ 89453 w 1010030"/>
                  <a:gd name="connsiteY381" fmla="*/ 27909 h 107343"/>
                  <a:gd name="connsiteX382" fmla="*/ 71563 w 1010030"/>
                  <a:gd name="connsiteY382" fmla="*/ 27909 h 107343"/>
                  <a:gd name="connsiteX383" fmla="*/ 71563 w 1010030"/>
                  <a:gd name="connsiteY383" fmla="*/ 81581 h 107343"/>
                  <a:gd name="connsiteX384" fmla="*/ 89453 w 1010030"/>
                  <a:gd name="connsiteY384" fmla="*/ 81581 h 107343"/>
                  <a:gd name="connsiteX385" fmla="*/ 89453 w 1010030"/>
                  <a:gd name="connsiteY385" fmla="*/ 54388 h 107343"/>
                  <a:gd name="connsiteX386" fmla="*/ 90169 w 1010030"/>
                  <a:gd name="connsiteY386" fmla="*/ 50809 h 107343"/>
                  <a:gd name="connsiteX387" fmla="*/ 92316 w 1010030"/>
                  <a:gd name="connsiteY387" fmla="*/ 46516 h 107343"/>
                  <a:gd name="connsiteX388" fmla="*/ 95894 w 1010030"/>
                  <a:gd name="connsiteY388" fmla="*/ 43653 h 107343"/>
                  <a:gd name="connsiteX389" fmla="*/ 101619 w 1010030"/>
                  <a:gd name="connsiteY389" fmla="*/ 42222 h 107343"/>
                  <a:gd name="connsiteX390" fmla="*/ 103766 w 1010030"/>
                  <a:gd name="connsiteY390" fmla="*/ 42222 h 107343"/>
                  <a:gd name="connsiteX391" fmla="*/ 105913 w 1010030"/>
                  <a:gd name="connsiteY391" fmla="*/ 42938 h 107343"/>
                  <a:gd name="connsiteX392" fmla="*/ 107344 w 1010030"/>
                  <a:gd name="connsiteY392" fmla="*/ 27194 h 107343"/>
                  <a:gd name="connsiteX393" fmla="*/ 40791 w 1010030"/>
                  <a:gd name="connsiteY393" fmla="*/ 62260 h 107343"/>
                  <a:gd name="connsiteX394" fmla="*/ 37928 w 1010030"/>
                  <a:gd name="connsiteY394" fmla="*/ 65122 h 107343"/>
                  <a:gd name="connsiteX395" fmla="*/ 33634 w 1010030"/>
                  <a:gd name="connsiteY395" fmla="*/ 66553 h 107343"/>
                  <a:gd name="connsiteX396" fmla="*/ 29341 w 1010030"/>
                  <a:gd name="connsiteY396" fmla="*/ 67269 h 107343"/>
                  <a:gd name="connsiteX397" fmla="*/ 19322 w 1010030"/>
                  <a:gd name="connsiteY397" fmla="*/ 67269 h 107343"/>
                  <a:gd name="connsiteX398" fmla="*/ 19322 w 1010030"/>
                  <a:gd name="connsiteY398" fmla="*/ 49378 h 107343"/>
                  <a:gd name="connsiteX399" fmla="*/ 28625 w 1010030"/>
                  <a:gd name="connsiteY399" fmla="*/ 49378 h 107343"/>
                  <a:gd name="connsiteX400" fmla="*/ 37928 w 1010030"/>
                  <a:gd name="connsiteY400" fmla="*/ 51525 h 107343"/>
                  <a:gd name="connsiteX401" fmla="*/ 41506 w 1010030"/>
                  <a:gd name="connsiteY401" fmla="*/ 57966 h 107343"/>
                  <a:gd name="connsiteX402" fmla="*/ 40791 w 1010030"/>
                  <a:gd name="connsiteY402" fmla="*/ 62260 h 107343"/>
                  <a:gd name="connsiteX403" fmla="*/ 36497 w 1010030"/>
                  <a:gd name="connsiteY403" fmla="*/ 33634 h 107343"/>
                  <a:gd name="connsiteX404" fmla="*/ 28625 w 1010030"/>
                  <a:gd name="connsiteY404" fmla="*/ 35781 h 107343"/>
                  <a:gd name="connsiteX405" fmla="*/ 18606 w 1010030"/>
                  <a:gd name="connsiteY405" fmla="*/ 35781 h 107343"/>
                  <a:gd name="connsiteX406" fmla="*/ 18606 w 1010030"/>
                  <a:gd name="connsiteY406" fmla="*/ 20038 h 107343"/>
                  <a:gd name="connsiteX407" fmla="*/ 27909 w 1010030"/>
                  <a:gd name="connsiteY407" fmla="*/ 20038 h 107343"/>
                  <a:gd name="connsiteX408" fmla="*/ 36497 w 1010030"/>
                  <a:gd name="connsiteY408" fmla="*/ 21469 h 107343"/>
                  <a:gd name="connsiteX409" fmla="*/ 39359 w 1010030"/>
                  <a:gd name="connsiteY409" fmla="*/ 27194 h 107343"/>
                  <a:gd name="connsiteX410" fmla="*/ 36497 w 1010030"/>
                  <a:gd name="connsiteY410" fmla="*/ 33634 h 107343"/>
                  <a:gd name="connsiteX411" fmla="*/ 59397 w 1010030"/>
                  <a:gd name="connsiteY411" fmla="*/ 52956 h 107343"/>
                  <a:gd name="connsiteX412" fmla="*/ 55819 w 1010030"/>
                  <a:gd name="connsiteY412" fmla="*/ 47947 h 107343"/>
                  <a:gd name="connsiteX413" fmla="*/ 50810 w 1010030"/>
                  <a:gd name="connsiteY413" fmla="*/ 44369 h 107343"/>
                  <a:gd name="connsiteX414" fmla="*/ 44369 w 1010030"/>
                  <a:gd name="connsiteY414" fmla="*/ 42222 h 107343"/>
                  <a:gd name="connsiteX415" fmla="*/ 44369 w 1010030"/>
                  <a:gd name="connsiteY415" fmla="*/ 42222 h 107343"/>
                  <a:gd name="connsiteX416" fmla="*/ 53672 w 1010030"/>
                  <a:gd name="connsiteY416" fmla="*/ 36497 h 107343"/>
                  <a:gd name="connsiteX417" fmla="*/ 57250 w 1010030"/>
                  <a:gd name="connsiteY417" fmla="*/ 25763 h 107343"/>
                  <a:gd name="connsiteX418" fmla="*/ 55103 w 1010030"/>
                  <a:gd name="connsiteY418" fmla="*/ 16459 h 107343"/>
                  <a:gd name="connsiteX419" fmla="*/ 48663 w 1010030"/>
                  <a:gd name="connsiteY419" fmla="*/ 10734 h 107343"/>
                  <a:gd name="connsiteX420" fmla="*/ 40075 w 1010030"/>
                  <a:gd name="connsiteY420" fmla="*/ 7872 h 107343"/>
                  <a:gd name="connsiteX421" fmla="*/ 30772 w 1010030"/>
                  <a:gd name="connsiteY421" fmla="*/ 7156 h 107343"/>
                  <a:gd name="connsiteX422" fmla="*/ 0 w 1010030"/>
                  <a:gd name="connsiteY422" fmla="*/ 7156 h 107343"/>
                  <a:gd name="connsiteX423" fmla="*/ 0 w 1010030"/>
                  <a:gd name="connsiteY423" fmla="*/ 83728 h 107343"/>
                  <a:gd name="connsiteX424" fmla="*/ 30772 w 1010030"/>
                  <a:gd name="connsiteY424" fmla="*/ 83728 h 107343"/>
                  <a:gd name="connsiteX425" fmla="*/ 41506 w 1010030"/>
                  <a:gd name="connsiteY425" fmla="*/ 82297 h 107343"/>
                  <a:gd name="connsiteX426" fmla="*/ 50810 w 1010030"/>
                  <a:gd name="connsiteY426" fmla="*/ 78719 h 107343"/>
                  <a:gd name="connsiteX427" fmla="*/ 57250 w 1010030"/>
                  <a:gd name="connsiteY427" fmla="*/ 71563 h 107343"/>
                  <a:gd name="connsiteX428" fmla="*/ 59397 w 1010030"/>
                  <a:gd name="connsiteY428" fmla="*/ 60828 h 107343"/>
                  <a:gd name="connsiteX429" fmla="*/ 59397 w 1010030"/>
                  <a:gd name="connsiteY429" fmla="*/ 52956 h 1073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 ang="0">
                    <a:pos x="connsiteX278" y="connsiteY278"/>
                  </a:cxn>
                  <a:cxn ang="0">
                    <a:pos x="connsiteX279" y="connsiteY279"/>
                  </a:cxn>
                  <a:cxn ang="0">
                    <a:pos x="connsiteX280" y="connsiteY280"/>
                  </a:cxn>
                  <a:cxn ang="0">
                    <a:pos x="connsiteX281" y="connsiteY281"/>
                  </a:cxn>
                  <a:cxn ang="0">
                    <a:pos x="connsiteX282" y="connsiteY282"/>
                  </a:cxn>
                  <a:cxn ang="0">
                    <a:pos x="connsiteX283" y="connsiteY283"/>
                  </a:cxn>
                  <a:cxn ang="0">
                    <a:pos x="connsiteX284" y="connsiteY284"/>
                  </a:cxn>
                  <a:cxn ang="0">
                    <a:pos x="connsiteX285" y="connsiteY285"/>
                  </a:cxn>
                  <a:cxn ang="0">
                    <a:pos x="connsiteX286" y="connsiteY286"/>
                  </a:cxn>
                  <a:cxn ang="0">
                    <a:pos x="connsiteX287" y="connsiteY287"/>
                  </a:cxn>
                  <a:cxn ang="0">
                    <a:pos x="connsiteX288" y="connsiteY288"/>
                  </a:cxn>
                  <a:cxn ang="0">
                    <a:pos x="connsiteX289" y="connsiteY289"/>
                  </a:cxn>
                  <a:cxn ang="0">
                    <a:pos x="connsiteX290" y="connsiteY290"/>
                  </a:cxn>
                  <a:cxn ang="0">
                    <a:pos x="connsiteX291" y="connsiteY291"/>
                  </a:cxn>
                  <a:cxn ang="0">
                    <a:pos x="connsiteX292" y="connsiteY292"/>
                  </a:cxn>
                  <a:cxn ang="0">
                    <a:pos x="connsiteX293" y="connsiteY293"/>
                  </a:cxn>
                  <a:cxn ang="0">
                    <a:pos x="connsiteX294" y="connsiteY294"/>
                  </a:cxn>
                  <a:cxn ang="0">
                    <a:pos x="connsiteX295" y="connsiteY295"/>
                  </a:cxn>
                  <a:cxn ang="0">
                    <a:pos x="connsiteX296" y="connsiteY296"/>
                  </a:cxn>
                  <a:cxn ang="0">
                    <a:pos x="connsiteX297" y="connsiteY297"/>
                  </a:cxn>
                  <a:cxn ang="0">
                    <a:pos x="connsiteX298" y="connsiteY298"/>
                  </a:cxn>
                  <a:cxn ang="0">
                    <a:pos x="connsiteX299" y="connsiteY299"/>
                  </a:cxn>
                  <a:cxn ang="0">
                    <a:pos x="connsiteX300" y="connsiteY300"/>
                  </a:cxn>
                  <a:cxn ang="0">
                    <a:pos x="connsiteX301" y="connsiteY301"/>
                  </a:cxn>
                  <a:cxn ang="0">
                    <a:pos x="connsiteX302" y="connsiteY302"/>
                  </a:cxn>
                  <a:cxn ang="0">
                    <a:pos x="connsiteX303" y="connsiteY303"/>
                  </a:cxn>
                  <a:cxn ang="0">
                    <a:pos x="connsiteX304" y="connsiteY304"/>
                  </a:cxn>
                  <a:cxn ang="0">
                    <a:pos x="connsiteX305" y="connsiteY305"/>
                  </a:cxn>
                  <a:cxn ang="0">
                    <a:pos x="connsiteX306" y="connsiteY306"/>
                  </a:cxn>
                  <a:cxn ang="0">
                    <a:pos x="connsiteX307" y="connsiteY307"/>
                  </a:cxn>
                  <a:cxn ang="0">
                    <a:pos x="connsiteX308" y="connsiteY308"/>
                  </a:cxn>
                  <a:cxn ang="0">
                    <a:pos x="connsiteX309" y="connsiteY309"/>
                  </a:cxn>
                  <a:cxn ang="0">
                    <a:pos x="connsiteX310" y="connsiteY310"/>
                  </a:cxn>
                  <a:cxn ang="0">
                    <a:pos x="connsiteX311" y="connsiteY311"/>
                  </a:cxn>
                  <a:cxn ang="0">
                    <a:pos x="connsiteX312" y="connsiteY312"/>
                  </a:cxn>
                  <a:cxn ang="0">
                    <a:pos x="connsiteX313" y="connsiteY313"/>
                  </a:cxn>
                  <a:cxn ang="0">
                    <a:pos x="connsiteX314" y="connsiteY314"/>
                  </a:cxn>
                  <a:cxn ang="0">
                    <a:pos x="connsiteX315" y="connsiteY315"/>
                  </a:cxn>
                  <a:cxn ang="0">
                    <a:pos x="connsiteX316" y="connsiteY316"/>
                  </a:cxn>
                  <a:cxn ang="0">
                    <a:pos x="connsiteX317" y="connsiteY317"/>
                  </a:cxn>
                  <a:cxn ang="0">
                    <a:pos x="connsiteX318" y="connsiteY318"/>
                  </a:cxn>
                  <a:cxn ang="0">
                    <a:pos x="connsiteX319" y="connsiteY319"/>
                  </a:cxn>
                  <a:cxn ang="0">
                    <a:pos x="connsiteX320" y="connsiteY320"/>
                  </a:cxn>
                  <a:cxn ang="0">
                    <a:pos x="connsiteX321" y="connsiteY321"/>
                  </a:cxn>
                  <a:cxn ang="0">
                    <a:pos x="connsiteX322" y="connsiteY322"/>
                  </a:cxn>
                  <a:cxn ang="0">
                    <a:pos x="connsiteX323" y="connsiteY323"/>
                  </a:cxn>
                  <a:cxn ang="0">
                    <a:pos x="connsiteX324" y="connsiteY324"/>
                  </a:cxn>
                  <a:cxn ang="0">
                    <a:pos x="connsiteX325" y="connsiteY325"/>
                  </a:cxn>
                  <a:cxn ang="0">
                    <a:pos x="connsiteX326" y="connsiteY326"/>
                  </a:cxn>
                  <a:cxn ang="0">
                    <a:pos x="connsiteX327" y="connsiteY327"/>
                  </a:cxn>
                  <a:cxn ang="0">
                    <a:pos x="connsiteX328" y="connsiteY328"/>
                  </a:cxn>
                  <a:cxn ang="0">
                    <a:pos x="connsiteX329" y="connsiteY329"/>
                  </a:cxn>
                  <a:cxn ang="0">
                    <a:pos x="connsiteX330" y="connsiteY330"/>
                  </a:cxn>
                  <a:cxn ang="0">
                    <a:pos x="connsiteX331" y="connsiteY331"/>
                  </a:cxn>
                  <a:cxn ang="0">
                    <a:pos x="connsiteX332" y="connsiteY332"/>
                  </a:cxn>
                  <a:cxn ang="0">
                    <a:pos x="connsiteX333" y="connsiteY333"/>
                  </a:cxn>
                  <a:cxn ang="0">
                    <a:pos x="connsiteX334" y="connsiteY334"/>
                  </a:cxn>
                  <a:cxn ang="0">
                    <a:pos x="connsiteX335" y="connsiteY335"/>
                  </a:cxn>
                  <a:cxn ang="0">
                    <a:pos x="connsiteX336" y="connsiteY336"/>
                  </a:cxn>
                  <a:cxn ang="0">
                    <a:pos x="connsiteX337" y="connsiteY337"/>
                  </a:cxn>
                  <a:cxn ang="0">
                    <a:pos x="connsiteX338" y="connsiteY338"/>
                  </a:cxn>
                  <a:cxn ang="0">
                    <a:pos x="connsiteX339" y="connsiteY339"/>
                  </a:cxn>
                  <a:cxn ang="0">
                    <a:pos x="connsiteX340" y="connsiteY340"/>
                  </a:cxn>
                  <a:cxn ang="0">
                    <a:pos x="connsiteX341" y="connsiteY341"/>
                  </a:cxn>
                  <a:cxn ang="0">
                    <a:pos x="connsiteX342" y="connsiteY342"/>
                  </a:cxn>
                  <a:cxn ang="0">
                    <a:pos x="connsiteX343" y="connsiteY343"/>
                  </a:cxn>
                  <a:cxn ang="0">
                    <a:pos x="connsiteX344" y="connsiteY344"/>
                  </a:cxn>
                  <a:cxn ang="0">
                    <a:pos x="connsiteX345" y="connsiteY345"/>
                  </a:cxn>
                  <a:cxn ang="0">
                    <a:pos x="connsiteX346" y="connsiteY346"/>
                  </a:cxn>
                  <a:cxn ang="0">
                    <a:pos x="connsiteX347" y="connsiteY347"/>
                  </a:cxn>
                  <a:cxn ang="0">
                    <a:pos x="connsiteX348" y="connsiteY348"/>
                  </a:cxn>
                  <a:cxn ang="0">
                    <a:pos x="connsiteX349" y="connsiteY349"/>
                  </a:cxn>
                  <a:cxn ang="0">
                    <a:pos x="connsiteX350" y="connsiteY350"/>
                  </a:cxn>
                  <a:cxn ang="0">
                    <a:pos x="connsiteX351" y="connsiteY351"/>
                  </a:cxn>
                  <a:cxn ang="0">
                    <a:pos x="connsiteX352" y="connsiteY352"/>
                  </a:cxn>
                  <a:cxn ang="0">
                    <a:pos x="connsiteX353" y="connsiteY353"/>
                  </a:cxn>
                  <a:cxn ang="0">
                    <a:pos x="connsiteX354" y="connsiteY354"/>
                  </a:cxn>
                  <a:cxn ang="0">
                    <a:pos x="connsiteX355" y="connsiteY355"/>
                  </a:cxn>
                  <a:cxn ang="0">
                    <a:pos x="connsiteX356" y="connsiteY356"/>
                  </a:cxn>
                  <a:cxn ang="0">
                    <a:pos x="connsiteX357" y="connsiteY357"/>
                  </a:cxn>
                  <a:cxn ang="0">
                    <a:pos x="connsiteX358" y="connsiteY358"/>
                  </a:cxn>
                  <a:cxn ang="0">
                    <a:pos x="connsiteX359" y="connsiteY359"/>
                  </a:cxn>
                  <a:cxn ang="0">
                    <a:pos x="connsiteX360" y="connsiteY360"/>
                  </a:cxn>
                  <a:cxn ang="0">
                    <a:pos x="connsiteX361" y="connsiteY361"/>
                  </a:cxn>
                  <a:cxn ang="0">
                    <a:pos x="connsiteX362" y="connsiteY362"/>
                  </a:cxn>
                  <a:cxn ang="0">
                    <a:pos x="connsiteX363" y="connsiteY363"/>
                  </a:cxn>
                  <a:cxn ang="0">
                    <a:pos x="connsiteX364" y="connsiteY364"/>
                  </a:cxn>
                  <a:cxn ang="0">
                    <a:pos x="connsiteX365" y="connsiteY365"/>
                  </a:cxn>
                  <a:cxn ang="0">
                    <a:pos x="connsiteX366" y="connsiteY366"/>
                  </a:cxn>
                  <a:cxn ang="0">
                    <a:pos x="connsiteX367" y="connsiteY367"/>
                  </a:cxn>
                  <a:cxn ang="0">
                    <a:pos x="connsiteX368" y="connsiteY368"/>
                  </a:cxn>
                  <a:cxn ang="0">
                    <a:pos x="connsiteX369" y="connsiteY369"/>
                  </a:cxn>
                  <a:cxn ang="0">
                    <a:pos x="connsiteX370" y="connsiteY370"/>
                  </a:cxn>
                  <a:cxn ang="0">
                    <a:pos x="connsiteX371" y="connsiteY371"/>
                  </a:cxn>
                  <a:cxn ang="0">
                    <a:pos x="connsiteX372" y="connsiteY372"/>
                  </a:cxn>
                  <a:cxn ang="0">
                    <a:pos x="connsiteX373" y="connsiteY373"/>
                  </a:cxn>
                  <a:cxn ang="0">
                    <a:pos x="connsiteX374" y="connsiteY374"/>
                  </a:cxn>
                  <a:cxn ang="0">
                    <a:pos x="connsiteX375" y="connsiteY375"/>
                  </a:cxn>
                  <a:cxn ang="0">
                    <a:pos x="connsiteX376" y="connsiteY376"/>
                  </a:cxn>
                  <a:cxn ang="0">
                    <a:pos x="connsiteX377" y="connsiteY377"/>
                  </a:cxn>
                  <a:cxn ang="0">
                    <a:pos x="connsiteX378" y="connsiteY378"/>
                  </a:cxn>
                  <a:cxn ang="0">
                    <a:pos x="connsiteX379" y="connsiteY379"/>
                  </a:cxn>
                  <a:cxn ang="0">
                    <a:pos x="connsiteX380" y="connsiteY380"/>
                  </a:cxn>
                  <a:cxn ang="0">
                    <a:pos x="connsiteX381" y="connsiteY381"/>
                  </a:cxn>
                  <a:cxn ang="0">
                    <a:pos x="connsiteX382" y="connsiteY382"/>
                  </a:cxn>
                  <a:cxn ang="0">
                    <a:pos x="connsiteX383" y="connsiteY383"/>
                  </a:cxn>
                  <a:cxn ang="0">
                    <a:pos x="connsiteX384" y="connsiteY384"/>
                  </a:cxn>
                  <a:cxn ang="0">
                    <a:pos x="connsiteX385" y="connsiteY385"/>
                  </a:cxn>
                  <a:cxn ang="0">
                    <a:pos x="connsiteX386" y="connsiteY386"/>
                  </a:cxn>
                  <a:cxn ang="0">
                    <a:pos x="connsiteX387" y="connsiteY387"/>
                  </a:cxn>
                  <a:cxn ang="0">
                    <a:pos x="connsiteX388" y="connsiteY388"/>
                  </a:cxn>
                  <a:cxn ang="0">
                    <a:pos x="connsiteX389" y="connsiteY389"/>
                  </a:cxn>
                  <a:cxn ang="0">
                    <a:pos x="connsiteX390" y="connsiteY390"/>
                  </a:cxn>
                  <a:cxn ang="0">
                    <a:pos x="connsiteX391" y="connsiteY391"/>
                  </a:cxn>
                  <a:cxn ang="0">
                    <a:pos x="connsiteX392" y="connsiteY392"/>
                  </a:cxn>
                  <a:cxn ang="0">
                    <a:pos x="connsiteX393" y="connsiteY393"/>
                  </a:cxn>
                  <a:cxn ang="0">
                    <a:pos x="connsiteX394" y="connsiteY394"/>
                  </a:cxn>
                  <a:cxn ang="0">
                    <a:pos x="connsiteX395" y="connsiteY395"/>
                  </a:cxn>
                  <a:cxn ang="0">
                    <a:pos x="connsiteX396" y="connsiteY396"/>
                  </a:cxn>
                  <a:cxn ang="0">
                    <a:pos x="connsiteX397" y="connsiteY397"/>
                  </a:cxn>
                  <a:cxn ang="0">
                    <a:pos x="connsiteX398" y="connsiteY398"/>
                  </a:cxn>
                  <a:cxn ang="0">
                    <a:pos x="connsiteX399" y="connsiteY399"/>
                  </a:cxn>
                  <a:cxn ang="0">
                    <a:pos x="connsiteX400" y="connsiteY400"/>
                  </a:cxn>
                  <a:cxn ang="0">
                    <a:pos x="connsiteX401" y="connsiteY401"/>
                  </a:cxn>
                  <a:cxn ang="0">
                    <a:pos x="connsiteX402" y="connsiteY402"/>
                  </a:cxn>
                  <a:cxn ang="0">
                    <a:pos x="connsiteX403" y="connsiteY403"/>
                  </a:cxn>
                  <a:cxn ang="0">
                    <a:pos x="connsiteX404" y="connsiteY404"/>
                  </a:cxn>
                  <a:cxn ang="0">
                    <a:pos x="connsiteX405" y="connsiteY405"/>
                  </a:cxn>
                  <a:cxn ang="0">
                    <a:pos x="connsiteX406" y="connsiteY406"/>
                  </a:cxn>
                  <a:cxn ang="0">
                    <a:pos x="connsiteX407" y="connsiteY407"/>
                  </a:cxn>
                  <a:cxn ang="0">
                    <a:pos x="connsiteX408" y="connsiteY408"/>
                  </a:cxn>
                  <a:cxn ang="0">
                    <a:pos x="connsiteX409" y="connsiteY409"/>
                  </a:cxn>
                  <a:cxn ang="0">
                    <a:pos x="connsiteX410" y="connsiteY410"/>
                  </a:cxn>
                  <a:cxn ang="0">
                    <a:pos x="connsiteX411" y="connsiteY411"/>
                  </a:cxn>
                  <a:cxn ang="0">
                    <a:pos x="connsiteX412" y="connsiteY412"/>
                  </a:cxn>
                  <a:cxn ang="0">
                    <a:pos x="connsiteX413" y="connsiteY413"/>
                  </a:cxn>
                  <a:cxn ang="0">
                    <a:pos x="connsiteX414" y="connsiteY414"/>
                  </a:cxn>
                  <a:cxn ang="0">
                    <a:pos x="connsiteX415" y="connsiteY415"/>
                  </a:cxn>
                  <a:cxn ang="0">
                    <a:pos x="connsiteX416" y="connsiteY416"/>
                  </a:cxn>
                  <a:cxn ang="0">
                    <a:pos x="connsiteX417" y="connsiteY417"/>
                  </a:cxn>
                  <a:cxn ang="0">
                    <a:pos x="connsiteX418" y="connsiteY418"/>
                  </a:cxn>
                  <a:cxn ang="0">
                    <a:pos x="connsiteX419" y="connsiteY419"/>
                  </a:cxn>
                  <a:cxn ang="0">
                    <a:pos x="connsiteX420" y="connsiteY420"/>
                  </a:cxn>
                  <a:cxn ang="0">
                    <a:pos x="connsiteX421" y="connsiteY421"/>
                  </a:cxn>
                  <a:cxn ang="0">
                    <a:pos x="connsiteX422" y="connsiteY422"/>
                  </a:cxn>
                  <a:cxn ang="0">
                    <a:pos x="connsiteX423" y="connsiteY423"/>
                  </a:cxn>
                  <a:cxn ang="0">
                    <a:pos x="connsiteX424" y="connsiteY424"/>
                  </a:cxn>
                  <a:cxn ang="0">
                    <a:pos x="connsiteX425" y="connsiteY425"/>
                  </a:cxn>
                  <a:cxn ang="0">
                    <a:pos x="connsiteX426" y="connsiteY426"/>
                  </a:cxn>
                  <a:cxn ang="0">
                    <a:pos x="connsiteX427" y="connsiteY427"/>
                  </a:cxn>
                  <a:cxn ang="0">
                    <a:pos x="connsiteX428" y="connsiteY428"/>
                  </a:cxn>
                  <a:cxn ang="0">
                    <a:pos x="connsiteX429" y="connsiteY429"/>
                  </a:cxn>
                </a:cxnLst>
                <a:rect l="l" t="t" r="r" b="b"/>
                <a:pathLst>
                  <a:path w="1010030" h="107343">
                    <a:moveTo>
                      <a:pt x="991859" y="60113"/>
                    </a:moveTo>
                    <a:cubicBezTo>
                      <a:pt x="991144" y="61544"/>
                      <a:pt x="990428" y="62975"/>
                      <a:pt x="989712" y="64406"/>
                    </a:cubicBezTo>
                    <a:cubicBezTo>
                      <a:pt x="988997" y="65838"/>
                      <a:pt x="987565" y="66553"/>
                      <a:pt x="985419" y="67269"/>
                    </a:cubicBezTo>
                    <a:cubicBezTo>
                      <a:pt x="983987" y="67985"/>
                      <a:pt x="981840" y="68700"/>
                      <a:pt x="979693" y="68700"/>
                    </a:cubicBezTo>
                    <a:cubicBezTo>
                      <a:pt x="977547" y="68700"/>
                      <a:pt x="976115" y="67985"/>
                      <a:pt x="973969" y="67269"/>
                    </a:cubicBezTo>
                    <a:cubicBezTo>
                      <a:pt x="972537" y="66553"/>
                      <a:pt x="971106" y="65122"/>
                      <a:pt x="969675" y="64406"/>
                    </a:cubicBezTo>
                    <a:cubicBezTo>
                      <a:pt x="968244" y="62975"/>
                      <a:pt x="967528" y="61544"/>
                      <a:pt x="966812" y="60113"/>
                    </a:cubicBezTo>
                    <a:cubicBezTo>
                      <a:pt x="966097" y="58681"/>
                      <a:pt x="966097" y="56534"/>
                      <a:pt x="966097" y="55103"/>
                    </a:cubicBezTo>
                    <a:cubicBezTo>
                      <a:pt x="966097" y="53672"/>
                      <a:pt x="966097" y="51525"/>
                      <a:pt x="966812" y="50094"/>
                    </a:cubicBezTo>
                    <a:cubicBezTo>
                      <a:pt x="967528" y="48663"/>
                      <a:pt x="968244" y="47231"/>
                      <a:pt x="969675" y="45800"/>
                    </a:cubicBezTo>
                    <a:cubicBezTo>
                      <a:pt x="971106" y="44369"/>
                      <a:pt x="971822" y="43653"/>
                      <a:pt x="973969" y="42938"/>
                    </a:cubicBezTo>
                    <a:cubicBezTo>
                      <a:pt x="975400" y="42222"/>
                      <a:pt x="977547" y="41506"/>
                      <a:pt x="979693" y="41506"/>
                    </a:cubicBezTo>
                    <a:cubicBezTo>
                      <a:pt x="981840" y="41506"/>
                      <a:pt x="983272" y="42222"/>
                      <a:pt x="985419" y="42938"/>
                    </a:cubicBezTo>
                    <a:cubicBezTo>
                      <a:pt x="986850" y="43653"/>
                      <a:pt x="988281" y="45084"/>
                      <a:pt x="989712" y="45800"/>
                    </a:cubicBezTo>
                    <a:cubicBezTo>
                      <a:pt x="990428" y="47231"/>
                      <a:pt x="991859" y="48663"/>
                      <a:pt x="991859" y="50094"/>
                    </a:cubicBezTo>
                    <a:cubicBezTo>
                      <a:pt x="992575" y="51525"/>
                      <a:pt x="992575" y="53672"/>
                      <a:pt x="992575" y="55103"/>
                    </a:cubicBezTo>
                    <a:cubicBezTo>
                      <a:pt x="993290" y="56534"/>
                      <a:pt x="992575" y="57966"/>
                      <a:pt x="991859" y="60113"/>
                    </a:cubicBezTo>
                    <a:moveTo>
                      <a:pt x="1008319" y="44369"/>
                    </a:moveTo>
                    <a:cubicBezTo>
                      <a:pt x="1006887" y="40791"/>
                      <a:pt x="1005456" y="37928"/>
                      <a:pt x="1003309" y="35066"/>
                    </a:cubicBezTo>
                    <a:cubicBezTo>
                      <a:pt x="1001162" y="32203"/>
                      <a:pt x="998300" y="30772"/>
                      <a:pt x="995437" y="28625"/>
                    </a:cubicBezTo>
                    <a:cubicBezTo>
                      <a:pt x="992575" y="27194"/>
                      <a:pt x="988997" y="26478"/>
                      <a:pt x="984703" y="26478"/>
                    </a:cubicBezTo>
                    <a:cubicBezTo>
                      <a:pt x="980409" y="26478"/>
                      <a:pt x="977547" y="27194"/>
                      <a:pt x="974684" y="28625"/>
                    </a:cubicBezTo>
                    <a:cubicBezTo>
                      <a:pt x="971822" y="30056"/>
                      <a:pt x="969675" y="32203"/>
                      <a:pt x="967528" y="34350"/>
                    </a:cubicBezTo>
                    <a:lnTo>
                      <a:pt x="967528" y="34350"/>
                    </a:lnTo>
                    <a:lnTo>
                      <a:pt x="967528" y="27909"/>
                    </a:lnTo>
                    <a:lnTo>
                      <a:pt x="950353" y="27909"/>
                    </a:lnTo>
                    <a:lnTo>
                      <a:pt x="950353" y="107344"/>
                    </a:lnTo>
                    <a:lnTo>
                      <a:pt x="968244" y="107344"/>
                    </a:lnTo>
                    <a:lnTo>
                      <a:pt x="968244" y="75856"/>
                    </a:lnTo>
                    <a:lnTo>
                      <a:pt x="968244" y="75856"/>
                    </a:lnTo>
                    <a:cubicBezTo>
                      <a:pt x="969675" y="78003"/>
                      <a:pt x="972537" y="80150"/>
                      <a:pt x="975400" y="81581"/>
                    </a:cubicBezTo>
                    <a:cubicBezTo>
                      <a:pt x="978262" y="83013"/>
                      <a:pt x="981125" y="83728"/>
                      <a:pt x="984703" y="83728"/>
                    </a:cubicBezTo>
                    <a:cubicBezTo>
                      <a:pt x="988997" y="83728"/>
                      <a:pt x="992575" y="83013"/>
                      <a:pt x="995437" y="81581"/>
                    </a:cubicBezTo>
                    <a:cubicBezTo>
                      <a:pt x="998300" y="80150"/>
                      <a:pt x="1001162" y="78003"/>
                      <a:pt x="1003309" y="75141"/>
                    </a:cubicBezTo>
                    <a:cubicBezTo>
                      <a:pt x="1005456" y="72278"/>
                      <a:pt x="1006887" y="69416"/>
                      <a:pt x="1008319" y="65838"/>
                    </a:cubicBezTo>
                    <a:cubicBezTo>
                      <a:pt x="1009750" y="62260"/>
                      <a:pt x="1009750" y="58681"/>
                      <a:pt x="1009750" y="55103"/>
                    </a:cubicBezTo>
                    <a:cubicBezTo>
                      <a:pt x="1010465" y="50809"/>
                      <a:pt x="1009750" y="47231"/>
                      <a:pt x="1008319" y="44369"/>
                    </a:cubicBezTo>
                    <a:moveTo>
                      <a:pt x="936756" y="81581"/>
                    </a:moveTo>
                    <a:lnTo>
                      <a:pt x="936756" y="27909"/>
                    </a:lnTo>
                    <a:lnTo>
                      <a:pt x="918865" y="27909"/>
                    </a:lnTo>
                    <a:lnTo>
                      <a:pt x="918865" y="57250"/>
                    </a:lnTo>
                    <a:cubicBezTo>
                      <a:pt x="918865" y="60113"/>
                      <a:pt x="918150" y="62975"/>
                      <a:pt x="916718" y="65122"/>
                    </a:cubicBezTo>
                    <a:cubicBezTo>
                      <a:pt x="915287" y="67269"/>
                      <a:pt x="912425" y="68700"/>
                      <a:pt x="909562" y="68700"/>
                    </a:cubicBezTo>
                    <a:cubicBezTo>
                      <a:pt x="908131" y="68700"/>
                      <a:pt x="906700" y="68700"/>
                      <a:pt x="905268" y="67985"/>
                    </a:cubicBezTo>
                    <a:cubicBezTo>
                      <a:pt x="904553" y="67269"/>
                      <a:pt x="903121" y="66553"/>
                      <a:pt x="903121" y="65122"/>
                    </a:cubicBezTo>
                    <a:cubicBezTo>
                      <a:pt x="902406" y="63691"/>
                      <a:pt x="902406" y="62975"/>
                      <a:pt x="901690" y="61544"/>
                    </a:cubicBezTo>
                    <a:cubicBezTo>
                      <a:pt x="901690" y="60113"/>
                      <a:pt x="901690" y="58681"/>
                      <a:pt x="901690" y="57250"/>
                    </a:cubicBezTo>
                    <a:lnTo>
                      <a:pt x="901690" y="27909"/>
                    </a:lnTo>
                    <a:lnTo>
                      <a:pt x="883800" y="27909"/>
                    </a:lnTo>
                    <a:lnTo>
                      <a:pt x="883800" y="60828"/>
                    </a:lnTo>
                    <a:cubicBezTo>
                      <a:pt x="883800" y="63691"/>
                      <a:pt x="883800" y="66553"/>
                      <a:pt x="884515" y="68700"/>
                    </a:cubicBezTo>
                    <a:cubicBezTo>
                      <a:pt x="885231" y="71563"/>
                      <a:pt x="886662" y="73710"/>
                      <a:pt x="888093" y="75856"/>
                    </a:cubicBezTo>
                    <a:cubicBezTo>
                      <a:pt x="889525" y="78003"/>
                      <a:pt x="891671" y="79435"/>
                      <a:pt x="893818" y="80866"/>
                    </a:cubicBezTo>
                    <a:cubicBezTo>
                      <a:pt x="895965" y="82297"/>
                      <a:pt x="899543" y="83013"/>
                      <a:pt x="903121" y="83013"/>
                    </a:cubicBezTo>
                    <a:cubicBezTo>
                      <a:pt x="905268" y="83013"/>
                      <a:pt x="906700" y="83013"/>
                      <a:pt x="908131" y="82297"/>
                    </a:cubicBezTo>
                    <a:cubicBezTo>
                      <a:pt x="909562" y="81581"/>
                      <a:pt x="911709" y="80866"/>
                      <a:pt x="912425" y="80150"/>
                    </a:cubicBezTo>
                    <a:cubicBezTo>
                      <a:pt x="913856" y="79435"/>
                      <a:pt x="915287" y="78719"/>
                      <a:pt x="916003" y="77288"/>
                    </a:cubicBezTo>
                    <a:cubicBezTo>
                      <a:pt x="916718" y="75856"/>
                      <a:pt x="918150" y="75141"/>
                      <a:pt x="918865" y="73710"/>
                    </a:cubicBezTo>
                    <a:lnTo>
                      <a:pt x="918865" y="73710"/>
                    </a:lnTo>
                    <a:lnTo>
                      <a:pt x="918865" y="80866"/>
                    </a:lnTo>
                    <a:lnTo>
                      <a:pt x="936756" y="81581"/>
                    </a:lnTo>
                    <a:lnTo>
                      <a:pt x="936756" y="81581"/>
                    </a:lnTo>
                    <a:close/>
                    <a:moveTo>
                      <a:pt x="855174" y="60113"/>
                    </a:moveTo>
                    <a:cubicBezTo>
                      <a:pt x="854459" y="61544"/>
                      <a:pt x="853743" y="62975"/>
                      <a:pt x="853028" y="64406"/>
                    </a:cubicBezTo>
                    <a:cubicBezTo>
                      <a:pt x="851596" y="65838"/>
                      <a:pt x="850881" y="66553"/>
                      <a:pt x="848734" y="67269"/>
                    </a:cubicBezTo>
                    <a:cubicBezTo>
                      <a:pt x="847302" y="67985"/>
                      <a:pt x="845156" y="68700"/>
                      <a:pt x="843009" y="68700"/>
                    </a:cubicBezTo>
                    <a:cubicBezTo>
                      <a:pt x="840862" y="68700"/>
                      <a:pt x="839431" y="67985"/>
                      <a:pt x="837284" y="67269"/>
                    </a:cubicBezTo>
                    <a:cubicBezTo>
                      <a:pt x="835853" y="66553"/>
                      <a:pt x="834421" y="65122"/>
                      <a:pt x="832990" y="64406"/>
                    </a:cubicBezTo>
                    <a:cubicBezTo>
                      <a:pt x="831559" y="62975"/>
                      <a:pt x="830843" y="61544"/>
                      <a:pt x="830843" y="60113"/>
                    </a:cubicBezTo>
                    <a:cubicBezTo>
                      <a:pt x="830127" y="58681"/>
                      <a:pt x="830127" y="56534"/>
                      <a:pt x="830127" y="55103"/>
                    </a:cubicBezTo>
                    <a:cubicBezTo>
                      <a:pt x="830127" y="53672"/>
                      <a:pt x="830127" y="51525"/>
                      <a:pt x="830843" y="50094"/>
                    </a:cubicBezTo>
                    <a:cubicBezTo>
                      <a:pt x="831559" y="48663"/>
                      <a:pt x="832274" y="47231"/>
                      <a:pt x="832990" y="45800"/>
                    </a:cubicBezTo>
                    <a:cubicBezTo>
                      <a:pt x="833706" y="44369"/>
                      <a:pt x="835137" y="43653"/>
                      <a:pt x="837284" y="42938"/>
                    </a:cubicBezTo>
                    <a:cubicBezTo>
                      <a:pt x="838715" y="42222"/>
                      <a:pt x="840862" y="41506"/>
                      <a:pt x="843009" y="41506"/>
                    </a:cubicBezTo>
                    <a:cubicBezTo>
                      <a:pt x="845156" y="41506"/>
                      <a:pt x="846587" y="42222"/>
                      <a:pt x="848734" y="42938"/>
                    </a:cubicBezTo>
                    <a:cubicBezTo>
                      <a:pt x="850165" y="43653"/>
                      <a:pt x="851596" y="45084"/>
                      <a:pt x="853028" y="45800"/>
                    </a:cubicBezTo>
                    <a:cubicBezTo>
                      <a:pt x="854459" y="47231"/>
                      <a:pt x="855174" y="48663"/>
                      <a:pt x="855174" y="50094"/>
                    </a:cubicBezTo>
                    <a:cubicBezTo>
                      <a:pt x="855890" y="51525"/>
                      <a:pt x="855890" y="53672"/>
                      <a:pt x="855890" y="55103"/>
                    </a:cubicBezTo>
                    <a:cubicBezTo>
                      <a:pt x="855890" y="56534"/>
                      <a:pt x="855890" y="57966"/>
                      <a:pt x="855174" y="60113"/>
                    </a:cubicBezTo>
                    <a:moveTo>
                      <a:pt x="870203" y="42938"/>
                    </a:moveTo>
                    <a:cubicBezTo>
                      <a:pt x="868771" y="39359"/>
                      <a:pt x="866624" y="36497"/>
                      <a:pt x="863762" y="33634"/>
                    </a:cubicBezTo>
                    <a:cubicBezTo>
                      <a:pt x="860899" y="31488"/>
                      <a:pt x="858037" y="29341"/>
                      <a:pt x="854459" y="27909"/>
                    </a:cubicBezTo>
                    <a:cubicBezTo>
                      <a:pt x="850881" y="26478"/>
                      <a:pt x="847302" y="25763"/>
                      <a:pt x="843009" y="25763"/>
                    </a:cubicBezTo>
                    <a:cubicBezTo>
                      <a:pt x="838715" y="25763"/>
                      <a:pt x="835137" y="26478"/>
                      <a:pt x="831559" y="27909"/>
                    </a:cubicBezTo>
                    <a:cubicBezTo>
                      <a:pt x="827981" y="29341"/>
                      <a:pt x="825118" y="30772"/>
                      <a:pt x="822256" y="33634"/>
                    </a:cubicBezTo>
                    <a:cubicBezTo>
                      <a:pt x="819393" y="35781"/>
                      <a:pt x="817246" y="39359"/>
                      <a:pt x="815815" y="42938"/>
                    </a:cubicBezTo>
                    <a:cubicBezTo>
                      <a:pt x="814384" y="46516"/>
                      <a:pt x="813668" y="50094"/>
                      <a:pt x="813668" y="55103"/>
                    </a:cubicBezTo>
                    <a:cubicBezTo>
                      <a:pt x="813668" y="59397"/>
                      <a:pt x="814384" y="63691"/>
                      <a:pt x="815815" y="67269"/>
                    </a:cubicBezTo>
                    <a:cubicBezTo>
                      <a:pt x="817246" y="70847"/>
                      <a:pt x="819393" y="73710"/>
                      <a:pt x="822256" y="76572"/>
                    </a:cubicBezTo>
                    <a:cubicBezTo>
                      <a:pt x="825118" y="78719"/>
                      <a:pt x="827981" y="80866"/>
                      <a:pt x="831559" y="82297"/>
                    </a:cubicBezTo>
                    <a:cubicBezTo>
                      <a:pt x="835137" y="83728"/>
                      <a:pt x="838715" y="84444"/>
                      <a:pt x="843009" y="84444"/>
                    </a:cubicBezTo>
                    <a:cubicBezTo>
                      <a:pt x="847302" y="84444"/>
                      <a:pt x="850881" y="83728"/>
                      <a:pt x="854459" y="82297"/>
                    </a:cubicBezTo>
                    <a:cubicBezTo>
                      <a:pt x="858037" y="80866"/>
                      <a:pt x="860899" y="78719"/>
                      <a:pt x="863762" y="76572"/>
                    </a:cubicBezTo>
                    <a:cubicBezTo>
                      <a:pt x="866624" y="74425"/>
                      <a:pt x="868771" y="70847"/>
                      <a:pt x="870203" y="67269"/>
                    </a:cubicBezTo>
                    <a:cubicBezTo>
                      <a:pt x="871634" y="63691"/>
                      <a:pt x="872349" y="59397"/>
                      <a:pt x="872349" y="55103"/>
                    </a:cubicBezTo>
                    <a:cubicBezTo>
                      <a:pt x="873065" y="50094"/>
                      <a:pt x="872349" y="46516"/>
                      <a:pt x="870203" y="42938"/>
                    </a:cubicBezTo>
                    <a:moveTo>
                      <a:pt x="808659" y="27194"/>
                    </a:moveTo>
                    <a:cubicBezTo>
                      <a:pt x="807943" y="27194"/>
                      <a:pt x="807943" y="27194"/>
                      <a:pt x="807227" y="27194"/>
                    </a:cubicBezTo>
                    <a:cubicBezTo>
                      <a:pt x="806512" y="27194"/>
                      <a:pt x="805796" y="27194"/>
                      <a:pt x="805081" y="27194"/>
                    </a:cubicBezTo>
                    <a:cubicBezTo>
                      <a:pt x="801502" y="27194"/>
                      <a:pt x="798640" y="27909"/>
                      <a:pt x="796493" y="30056"/>
                    </a:cubicBezTo>
                    <a:cubicBezTo>
                      <a:pt x="793630" y="31488"/>
                      <a:pt x="792199" y="34350"/>
                      <a:pt x="790768" y="36497"/>
                    </a:cubicBezTo>
                    <a:lnTo>
                      <a:pt x="790768" y="36497"/>
                    </a:lnTo>
                    <a:lnTo>
                      <a:pt x="790768" y="27909"/>
                    </a:lnTo>
                    <a:lnTo>
                      <a:pt x="772877" y="27909"/>
                    </a:lnTo>
                    <a:lnTo>
                      <a:pt x="772877" y="81581"/>
                    </a:lnTo>
                    <a:lnTo>
                      <a:pt x="790768" y="81581"/>
                    </a:lnTo>
                    <a:lnTo>
                      <a:pt x="790768" y="54388"/>
                    </a:lnTo>
                    <a:cubicBezTo>
                      <a:pt x="790768" y="53672"/>
                      <a:pt x="790768" y="52241"/>
                      <a:pt x="791484" y="50809"/>
                    </a:cubicBezTo>
                    <a:cubicBezTo>
                      <a:pt x="792199" y="49378"/>
                      <a:pt x="792915" y="47947"/>
                      <a:pt x="793630" y="46516"/>
                    </a:cubicBezTo>
                    <a:cubicBezTo>
                      <a:pt x="794346" y="45084"/>
                      <a:pt x="795777" y="44369"/>
                      <a:pt x="797209" y="43653"/>
                    </a:cubicBezTo>
                    <a:cubicBezTo>
                      <a:pt x="798640" y="42938"/>
                      <a:pt x="800787" y="42222"/>
                      <a:pt x="802934" y="42222"/>
                    </a:cubicBezTo>
                    <a:cubicBezTo>
                      <a:pt x="803649" y="42222"/>
                      <a:pt x="804365" y="42222"/>
                      <a:pt x="805081" y="42222"/>
                    </a:cubicBezTo>
                    <a:cubicBezTo>
                      <a:pt x="805796" y="42222"/>
                      <a:pt x="806512" y="42222"/>
                      <a:pt x="807227" y="42938"/>
                    </a:cubicBezTo>
                    <a:lnTo>
                      <a:pt x="808659" y="27194"/>
                    </a:lnTo>
                    <a:close/>
                    <a:moveTo>
                      <a:pt x="759280" y="77288"/>
                    </a:moveTo>
                    <a:lnTo>
                      <a:pt x="759280" y="36497"/>
                    </a:lnTo>
                    <a:lnTo>
                      <a:pt x="727793" y="36497"/>
                    </a:lnTo>
                    <a:lnTo>
                      <a:pt x="727793" y="51525"/>
                    </a:lnTo>
                    <a:lnTo>
                      <a:pt x="742105" y="51525"/>
                    </a:lnTo>
                    <a:lnTo>
                      <a:pt x="742105" y="65122"/>
                    </a:lnTo>
                    <a:cubicBezTo>
                      <a:pt x="740674" y="65838"/>
                      <a:pt x="738527" y="66553"/>
                      <a:pt x="736380" y="66553"/>
                    </a:cubicBezTo>
                    <a:cubicBezTo>
                      <a:pt x="734233" y="66553"/>
                      <a:pt x="732087" y="67269"/>
                      <a:pt x="729940" y="67269"/>
                    </a:cubicBezTo>
                    <a:cubicBezTo>
                      <a:pt x="726362" y="67269"/>
                      <a:pt x="722783" y="66553"/>
                      <a:pt x="719921" y="65838"/>
                    </a:cubicBezTo>
                    <a:cubicBezTo>
                      <a:pt x="717058" y="64406"/>
                      <a:pt x="714911" y="62975"/>
                      <a:pt x="712765" y="60828"/>
                    </a:cubicBezTo>
                    <a:cubicBezTo>
                      <a:pt x="710618" y="58681"/>
                      <a:pt x="709187" y="56534"/>
                      <a:pt x="708471" y="52956"/>
                    </a:cubicBezTo>
                    <a:cubicBezTo>
                      <a:pt x="707755" y="50094"/>
                      <a:pt x="707040" y="46516"/>
                      <a:pt x="707040" y="42938"/>
                    </a:cubicBezTo>
                    <a:cubicBezTo>
                      <a:pt x="707040" y="39359"/>
                      <a:pt x="707755" y="36497"/>
                      <a:pt x="708471" y="33634"/>
                    </a:cubicBezTo>
                    <a:cubicBezTo>
                      <a:pt x="709902" y="30772"/>
                      <a:pt x="711333" y="27909"/>
                      <a:pt x="713480" y="25763"/>
                    </a:cubicBezTo>
                    <a:cubicBezTo>
                      <a:pt x="715627" y="23616"/>
                      <a:pt x="717774" y="22184"/>
                      <a:pt x="720637" y="20753"/>
                    </a:cubicBezTo>
                    <a:cubicBezTo>
                      <a:pt x="723499" y="19322"/>
                      <a:pt x="726362" y="19322"/>
                      <a:pt x="729940" y="19322"/>
                    </a:cubicBezTo>
                    <a:cubicBezTo>
                      <a:pt x="733518" y="19322"/>
                      <a:pt x="737096" y="20038"/>
                      <a:pt x="739958" y="21469"/>
                    </a:cubicBezTo>
                    <a:cubicBezTo>
                      <a:pt x="742821" y="22900"/>
                      <a:pt x="744968" y="24331"/>
                      <a:pt x="747115" y="26478"/>
                    </a:cubicBezTo>
                    <a:lnTo>
                      <a:pt x="758565" y="13597"/>
                    </a:lnTo>
                    <a:cubicBezTo>
                      <a:pt x="754987" y="10734"/>
                      <a:pt x="751408" y="7872"/>
                      <a:pt x="745683" y="6441"/>
                    </a:cubicBezTo>
                    <a:cubicBezTo>
                      <a:pt x="740674" y="4294"/>
                      <a:pt x="734949" y="3578"/>
                      <a:pt x="728508" y="3578"/>
                    </a:cubicBezTo>
                    <a:cubicBezTo>
                      <a:pt x="722783" y="3578"/>
                      <a:pt x="717058" y="4294"/>
                      <a:pt x="712049" y="6441"/>
                    </a:cubicBezTo>
                    <a:cubicBezTo>
                      <a:pt x="707040" y="8588"/>
                      <a:pt x="702746" y="10734"/>
                      <a:pt x="699168" y="14313"/>
                    </a:cubicBezTo>
                    <a:cubicBezTo>
                      <a:pt x="695590" y="17891"/>
                      <a:pt x="692727" y="22184"/>
                      <a:pt x="690580" y="27194"/>
                    </a:cubicBezTo>
                    <a:cubicBezTo>
                      <a:pt x="688433" y="32203"/>
                      <a:pt x="687718" y="37928"/>
                      <a:pt x="687718" y="43653"/>
                    </a:cubicBezTo>
                    <a:cubicBezTo>
                      <a:pt x="687718" y="49378"/>
                      <a:pt x="688433" y="55103"/>
                      <a:pt x="690580" y="60113"/>
                    </a:cubicBezTo>
                    <a:cubicBezTo>
                      <a:pt x="692727" y="65122"/>
                      <a:pt x="695590" y="69416"/>
                      <a:pt x="699168" y="72994"/>
                    </a:cubicBezTo>
                    <a:cubicBezTo>
                      <a:pt x="702746" y="76572"/>
                      <a:pt x="707040" y="79435"/>
                      <a:pt x="712765" y="80866"/>
                    </a:cubicBezTo>
                    <a:cubicBezTo>
                      <a:pt x="717774" y="83013"/>
                      <a:pt x="723499" y="83728"/>
                      <a:pt x="729940" y="83728"/>
                    </a:cubicBezTo>
                    <a:cubicBezTo>
                      <a:pt x="735665" y="83728"/>
                      <a:pt x="741390" y="83013"/>
                      <a:pt x="746399" y="81581"/>
                    </a:cubicBezTo>
                    <a:cubicBezTo>
                      <a:pt x="750693" y="80866"/>
                      <a:pt x="754987" y="79435"/>
                      <a:pt x="759280" y="77288"/>
                    </a:cubicBezTo>
                    <a:moveTo>
                      <a:pt x="659808" y="0"/>
                    </a:moveTo>
                    <a:lnTo>
                      <a:pt x="641918" y="0"/>
                    </a:lnTo>
                    <a:lnTo>
                      <a:pt x="641918" y="81581"/>
                    </a:lnTo>
                    <a:lnTo>
                      <a:pt x="659808" y="81581"/>
                    </a:lnTo>
                    <a:lnTo>
                      <a:pt x="659808" y="0"/>
                    </a:lnTo>
                    <a:close/>
                    <a:moveTo>
                      <a:pt x="628321" y="0"/>
                    </a:moveTo>
                    <a:lnTo>
                      <a:pt x="610430" y="0"/>
                    </a:lnTo>
                    <a:lnTo>
                      <a:pt x="610430" y="81581"/>
                    </a:lnTo>
                    <a:lnTo>
                      <a:pt x="628321" y="81581"/>
                    </a:lnTo>
                    <a:lnTo>
                      <a:pt x="628321" y="0"/>
                    </a:lnTo>
                    <a:close/>
                    <a:moveTo>
                      <a:pt x="556758" y="45084"/>
                    </a:moveTo>
                    <a:cubicBezTo>
                      <a:pt x="558189" y="43653"/>
                      <a:pt x="560336" y="42222"/>
                      <a:pt x="562483" y="41506"/>
                    </a:cubicBezTo>
                    <a:cubicBezTo>
                      <a:pt x="564630" y="40075"/>
                      <a:pt x="567492" y="40075"/>
                      <a:pt x="569639" y="40075"/>
                    </a:cubicBezTo>
                    <a:cubicBezTo>
                      <a:pt x="572502" y="40075"/>
                      <a:pt x="574649" y="40791"/>
                      <a:pt x="576796" y="42222"/>
                    </a:cubicBezTo>
                    <a:cubicBezTo>
                      <a:pt x="578942" y="43653"/>
                      <a:pt x="579658" y="45084"/>
                      <a:pt x="579658" y="47947"/>
                    </a:cubicBezTo>
                    <a:lnTo>
                      <a:pt x="579658" y="48663"/>
                    </a:lnTo>
                    <a:cubicBezTo>
                      <a:pt x="576080" y="48663"/>
                      <a:pt x="571786" y="48663"/>
                      <a:pt x="567492" y="49378"/>
                    </a:cubicBezTo>
                    <a:cubicBezTo>
                      <a:pt x="563199" y="50094"/>
                      <a:pt x="559620" y="50809"/>
                      <a:pt x="556042" y="52241"/>
                    </a:cubicBezTo>
                    <a:cubicBezTo>
                      <a:pt x="552464" y="53672"/>
                      <a:pt x="550317" y="55103"/>
                      <a:pt x="548170" y="57966"/>
                    </a:cubicBezTo>
                    <a:cubicBezTo>
                      <a:pt x="546024" y="60113"/>
                      <a:pt x="545308" y="63691"/>
                      <a:pt x="545308" y="67269"/>
                    </a:cubicBezTo>
                    <a:cubicBezTo>
                      <a:pt x="545308" y="70131"/>
                      <a:pt x="546024" y="72994"/>
                      <a:pt x="547455" y="75141"/>
                    </a:cubicBezTo>
                    <a:cubicBezTo>
                      <a:pt x="548886" y="77288"/>
                      <a:pt x="550317" y="78719"/>
                      <a:pt x="552464" y="80150"/>
                    </a:cubicBezTo>
                    <a:cubicBezTo>
                      <a:pt x="554611" y="81581"/>
                      <a:pt x="556758" y="82297"/>
                      <a:pt x="558905" y="83013"/>
                    </a:cubicBezTo>
                    <a:cubicBezTo>
                      <a:pt x="561052" y="83728"/>
                      <a:pt x="563199" y="83728"/>
                      <a:pt x="565345" y="83728"/>
                    </a:cubicBezTo>
                    <a:cubicBezTo>
                      <a:pt x="568924" y="83728"/>
                      <a:pt x="571786" y="83013"/>
                      <a:pt x="574649" y="81581"/>
                    </a:cubicBezTo>
                    <a:cubicBezTo>
                      <a:pt x="577511" y="80150"/>
                      <a:pt x="579658" y="78719"/>
                      <a:pt x="581089" y="76572"/>
                    </a:cubicBezTo>
                    <a:lnTo>
                      <a:pt x="581089" y="76572"/>
                    </a:lnTo>
                    <a:lnTo>
                      <a:pt x="581089" y="82297"/>
                    </a:lnTo>
                    <a:lnTo>
                      <a:pt x="597549" y="82297"/>
                    </a:lnTo>
                    <a:lnTo>
                      <a:pt x="597549" y="55103"/>
                    </a:lnTo>
                    <a:cubicBezTo>
                      <a:pt x="597549" y="50094"/>
                      <a:pt x="596833" y="45800"/>
                      <a:pt x="596117" y="42222"/>
                    </a:cubicBezTo>
                    <a:cubicBezTo>
                      <a:pt x="595402" y="38644"/>
                      <a:pt x="593971" y="35781"/>
                      <a:pt x="591824" y="33634"/>
                    </a:cubicBezTo>
                    <a:cubicBezTo>
                      <a:pt x="589677" y="31488"/>
                      <a:pt x="587530" y="29341"/>
                      <a:pt x="583952" y="28625"/>
                    </a:cubicBezTo>
                    <a:cubicBezTo>
                      <a:pt x="581089" y="27194"/>
                      <a:pt x="576796" y="27194"/>
                      <a:pt x="572502" y="27194"/>
                    </a:cubicBezTo>
                    <a:cubicBezTo>
                      <a:pt x="568208" y="27194"/>
                      <a:pt x="563914" y="27909"/>
                      <a:pt x="559620" y="29341"/>
                    </a:cubicBezTo>
                    <a:cubicBezTo>
                      <a:pt x="555327" y="30772"/>
                      <a:pt x="551749" y="32919"/>
                      <a:pt x="548886" y="36497"/>
                    </a:cubicBezTo>
                    <a:lnTo>
                      <a:pt x="556758" y="45084"/>
                    </a:lnTo>
                    <a:close/>
                    <a:moveTo>
                      <a:pt x="580374" y="60113"/>
                    </a:moveTo>
                    <a:cubicBezTo>
                      <a:pt x="580374" y="63691"/>
                      <a:pt x="579658" y="65838"/>
                      <a:pt x="577511" y="67985"/>
                    </a:cubicBezTo>
                    <a:cubicBezTo>
                      <a:pt x="575364" y="70131"/>
                      <a:pt x="572502" y="70847"/>
                      <a:pt x="568924" y="70847"/>
                    </a:cubicBezTo>
                    <a:cubicBezTo>
                      <a:pt x="568208" y="70847"/>
                      <a:pt x="567492" y="70847"/>
                      <a:pt x="566061" y="70847"/>
                    </a:cubicBezTo>
                    <a:cubicBezTo>
                      <a:pt x="565345" y="70847"/>
                      <a:pt x="564630" y="70131"/>
                      <a:pt x="563914" y="70131"/>
                    </a:cubicBezTo>
                    <a:cubicBezTo>
                      <a:pt x="563199" y="69416"/>
                      <a:pt x="562483" y="69416"/>
                      <a:pt x="562483" y="68700"/>
                    </a:cubicBezTo>
                    <a:cubicBezTo>
                      <a:pt x="561767" y="67985"/>
                      <a:pt x="561767" y="67269"/>
                      <a:pt x="561767" y="65838"/>
                    </a:cubicBezTo>
                    <a:cubicBezTo>
                      <a:pt x="561767" y="64406"/>
                      <a:pt x="562483" y="62975"/>
                      <a:pt x="563199" y="62260"/>
                    </a:cubicBezTo>
                    <a:cubicBezTo>
                      <a:pt x="563914" y="61544"/>
                      <a:pt x="565345" y="60828"/>
                      <a:pt x="566777" y="60113"/>
                    </a:cubicBezTo>
                    <a:cubicBezTo>
                      <a:pt x="568208" y="59397"/>
                      <a:pt x="570355" y="59397"/>
                      <a:pt x="571786" y="59397"/>
                    </a:cubicBezTo>
                    <a:cubicBezTo>
                      <a:pt x="573933" y="59397"/>
                      <a:pt x="576080" y="59397"/>
                      <a:pt x="577511" y="59397"/>
                    </a:cubicBezTo>
                    <a:lnTo>
                      <a:pt x="579658" y="59397"/>
                    </a:lnTo>
                    <a:lnTo>
                      <a:pt x="580374" y="60113"/>
                    </a:lnTo>
                    <a:lnTo>
                      <a:pt x="580374" y="60113"/>
                    </a:lnTo>
                    <a:close/>
                    <a:moveTo>
                      <a:pt x="533858" y="81581"/>
                    </a:moveTo>
                    <a:lnTo>
                      <a:pt x="533858" y="5725"/>
                    </a:lnTo>
                    <a:lnTo>
                      <a:pt x="515252" y="5725"/>
                    </a:lnTo>
                    <a:lnTo>
                      <a:pt x="515252" y="34350"/>
                    </a:lnTo>
                    <a:lnTo>
                      <a:pt x="485195" y="34350"/>
                    </a:lnTo>
                    <a:lnTo>
                      <a:pt x="485195" y="5725"/>
                    </a:lnTo>
                    <a:lnTo>
                      <a:pt x="466589" y="5725"/>
                    </a:lnTo>
                    <a:lnTo>
                      <a:pt x="466589" y="82297"/>
                    </a:lnTo>
                    <a:lnTo>
                      <a:pt x="485195" y="82297"/>
                    </a:lnTo>
                    <a:lnTo>
                      <a:pt x="485195" y="50094"/>
                    </a:lnTo>
                    <a:lnTo>
                      <a:pt x="515252" y="50094"/>
                    </a:lnTo>
                    <a:lnTo>
                      <a:pt x="515252" y="82297"/>
                    </a:lnTo>
                    <a:lnTo>
                      <a:pt x="533858" y="81581"/>
                    </a:lnTo>
                    <a:lnTo>
                      <a:pt x="533858" y="81581"/>
                    </a:lnTo>
                    <a:close/>
                    <a:moveTo>
                      <a:pt x="434386" y="81581"/>
                    </a:moveTo>
                    <a:lnTo>
                      <a:pt x="434386" y="48663"/>
                    </a:lnTo>
                    <a:cubicBezTo>
                      <a:pt x="434386" y="45800"/>
                      <a:pt x="434386" y="43653"/>
                      <a:pt x="433670" y="40791"/>
                    </a:cubicBezTo>
                    <a:cubicBezTo>
                      <a:pt x="432954" y="37928"/>
                      <a:pt x="431523" y="35781"/>
                      <a:pt x="430092" y="33634"/>
                    </a:cubicBezTo>
                    <a:cubicBezTo>
                      <a:pt x="428661" y="31488"/>
                      <a:pt x="426514" y="30056"/>
                      <a:pt x="423651" y="28625"/>
                    </a:cubicBezTo>
                    <a:cubicBezTo>
                      <a:pt x="420789" y="27194"/>
                      <a:pt x="417926" y="26478"/>
                      <a:pt x="414348" y="26478"/>
                    </a:cubicBezTo>
                    <a:cubicBezTo>
                      <a:pt x="412201" y="26478"/>
                      <a:pt x="410770" y="26478"/>
                      <a:pt x="409339" y="27194"/>
                    </a:cubicBezTo>
                    <a:cubicBezTo>
                      <a:pt x="407907" y="27909"/>
                      <a:pt x="406476" y="28625"/>
                      <a:pt x="405045" y="29341"/>
                    </a:cubicBezTo>
                    <a:cubicBezTo>
                      <a:pt x="403614" y="30056"/>
                      <a:pt x="402182" y="30772"/>
                      <a:pt x="401467" y="32203"/>
                    </a:cubicBezTo>
                    <a:cubicBezTo>
                      <a:pt x="400751" y="33634"/>
                      <a:pt x="399320" y="34350"/>
                      <a:pt x="398604" y="35781"/>
                    </a:cubicBezTo>
                    <a:lnTo>
                      <a:pt x="398604" y="35781"/>
                    </a:lnTo>
                    <a:lnTo>
                      <a:pt x="398604" y="28625"/>
                    </a:lnTo>
                    <a:lnTo>
                      <a:pt x="381429" y="28625"/>
                    </a:lnTo>
                    <a:lnTo>
                      <a:pt x="381429" y="82297"/>
                    </a:lnTo>
                    <a:lnTo>
                      <a:pt x="399320" y="82297"/>
                    </a:lnTo>
                    <a:lnTo>
                      <a:pt x="399320" y="52956"/>
                    </a:lnTo>
                    <a:cubicBezTo>
                      <a:pt x="399320" y="51525"/>
                      <a:pt x="399320" y="50094"/>
                      <a:pt x="400036" y="48663"/>
                    </a:cubicBezTo>
                    <a:cubicBezTo>
                      <a:pt x="400751" y="47231"/>
                      <a:pt x="400751" y="45800"/>
                      <a:pt x="401467" y="45084"/>
                    </a:cubicBezTo>
                    <a:cubicBezTo>
                      <a:pt x="402182" y="44369"/>
                      <a:pt x="402898" y="42938"/>
                      <a:pt x="404329" y="42222"/>
                    </a:cubicBezTo>
                    <a:cubicBezTo>
                      <a:pt x="405761" y="41506"/>
                      <a:pt x="407192" y="41506"/>
                      <a:pt x="408623" y="41506"/>
                    </a:cubicBezTo>
                    <a:cubicBezTo>
                      <a:pt x="410054" y="41506"/>
                      <a:pt x="411486" y="41506"/>
                      <a:pt x="412917" y="42222"/>
                    </a:cubicBezTo>
                    <a:cubicBezTo>
                      <a:pt x="413633" y="42938"/>
                      <a:pt x="415064" y="43653"/>
                      <a:pt x="415064" y="44369"/>
                    </a:cubicBezTo>
                    <a:cubicBezTo>
                      <a:pt x="415779" y="45084"/>
                      <a:pt x="415779" y="46516"/>
                      <a:pt x="416495" y="47947"/>
                    </a:cubicBezTo>
                    <a:cubicBezTo>
                      <a:pt x="416495" y="49378"/>
                      <a:pt x="417211" y="50809"/>
                      <a:pt x="417211" y="52241"/>
                    </a:cubicBezTo>
                    <a:lnTo>
                      <a:pt x="417211" y="81581"/>
                    </a:lnTo>
                    <a:cubicBezTo>
                      <a:pt x="417211" y="81581"/>
                      <a:pt x="434386" y="81581"/>
                      <a:pt x="434386" y="81581"/>
                    </a:cubicBezTo>
                    <a:close/>
                    <a:moveTo>
                      <a:pt x="352089" y="60113"/>
                    </a:moveTo>
                    <a:cubicBezTo>
                      <a:pt x="351373" y="61544"/>
                      <a:pt x="350657" y="62975"/>
                      <a:pt x="349942" y="64406"/>
                    </a:cubicBezTo>
                    <a:cubicBezTo>
                      <a:pt x="348510" y="65838"/>
                      <a:pt x="347795" y="66553"/>
                      <a:pt x="345648" y="67269"/>
                    </a:cubicBezTo>
                    <a:cubicBezTo>
                      <a:pt x="344217" y="67985"/>
                      <a:pt x="342070" y="68700"/>
                      <a:pt x="339923" y="68700"/>
                    </a:cubicBezTo>
                    <a:cubicBezTo>
                      <a:pt x="337776" y="68700"/>
                      <a:pt x="336345" y="67985"/>
                      <a:pt x="334198" y="67269"/>
                    </a:cubicBezTo>
                    <a:cubicBezTo>
                      <a:pt x="332767" y="66553"/>
                      <a:pt x="331335" y="65122"/>
                      <a:pt x="329904" y="64406"/>
                    </a:cubicBezTo>
                    <a:cubicBezTo>
                      <a:pt x="328473" y="62975"/>
                      <a:pt x="327757" y="61544"/>
                      <a:pt x="327757" y="60113"/>
                    </a:cubicBezTo>
                    <a:cubicBezTo>
                      <a:pt x="327042" y="58681"/>
                      <a:pt x="327042" y="56534"/>
                      <a:pt x="327042" y="55103"/>
                    </a:cubicBezTo>
                    <a:cubicBezTo>
                      <a:pt x="327042" y="53672"/>
                      <a:pt x="327042" y="51525"/>
                      <a:pt x="327757" y="50094"/>
                    </a:cubicBezTo>
                    <a:cubicBezTo>
                      <a:pt x="328473" y="48663"/>
                      <a:pt x="329188" y="47231"/>
                      <a:pt x="329904" y="45800"/>
                    </a:cubicBezTo>
                    <a:cubicBezTo>
                      <a:pt x="330620" y="44369"/>
                      <a:pt x="332051" y="43653"/>
                      <a:pt x="334198" y="42938"/>
                    </a:cubicBezTo>
                    <a:cubicBezTo>
                      <a:pt x="335629" y="42222"/>
                      <a:pt x="337776" y="41506"/>
                      <a:pt x="339923" y="41506"/>
                    </a:cubicBezTo>
                    <a:cubicBezTo>
                      <a:pt x="342070" y="41506"/>
                      <a:pt x="343501" y="42222"/>
                      <a:pt x="345648" y="42938"/>
                    </a:cubicBezTo>
                    <a:cubicBezTo>
                      <a:pt x="347079" y="43653"/>
                      <a:pt x="348510" y="45084"/>
                      <a:pt x="349942" y="45800"/>
                    </a:cubicBezTo>
                    <a:cubicBezTo>
                      <a:pt x="351373" y="47231"/>
                      <a:pt x="352089" y="48663"/>
                      <a:pt x="352089" y="50094"/>
                    </a:cubicBezTo>
                    <a:cubicBezTo>
                      <a:pt x="352804" y="51525"/>
                      <a:pt x="352804" y="53672"/>
                      <a:pt x="352804" y="55103"/>
                    </a:cubicBezTo>
                    <a:cubicBezTo>
                      <a:pt x="352804" y="56534"/>
                      <a:pt x="352089" y="57966"/>
                      <a:pt x="352089" y="60113"/>
                    </a:cubicBezTo>
                    <a:moveTo>
                      <a:pt x="367117" y="42938"/>
                    </a:moveTo>
                    <a:cubicBezTo>
                      <a:pt x="365685" y="39359"/>
                      <a:pt x="363539" y="36497"/>
                      <a:pt x="360676" y="33634"/>
                    </a:cubicBezTo>
                    <a:cubicBezTo>
                      <a:pt x="357814" y="31488"/>
                      <a:pt x="354951" y="29341"/>
                      <a:pt x="351373" y="27909"/>
                    </a:cubicBezTo>
                    <a:cubicBezTo>
                      <a:pt x="347795" y="26478"/>
                      <a:pt x="344217" y="25763"/>
                      <a:pt x="339923" y="25763"/>
                    </a:cubicBezTo>
                    <a:cubicBezTo>
                      <a:pt x="335629" y="25763"/>
                      <a:pt x="332051" y="26478"/>
                      <a:pt x="328473" y="27909"/>
                    </a:cubicBezTo>
                    <a:cubicBezTo>
                      <a:pt x="324895" y="29341"/>
                      <a:pt x="321317" y="30772"/>
                      <a:pt x="319170" y="33634"/>
                    </a:cubicBezTo>
                    <a:cubicBezTo>
                      <a:pt x="316307" y="35781"/>
                      <a:pt x="314160" y="39359"/>
                      <a:pt x="312729" y="42938"/>
                    </a:cubicBezTo>
                    <a:cubicBezTo>
                      <a:pt x="311298" y="46516"/>
                      <a:pt x="310582" y="50094"/>
                      <a:pt x="310582" y="55103"/>
                    </a:cubicBezTo>
                    <a:cubicBezTo>
                      <a:pt x="310582" y="59397"/>
                      <a:pt x="311298" y="63691"/>
                      <a:pt x="312729" y="67269"/>
                    </a:cubicBezTo>
                    <a:cubicBezTo>
                      <a:pt x="314160" y="70847"/>
                      <a:pt x="316307" y="73710"/>
                      <a:pt x="319170" y="76572"/>
                    </a:cubicBezTo>
                    <a:cubicBezTo>
                      <a:pt x="322032" y="78719"/>
                      <a:pt x="324895" y="80866"/>
                      <a:pt x="328473" y="82297"/>
                    </a:cubicBezTo>
                    <a:cubicBezTo>
                      <a:pt x="332051" y="83728"/>
                      <a:pt x="335629" y="84444"/>
                      <a:pt x="339923" y="84444"/>
                    </a:cubicBezTo>
                    <a:cubicBezTo>
                      <a:pt x="344217" y="84444"/>
                      <a:pt x="347795" y="83728"/>
                      <a:pt x="351373" y="82297"/>
                    </a:cubicBezTo>
                    <a:cubicBezTo>
                      <a:pt x="354951" y="80866"/>
                      <a:pt x="357814" y="78719"/>
                      <a:pt x="360676" y="76572"/>
                    </a:cubicBezTo>
                    <a:cubicBezTo>
                      <a:pt x="363539" y="74425"/>
                      <a:pt x="365685" y="70847"/>
                      <a:pt x="367117" y="67269"/>
                    </a:cubicBezTo>
                    <a:cubicBezTo>
                      <a:pt x="368548" y="63691"/>
                      <a:pt x="369264" y="59397"/>
                      <a:pt x="369264" y="55103"/>
                    </a:cubicBezTo>
                    <a:cubicBezTo>
                      <a:pt x="369979" y="50094"/>
                      <a:pt x="369264" y="46516"/>
                      <a:pt x="367117" y="42938"/>
                    </a:cubicBezTo>
                    <a:moveTo>
                      <a:pt x="281241" y="60113"/>
                    </a:moveTo>
                    <a:cubicBezTo>
                      <a:pt x="280526" y="61544"/>
                      <a:pt x="279810" y="62975"/>
                      <a:pt x="278379" y="64406"/>
                    </a:cubicBezTo>
                    <a:cubicBezTo>
                      <a:pt x="276948" y="65838"/>
                      <a:pt x="276232" y="66553"/>
                      <a:pt x="274085" y="67269"/>
                    </a:cubicBezTo>
                    <a:cubicBezTo>
                      <a:pt x="272654" y="67985"/>
                      <a:pt x="270507" y="68700"/>
                      <a:pt x="268360" y="68700"/>
                    </a:cubicBezTo>
                    <a:cubicBezTo>
                      <a:pt x="266213" y="68700"/>
                      <a:pt x="264782" y="67985"/>
                      <a:pt x="262635" y="67269"/>
                    </a:cubicBezTo>
                    <a:cubicBezTo>
                      <a:pt x="261204" y="66553"/>
                      <a:pt x="259773" y="65122"/>
                      <a:pt x="258341" y="64406"/>
                    </a:cubicBezTo>
                    <a:cubicBezTo>
                      <a:pt x="256910" y="62975"/>
                      <a:pt x="256195" y="61544"/>
                      <a:pt x="256195" y="60113"/>
                    </a:cubicBezTo>
                    <a:cubicBezTo>
                      <a:pt x="255479" y="58681"/>
                      <a:pt x="255479" y="56534"/>
                      <a:pt x="255479" y="55103"/>
                    </a:cubicBezTo>
                    <a:cubicBezTo>
                      <a:pt x="255479" y="53672"/>
                      <a:pt x="255479" y="51525"/>
                      <a:pt x="256195" y="50094"/>
                    </a:cubicBezTo>
                    <a:cubicBezTo>
                      <a:pt x="256910" y="48663"/>
                      <a:pt x="257626" y="47231"/>
                      <a:pt x="258341" y="45800"/>
                    </a:cubicBezTo>
                    <a:cubicBezTo>
                      <a:pt x="259773" y="44369"/>
                      <a:pt x="260488" y="43653"/>
                      <a:pt x="262635" y="42938"/>
                    </a:cubicBezTo>
                    <a:cubicBezTo>
                      <a:pt x="264066" y="42222"/>
                      <a:pt x="266213" y="41506"/>
                      <a:pt x="268360" y="41506"/>
                    </a:cubicBezTo>
                    <a:cubicBezTo>
                      <a:pt x="270507" y="41506"/>
                      <a:pt x="271938" y="42222"/>
                      <a:pt x="274085" y="42938"/>
                    </a:cubicBezTo>
                    <a:cubicBezTo>
                      <a:pt x="275516" y="43653"/>
                      <a:pt x="276948" y="45084"/>
                      <a:pt x="278379" y="45800"/>
                    </a:cubicBezTo>
                    <a:cubicBezTo>
                      <a:pt x="279810" y="46516"/>
                      <a:pt x="280526" y="48663"/>
                      <a:pt x="281241" y="50094"/>
                    </a:cubicBezTo>
                    <a:cubicBezTo>
                      <a:pt x="281957" y="51525"/>
                      <a:pt x="281957" y="53672"/>
                      <a:pt x="281957" y="55103"/>
                    </a:cubicBezTo>
                    <a:cubicBezTo>
                      <a:pt x="281957" y="56534"/>
                      <a:pt x="281241" y="57966"/>
                      <a:pt x="281241" y="60113"/>
                    </a:cubicBezTo>
                    <a:moveTo>
                      <a:pt x="298416" y="81581"/>
                    </a:moveTo>
                    <a:lnTo>
                      <a:pt x="298416" y="0"/>
                    </a:lnTo>
                    <a:lnTo>
                      <a:pt x="280526" y="0"/>
                    </a:lnTo>
                    <a:lnTo>
                      <a:pt x="280526" y="33634"/>
                    </a:lnTo>
                    <a:lnTo>
                      <a:pt x="280526" y="33634"/>
                    </a:lnTo>
                    <a:cubicBezTo>
                      <a:pt x="279095" y="31488"/>
                      <a:pt x="276948" y="30056"/>
                      <a:pt x="274085" y="28625"/>
                    </a:cubicBezTo>
                    <a:cubicBezTo>
                      <a:pt x="271223" y="27194"/>
                      <a:pt x="268360" y="26478"/>
                      <a:pt x="264066" y="26478"/>
                    </a:cubicBezTo>
                    <a:cubicBezTo>
                      <a:pt x="260488" y="26478"/>
                      <a:pt x="256910" y="27194"/>
                      <a:pt x="253332" y="28625"/>
                    </a:cubicBezTo>
                    <a:cubicBezTo>
                      <a:pt x="250469" y="30056"/>
                      <a:pt x="247607" y="32203"/>
                      <a:pt x="245460" y="35066"/>
                    </a:cubicBezTo>
                    <a:cubicBezTo>
                      <a:pt x="243313" y="37928"/>
                      <a:pt x="241882" y="40791"/>
                      <a:pt x="240451" y="44369"/>
                    </a:cubicBezTo>
                    <a:cubicBezTo>
                      <a:pt x="239019" y="47947"/>
                      <a:pt x="239019" y="51525"/>
                      <a:pt x="239019" y="55103"/>
                    </a:cubicBezTo>
                    <a:cubicBezTo>
                      <a:pt x="239019" y="58681"/>
                      <a:pt x="239735" y="62260"/>
                      <a:pt x="240451" y="65838"/>
                    </a:cubicBezTo>
                    <a:cubicBezTo>
                      <a:pt x="241882" y="69416"/>
                      <a:pt x="243313" y="72278"/>
                      <a:pt x="245460" y="75141"/>
                    </a:cubicBezTo>
                    <a:cubicBezTo>
                      <a:pt x="247607" y="78003"/>
                      <a:pt x="250469" y="80150"/>
                      <a:pt x="253332" y="81581"/>
                    </a:cubicBezTo>
                    <a:cubicBezTo>
                      <a:pt x="256195" y="83013"/>
                      <a:pt x="259773" y="83728"/>
                      <a:pt x="264066" y="83728"/>
                    </a:cubicBezTo>
                    <a:cubicBezTo>
                      <a:pt x="267645" y="83728"/>
                      <a:pt x="271223" y="83013"/>
                      <a:pt x="274085" y="81581"/>
                    </a:cubicBezTo>
                    <a:cubicBezTo>
                      <a:pt x="276948" y="80150"/>
                      <a:pt x="279810" y="78003"/>
                      <a:pt x="281241" y="75141"/>
                    </a:cubicBezTo>
                    <a:lnTo>
                      <a:pt x="281241" y="75141"/>
                    </a:lnTo>
                    <a:lnTo>
                      <a:pt x="281241" y="82297"/>
                    </a:lnTo>
                    <a:lnTo>
                      <a:pt x="298416" y="81581"/>
                    </a:lnTo>
                    <a:lnTo>
                      <a:pt x="298416" y="81581"/>
                    </a:lnTo>
                    <a:close/>
                    <a:moveTo>
                      <a:pt x="228285" y="81581"/>
                    </a:moveTo>
                    <a:lnTo>
                      <a:pt x="228285" y="48663"/>
                    </a:lnTo>
                    <a:cubicBezTo>
                      <a:pt x="228285" y="45800"/>
                      <a:pt x="228285" y="43653"/>
                      <a:pt x="227569" y="40791"/>
                    </a:cubicBezTo>
                    <a:cubicBezTo>
                      <a:pt x="226854" y="37928"/>
                      <a:pt x="225423" y="35781"/>
                      <a:pt x="223991" y="33634"/>
                    </a:cubicBezTo>
                    <a:cubicBezTo>
                      <a:pt x="222560" y="31488"/>
                      <a:pt x="220413" y="30056"/>
                      <a:pt x="217551" y="28625"/>
                    </a:cubicBezTo>
                    <a:cubicBezTo>
                      <a:pt x="214688" y="27194"/>
                      <a:pt x="211826" y="26478"/>
                      <a:pt x="208247" y="26478"/>
                    </a:cubicBezTo>
                    <a:cubicBezTo>
                      <a:pt x="206101" y="26478"/>
                      <a:pt x="204669" y="26478"/>
                      <a:pt x="203238" y="27194"/>
                    </a:cubicBezTo>
                    <a:cubicBezTo>
                      <a:pt x="201807" y="27909"/>
                      <a:pt x="200376" y="28625"/>
                      <a:pt x="198944" y="29341"/>
                    </a:cubicBezTo>
                    <a:cubicBezTo>
                      <a:pt x="197513" y="30056"/>
                      <a:pt x="196082" y="30772"/>
                      <a:pt x="195366" y="32203"/>
                    </a:cubicBezTo>
                    <a:cubicBezTo>
                      <a:pt x="194651" y="33634"/>
                      <a:pt x="193219" y="34350"/>
                      <a:pt x="192504" y="35781"/>
                    </a:cubicBezTo>
                    <a:lnTo>
                      <a:pt x="192504" y="35781"/>
                    </a:lnTo>
                    <a:lnTo>
                      <a:pt x="192504" y="28625"/>
                    </a:lnTo>
                    <a:lnTo>
                      <a:pt x="175329" y="28625"/>
                    </a:lnTo>
                    <a:lnTo>
                      <a:pt x="175329" y="82297"/>
                    </a:lnTo>
                    <a:lnTo>
                      <a:pt x="193219" y="82297"/>
                    </a:lnTo>
                    <a:lnTo>
                      <a:pt x="193219" y="52956"/>
                    </a:lnTo>
                    <a:cubicBezTo>
                      <a:pt x="193219" y="51525"/>
                      <a:pt x="193219" y="50094"/>
                      <a:pt x="193935" y="48663"/>
                    </a:cubicBezTo>
                    <a:cubicBezTo>
                      <a:pt x="194651" y="47231"/>
                      <a:pt x="194651" y="45800"/>
                      <a:pt x="195366" y="45084"/>
                    </a:cubicBezTo>
                    <a:cubicBezTo>
                      <a:pt x="196082" y="44369"/>
                      <a:pt x="196797" y="42938"/>
                      <a:pt x="198229" y="42222"/>
                    </a:cubicBezTo>
                    <a:cubicBezTo>
                      <a:pt x="199660" y="41506"/>
                      <a:pt x="201091" y="41506"/>
                      <a:pt x="202522" y="41506"/>
                    </a:cubicBezTo>
                    <a:cubicBezTo>
                      <a:pt x="203954" y="41506"/>
                      <a:pt x="205385" y="41506"/>
                      <a:pt x="206101" y="42222"/>
                    </a:cubicBezTo>
                    <a:cubicBezTo>
                      <a:pt x="206816" y="42938"/>
                      <a:pt x="208247" y="43653"/>
                      <a:pt x="208247" y="44369"/>
                    </a:cubicBezTo>
                    <a:cubicBezTo>
                      <a:pt x="208963" y="45084"/>
                      <a:pt x="208963" y="46516"/>
                      <a:pt x="209679" y="47947"/>
                    </a:cubicBezTo>
                    <a:cubicBezTo>
                      <a:pt x="209679" y="49378"/>
                      <a:pt x="210394" y="50809"/>
                      <a:pt x="210394" y="52241"/>
                    </a:cubicBezTo>
                    <a:lnTo>
                      <a:pt x="210394" y="81581"/>
                    </a:lnTo>
                    <a:cubicBezTo>
                      <a:pt x="210394" y="81581"/>
                      <a:pt x="228285" y="81581"/>
                      <a:pt x="228285" y="81581"/>
                    </a:cubicBezTo>
                    <a:close/>
                    <a:moveTo>
                      <a:pt x="122372" y="45084"/>
                    </a:moveTo>
                    <a:cubicBezTo>
                      <a:pt x="123804" y="43653"/>
                      <a:pt x="125950" y="42222"/>
                      <a:pt x="128097" y="41506"/>
                    </a:cubicBezTo>
                    <a:cubicBezTo>
                      <a:pt x="130244" y="40075"/>
                      <a:pt x="133107" y="40075"/>
                      <a:pt x="135254" y="40075"/>
                    </a:cubicBezTo>
                    <a:cubicBezTo>
                      <a:pt x="138116" y="40075"/>
                      <a:pt x="140263" y="40791"/>
                      <a:pt x="142410" y="42222"/>
                    </a:cubicBezTo>
                    <a:cubicBezTo>
                      <a:pt x="144557" y="43653"/>
                      <a:pt x="145272" y="45084"/>
                      <a:pt x="145272" y="47947"/>
                    </a:cubicBezTo>
                    <a:lnTo>
                      <a:pt x="145272" y="48663"/>
                    </a:lnTo>
                    <a:cubicBezTo>
                      <a:pt x="141694" y="48663"/>
                      <a:pt x="137400" y="48663"/>
                      <a:pt x="133107" y="49378"/>
                    </a:cubicBezTo>
                    <a:cubicBezTo>
                      <a:pt x="128813" y="50094"/>
                      <a:pt x="125235" y="50809"/>
                      <a:pt x="121657" y="52241"/>
                    </a:cubicBezTo>
                    <a:cubicBezTo>
                      <a:pt x="118078" y="53672"/>
                      <a:pt x="115216" y="55103"/>
                      <a:pt x="113785" y="57966"/>
                    </a:cubicBezTo>
                    <a:cubicBezTo>
                      <a:pt x="111638" y="60113"/>
                      <a:pt x="110922" y="63691"/>
                      <a:pt x="110922" y="67269"/>
                    </a:cubicBezTo>
                    <a:cubicBezTo>
                      <a:pt x="110922" y="70131"/>
                      <a:pt x="111638" y="72994"/>
                      <a:pt x="113069" y="75141"/>
                    </a:cubicBezTo>
                    <a:cubicBezTo>
                      <a:pt x="114500" y="77288"/>
                      <a:pt x="115932" y="78719"/>
                      <a:pt x="118078" y="80150"/>
                    </a:cubicBezTo>
                    <a:cubicBezTo>
                      <a:pt x="120225" y="81581"/>
                      <a:pt x="122372" y="82297"/>
                      <a:pt x="124519" y="83013"/>
                    </a:cubicBezTo>
                    <a:cubicBezTo>
                      <a:pt x="126666" y="83728"/>
                      <a:pt x="128813" y="83728"/>
                      <a:pt x="130960" y="83728"/>
                    </a:cubicBezTo>
                    <a:cubicBezTo>
                      <a:pt x="134538" y="83728"/>
                      <a:pt x="137400" y="83013"/>
                      <a:pt x="140263" y="81581"/>
                    </a:cubicBezTo>
                    <a:cubicBezTo>
                      <a:pt x="143125" y="80150"/>
                      <a:pt x="145272" y="78719"/>
                      <a:pt x="146704" y="76572"/>
                    </a:cubicBezTo>
                    <a:lnTo>
                      <a:pt x="146704" y="76572"/>
                    </a:lnTo>
                    <a:lnTo>
                      <a:pt x="146704" y="82297"/>
                    </a:lnTo>
                    <a:lnTo>
                      <a:pt x="163163" y="82297"/>
                    </a:lnTo>
                    <a:lnTo>
                      <a:pt x="163163" y="55103"/>
                    </a:lnTo>
                    <a:cubicBezTo>
                      <a:pt x="163163" y="50094"/>
                      <a:pt x="162447" y="45800"/>
                      <a:pt x="161732" y="42222"/>
                    </a:cubicBezTo>
                    <a:cubicBezTo>
                      <a:pt x="161016" y="38644"/>
                      <a:pt x="159585" y="35781"/>
                      <a:pt x="157438" y="33634"/>
                    </a:cubicBezTo>
                    <a:cubicBezTo>
                      <a:pt x="155291" y="31488"/>
                      <a:pt x="153144" y="29341"/>
                      <a:pt x="149566" y="28625"/>
                    </a:cubicBezTo>
                    <a:cubicBezTo>
                      <a:pt x="146704" y="27194"/>
                      <a:pt x="142410" y="27194"/>
                      <a:pt x="138116" y="27194"/>
                    </a:cubicBezTo>
                    <a:cubicBezTo>
                      <a:pt x="133822" y="27194"/>
                      <a:pt x="129528" y="27909"/>
                      <a:pt x="125235" y="29341"/>
                    </a:cubicBezTo>
                    <a:cubicBezTo>
                      <a:pt x="120941" y="30772"/>
                      <a:pt x="117363" y="32919"/>
                      <a:pt x="114500" y="36497"/>
                    </a:cubicBezTo>
                    <a:lnTo>
                      <a:pt x="122372" y="45084"/>
                    </a:lnTo>
                    <a:close/>
                    <a:moveTo>
                      <a:pt x="145988" y="60113"/>
                    </a:moveTo>
                    <a:cubicBezTo>
                      <a:pt x="145988" y="63691"/>
                      <a:pt x="145272" y="65838"/>
                      <a:pt x="143125" y="67985"/>
                    </a:cubicBezTo>
                    <a:cubicBezTo>
                      <a:pt x="140979" y="70131"/>
                      <a:pt x="138116" y="70847"/>
                      <a:pt x="134538" y="70847"/>
                    </a:cubicBezTo>
                    <a:cubicBezTo>
                      <a:pt x="133822" y="70847"/>
                      <a:pt x="133107" y="70847"/>
                      <a:pt x="131675" y="70847"/>
                    </a:cubicBezTo>
                    <a:cubicBezTo>
                      <a:pt x="130960" y="70847"/>
                      <a:pt x="130244" y="70131"/>
                      <a:pt x="129528" y="70131"/>
                    </a:cubicBezTo>
                    <a:cubicBezTo>
                      <a:pt x="128813" y="69416"/>
                      <a:pt x="128097" y="69416"/>
                      <a:pt x="128097" y="68700"/>
                    </a:cubicBezTo>
                    <a:cubicBezTo>
                      <a:pt x="127382" y="67985"/>
                      <a:pt x="127382" y="67269"/>
                      <a:pt x="127382" y="65838"/>
                    </a:cubicBezTo>
                    <a:cubicBezTo>
                      <a:pt x="127382" y="64406"/>
                      <a:pt x="128097" y="62975"/>
                      <a:pt x="128813" y="62260"/>
                    </a:cubicBezTo>
                    <a:cubicBezTo>
                      <a:pt x="129528" y="61544"/>
                      <a:pt x="130960" y="60828"/>
                      <a:pt x="132391" y="60113"/>
                    </a:cubicBezTo>
                    <a:cubicBezTo>
                      <a:pt x="133822" y="59397"/>
                      <a:pt x="135969" y="59397"/>
                      <a:pt x="137400" y="59397"/>
                    </a:cubicBezTo>
                    <a:cubicBezTo>
                      <a:pt x="139547" y="59397"/>
                      <a:pt x="141694" y="59397"/>
                      <a:pt x="143125" y="59397"/>
                    </a:cubicBezTo>
                    <a:lnTo>
                      <a:pt x="145272" y="59397"/>
                    </a:lnTo>
                    <a:lnTo>
                      <a:pt x="145988" y="60113"/>
                    </a:lnTo>
                    <a:lnTo>
                      <a:pt x="145988" y="60113"/>
                    </a:lnTo>
                    <a:close/>
                    <a:moveTo>
                      <a:pt x="107344" y="27194"/>
                    </a:moveTo>
                    <a:cubicBezTo>
                      <a:pt x="106628" y="27194"/>
                      <a:pt x="106628" y="27194"/>
                      <a:pt x="105913" y="27194"/>
                    </a:cubicBezTo>
                    <a:cubicBezTo>
                      <a:pt x="105197" y="27194"/>
                      <a:pt x="104482" y="27194"/>
                      <a:pt x="103766" y="27194"/>
                    </a:cubicBezTo>
                    <a:cubicBezTo>
                      <a:pt x="100188" y="27194"/>
                      <a:pt x="97325" y="27909"/>
                      <a:pt x="95178" y="30056"/>
                    </a:cubicBezTo>
                    <a:cubicBezTo>
                      <a:pt x="93032" y="32203"/>
                      <a:pt x="90885" y="34350"/>
                      <a:pt x="89453" y="36497"/>
                    </a:cubicBezTo>
                    <a:lnTo>
                      <a:pt x="89453" y="36497"/>
                    </a:lnTo>
                    <a:lnTo>
                      <a:pt x="89453" y="27909"/>
                    </a:lnTo>
                    <a:lnTo>
                      <a:pt x="71563" y="27909"/>
                    </a:lnTo>
                    <a:lnTo>
                      <a:pt x="71563" y="81581"/>
                    </a:lnTo>
                    <a:lnTo>
                      <a:pt x="89453" y="81581"/>
                    </a:lnTo>
                    <a:lnTo>
                      <a:pt x="89453" y="54388"/>
                    </a:lnTo>
                    <a:cubicBezTo>
                      <a:pt x="89453" y="53672"/>
                      <a:pt x="89453" y="52241"/>
                      <a:pt x="90169" y="50809"/>
                    </a:cubicBezTo>
                    <a:cubicBezTo>
                      <a:pt x="90885" y="49378"/>
                      <a:pt x="91600" y="47947"/>
                      <a:pt x="92316" y="46516"/>
                    </a:cubicBezTo>
                    <a:cubicBezTo>
                      <a:pt x="93032" y="45084"/>
                      <a:pt x="94463" y="44369"/>
                      <a:pt x="95894" y="43653"/>
                    </a:cubicBezTo>
                    <a:cubicBezTo>
                      <a:pt x="97325" y="42938"/>
                      <a:pt x="99472" y="42222"/>
                      <a:pt x="101619" y="42222"/>
                    </a:cubicBezTo>
                    <a:cubicBezTo>
                      <a:pt x="102335" y="42222"/>
                      <a:pt x="103050" y="42222"/>
                      <a:pt x="103766" y="42222"/>
                    </a:cubicBezTo>
                    <a:cubicBezTo>
                      <a:pt x="104482" y="42222"/>
                      <a:pt x="105197" y="42222"/>
                      <a:pt x="105913" y="42938"/>
                    </a:cubicBezTo>
                    <a:lnTo>
                      <a:pt x="107344" y="27194"/>
                    </a:lnTo>
                    <a:close/>
                    <a:moveTo>
                      <a:pt x="40791" y="62260"/>
                    </a:moveTo>
                    <a:cubicBezTo>
                      <a:pt x="40075" y="63691"/>
                      <a:pt x="38644" y="64406"/>
                      <a:pt x="37928" y="65122"/>
                    </a:cubicBezTo>
                    <a:cubicBezTo>
                      <a:pt x="36497" y="65838"/>
                      <a:pt x="35066" y="66553"/>
                      <a:pt x="33634" y="66553"/>
                    </a:cubicBezTo>
                    <a:cubicBezTo>
                      <a:pt x="32203" y="66553"/>
                      <a:pt x="30772" y="67269"/>
                      <a:pt x="29341" y="67269"/>
                    </a:cubicBezTo>
                    <a:lnTo>
                      <a:pt x="19322" y="67269"/>
                    </a:lnTo>
                    <a:lnTo>
                      <a:pt x="19322" y="49378"/>
                    </a:lnTo>
                    <a:lnTo>
                      <a:pt x="28625" y="49378"/>
                    </a:lnTo>
                    <a:cubicBezTo>
                      <a:pt x="32919" y="49378"/>
                      <a:pt x="35781" y="50094"/>
                      <a:pt x="37928" y="51525"/>
                    </a:cubicBezTo>
                    <a:cubicBezTo>
                      <a:pt x="40075" y="52956"/>
                      <a:pt x="41506" y="55103"/>
                      <a:pt x="41506" y="57966"/>
                    </a:cubicBezTo>
                    <a:cubicBezTo>
                      <a:pt x="42222" y="60113"/>
                      <a:pt x="41506" y="61544"/>
                      <a:pt x="40791" y="62260"/>
                    </a:cubicBezTo>
                    <a:moveTo>
                      <a:pt x="36497" y="33634"/>
                    </a:moveTo>
                    <a:cubicBezTo>
                      <a:pt x="34350" y="35066"/>
                      <a:pt x="32203" y="35781"/>
                      <a:pt x="28625" y="35781"/>
                    </a:cubicBezTo>
                    <a:lnTo>
                      <a:pt x="18606" y="35781"/>
                    </a:lnTo>
                    <a:lnTo>
                      <a:pt x="18606" y="20038"/>
                    </a:lnTo>
                    <a:lnTo>
                      <a:pt x="27909" y="20038"/>
                    </a:lnTo>
                    <a:cubicBezTo>
                      <a:pt x="31488" y="20038"/>
                      <a:pt x="35066" y="20753"/>
                      <a:pt x="36497" y="21469"/>
                    </a:cubicBezTo>
                    <a:cubicBezTo>
                      <a:pt x="38644" y="22900"/>
                      <a:pt x="39359" y="24331"/>
                      <a:pt x="39359" y="27194"/>
                    </a:cubicBezTo>
                    <a:cubicBezTo>
                      <a:pt x="39359" y="30056"/>
                      <a:pt x="38644" y="32203"/>
                      <a:pt x="36497" y="33634"/>
                    </a:cubicBezTo>
                    <a:moveTo>
                      <a:pt x="59397" y="52956"/>
                    </a:moveTo>
                    <a:cubicBezTo>
                      <a:pt x="58681" y="50809"/>
                      <a:pt x="57250" y="49378"/>
                      <a:pt x="55819" y="47947"/>
                    </a:cubicBezTo>
                    <a:cubicBezTo>
                      <a:pt x="54388" y="46516"/>
                      <a:pt x="52956" y="45084"/>
                      <a:pt x="50810" y="44369"/>
                    </a:cubicBezTo>
                    <a:cubicBezTo>
                      <a:pt x="48663" y="43653"/>
                      <a:pt x="46516" y="42938"/>
                      <a:pt x="44369" y="42222"/>
                    </a:cubicBezTo>
                    <a:lnTo>
                      <a:pt x="44369" y="42222"/>
                    </a:lnTo>
                    <a:cubicBezTo>
                      <a:pt x="47947" y="40791"/>
                      <a:pt x="50810" y="39359"/>
                      <a:pt x="53672" y="36497"/>
                    </a:cubicBezTo>
                    <a:cubicBezTo>
                      <a:pt x="55819" y="33634"/>
                      <a:pt x="57250" y="30056"/>
                      <a:pt x="57250" y="25763"/>
                    </a:cubicBezTo>
                    <a:cubicBezTo>
                      <a:pt x="57250" y="22184"/>
                      <a:pt x="56535" y="18606"/>
                      <a:pt x="55103" y="16459"/>
                    </a:cubicBezTo>
                    <a:cubicBezTo>
                      <a:pt x="53672" y="13597"/>
                      <a:pt x="51525" y="12166"/>
                      <a:pt x="48663" y="10734"/>
                    </a:cubicBezTo>
                    <a:cubicBezTo>
                      <a:pt x="45800" y="9303"/>
                      <a:pt x="43653" y="7872"/>
                      <a:pt x="40075" y="7872"/>
                    </a:cubicBezTo>
                    <a:cubicBezTo>
                      <a:pt x="37213" y="7156"/>
                      <a:pt x="33634" y="7156"/>
                      <a:pt x="30772" y="7156"/>
                    </a:cubicBezTo>
                    <a:lnTo>
                      <a:pt x="0" y="7156"/>
                    </a:lnTo>
                    <a:lnTo>
                      <a:pt x="0" y="83728"/>
                    </a:lnTo>
                    <a:lnTo>
                      <a:pt x="30772" y="83728"/>
                    </a:lnTo>
                    <a:cubicBezTo>
                      <a:pt x="34350" y="83728"/>
                      <a:pt x="37928" y="83013"/>
                      <a:pt x="41506" y="82297"/>
                    </a:cubicBezTo>
                    <a:cubicBezTo>
                      <a:pt x="45085" y="81581"/>
                      <a:pt x="47947" y="80150"/>
                      <a:pt x="50810" y="78719"/>
                    </a:cubicBezTo>
                    <a:cubicBezTo>
                      <a:pt x="53672" y="77288"/>
                      <a:pt x="55819" y="74425"/>
                      <a:pt x="57250" y="71563"/>
                    </a:cubicBezTo>
                    <a:cubicBezTo>
                      <a:pt x="58681" y="68700"/>
                      <a:pt x="59397" y="65122"/>
                      <a:pt x="59397" y="60828"/>
                    </a:cubicBezTo>
                    <a:cubicBezTo>
                      <a:pt x="60113" y="57250"/>
                      <a:pt x="60113" y="55103"/>
                      <a:pt x="59397" y="52956"/>
                    </a:cubicBezTo>
                  </a:path>
                </a:pathLst>
              </a:custGeom>
              <a:solidFill>
                <a:srgbClr val="01567A"/>
              </a:solidFill>
              <a:ln w="7121" cap="flat">
                <a:noFill/>
                <a:prstDash val="solid"/>
                <a:miter/>
              </a:ln>
            </p:spPr>
            <p:txBody>
              <a:bodyPr rtlCol="0" anchor="ctr"/>
              <a:lstStyle/>
              <a:p>
                <a:endParaRPr lang="en-IN"/>
              </a:p>
            </p:txBody>
          </p:sp>
          <p:sp>
            <p:nvSpPr>
              <p:cNvPr id="64" name="Freeform: Shape 63">
                <a:extLst>
                  <a:ext uri="{FF2B5EF4-FFF2-40B4-BE49-F238E27FC236}">
                    <a16:creationId xmlns:a16="http://schemas.microsoft.com/office/drawing/2014/main" id="{31F1FBFB-CE3B-CB6A-5F96-D0FB874776DE}"/>
                  </a:ext>
                </a:extLst>
              </p:cNvPr>
              <p:cNvSpPr/>
              <p:nvPr/>
            </p:nvSpPr>
            <p:spPr>
              <a:xfrm>
                <a:off x="2831176" y="3124087"/>
                <a:ext cx="1016190" cy="123087"/>
              </a:xfrm>
              <a:custGeom>
                <a:avLst/>
                <a:gdLst>
                  <a:gd name="connsiteX0" fmla="*/ 1016191 w 1016190"/>
                  <a:gd name="connsiteY0" fmla="*/ 120941 h 123087"/>
                  <a:gd name="connsiteX1" fmla="*/ 1016191 w 1016190"/>
                  <a:gd name="connsiteY1" fmla="*/ 96610 h 123087"/>
                  <a:gd name="connsiteX2" fmla="*/ 961803 w 1016190"/>
                  <a:gd name="connsiteY2" fmla="*/ 96610 h 123087"/>
                  <a:gd name="connsiteX3" fmla="*/ 961803 w 1016190"/>
                  <a:gd name="connsiteY3" fmla="*/ 72278 h 123087"/>
                  <a:gd name="connsiteX4" fmla="*/ 1010465 w 1016190"/>
                  <a:gd name="connsiteY4" fmla="*/ 72278 h 123087"/>
                  <a:gd name="connsiteX5" fmla="*/ 1010465 w 1016190"/>
                  <a:gd name="connsiteY5" fmla="*/ 49378 h 123087"/>
                  <a:gd name="connsiteX6" fmla="*/ 961803 w 1016190"/>
                  <a:gd name="connsiteY6" fmla="*/ 49378 h 123087"/>
                  <a:gd name="connsiteX7" fmla="*/ 961803 w 1016190"/>
                  <a:gd name="connsiteY7" fmla="*/ 27194 h 123087"/>
                  <a:gd name="connsiteX8" fmla="*/ 1013328 w 1016190"/>
                  <a:gd name="connsiteY8" fmla="*/ 27194 h 123087"/>
                  <a:gd name="connsiteX9" fmla="*/ 1013328 w 1016190"/>
                  <a:gd name="connsiteY9" fmla="*/ 3578 h 123087"/>
                  <a:gd name="connsiteX10" fmla="*/ 934609 w 1016190"/>
                  <a:gd name="connsiteY10" fmla="*/ 3578 h 123087"/>
                  <a:gd name="connsiteX11" fmla="*/ 934609 w 1016190"/>
                  <a:gd name="connsiteY11" fmla="*/ 120941 h 123087"/>
                  <a:gd name="connsiteX12" fmla="*/ 1016191 w 1016190"/>
                  <a:gd name="connsiteY12" fmla="*/ 120941 h 123087"/>
                  <a:gd name="connsiteX13" fmla="*/ 924590 w 1016190"/>
                  <a:gd name="connsiteY13" fmla="*/ 104481 h 123087"/>
                  <a:gd name="connsiteX14" fmla="*/ 904553 w 1016190"/>
                  <a:gd name="connsiteY14" fmla="*/ 85875 h 123087"/>
                  <a:gd name="connsiteX15" fmla="*/ 894534 w 1016190"/>
                  <a:gd name="connsiteY15" fmla="*/ 94463 h 123087"/>
                  <a:gd name="connsiteX16" fmla="*/ 879506 w 1016190"/>
                  <a:gd name="connsiteY16" fmla="*/ 98041 h 123087"/>
                  <a:gd name="connsiteX17" fmla="*/ 865909 w 1016190"/>
                  <a:gd name="connsiteY17" fmla="*/ 95178 h 123087"/>
                  <a:gd name="connsiteX18" fmla="*/ 855174 w 1016190"/>
                  <a:gd name="connsiteY18" fmla="*/ 88022 h 123087"/>
                  <a:gd name="connsiteX19" fmla="*/ 848018 w 1016190"/>
                  <a:gd name="connsiteY19" fmla="*/ 76572 h 123087"/>
                  <a:gd name="connsiteX20" fmla="*/ 845871 w 1016190"/>
                  <a:gd name="connsiteY20" fmla="*/ 62260 h 123087"/>
                  <a:gd name="connsiteX21" fmla="*/ 848018 w 1016190"/>
                  <a:gd name="connsiteY21" fmla="*/ 47947 h 123087"/>
                  <a:gd name="connsiteX22" fmla="*/ 855174 w 1016190"/>
                  <a:gd name="connsiteY22" fmla="*/ 36497 h 123087"/>
                  <a:gd name="connsiteX23" fmla="*/ 865909 w 1016190"/>
                  <a:gd name="connsiteY23" fmla="*/ 28625 h 123087"/>
                  <a:gd name="connsiteX24" fmla="*/ 879506 w 1016190"/>
                  <a:gd name="connsiteY24" fmla="*/ 25763 h 123087"/>
                  <a:gd name="connsiteX25" fmla="*/ 893103 w 1016190"/>
                  <a:gd name="connsiteY25" fmla="*/ 28625 h 123087"/>
                  <a:gd name="connsiteX26" fmla="*/ 903837 w 1016190"/>
                  <a:gd name="connsiteY26" fmla="*/ 36497 h 123087"/>
                  <a:gd name="connsiteX27" fmla="*/ 923159 w 1016190"/>
                  <a:gd name="connsiteY27" fmla="*/ 17175 h 123087"/>
                  <a:gd name="connsiteX28" fmla="*/ 903837 w 1016190"/>
                  <a:gd name="connsiteY28" fmla="*/ 4294 h 123087"/>
                  <a:gd name="connsiteX29" fmla="*/ 879506 w 1016190"/>
                  <a:gd name="connsiteY29" fmla="*/ 0 h 123087"/>
                  <a:gd name="connsiteX30" fmla="*/ 854459 w 1016190"/>
                  <a:gd name="connsiteY30" fmla="*/ 4294 h 123087"/>
                  <a:gd name="connsiteX31" fmla="*/ 834421 w 1016190"/>
                  <a:gd name="connsiteY31" fmla="*/ 16459 h 123087"/>
                  <a:gd name="connsiteX32" fmla="*/ 820824 w 1016190"/>
                  <a:gd name="connsiteY32" fmla="*/ 35781 h 123087"/>
                  <a:gd name="connsiteX33" fmla="*/ 815815 w 1016190"/>
                  <a:gd name="connsiteY33" fmla="*/ 61544 h 123087"/>
                  <a:gd name="connsiteX34" fmla="*/ 820824 w 1016190"/>
                  <a:gd name="connsiteY34" fmla="*/ 86591 h 123087"/>
                  <a:gd name="connsiteX35" fmla="*/ 834421 w 1016190"/>
                  <a:gd name="connsiteY35" fmla="*/ 105913 h 123087"/>
                  <a:gd name="connsiteX36" fmla="*/ 854459 w 1016190"/>
                  <a:gd name="connsiteY36" fmla="*/ 118794 h 123087"/>
                  <a:gd name="connsiteX37" fmla="*/ 879506 w 1016190"/>
                  <a:gd name="connsiteY37" fmla="*/ 123088 h 123087"/>
                  <a:gd name="connsiteX38" fmla="*/ 905984 w 1016190"/>
                  <a:gd name="connsiteY38" fmla="*/ 118078 h 123087"/>
                  <a:gd name="connsiteX39" fmla="*/ 924590 w 1016190"/>
                  <a:gd name="connsiteY39" fmla="*/ 104481 h 123087"/>
                  <a:gd name="connsiteX40" fmla="*/ 799355 w 1016190"/>
                  <a:gd name="connsiteY40" fmla="*/ 120941 h 123087"/>
                  <a:gd name="connsiteX41" fmla="*/ 799355 w 1016190"/>
                  <a:gd name="connsiteY41" fmla="*/ 3578 h 123087"/>
                  <a:gd name="connsiteX42" fmla="*/ 772162 w 1016190"/>
                  <a:gd name="connsiteY42" fmla="*/ 3578 h 123087"/>
                  <a:gd name="connsiteX43" fmla="*/ 772877 w 1016190"/>
                  <a:gd name="connsiteY43" fmla="*/ 80150 h 123087"/>
                  <a:gd name="connsiteX44" fmla="*/ 772162 w 1016190"/>
                  <a:gd name="connsiteY44" fmla="*/ 80150 h 123087"/>
                  <a:gd name="connsiteX45" fmla="*/ 724930 w 1016190"/>
                  <a:gd name="connsiteY45" fmla="*/ 3578 h 123087"/>
                  <a:gd name="connsiteX46" fmla="*/ 692727 w 1016190"/>
                  <a:gd name="connsiteY46" fmla="*/ 3578 h 123087"/>
                  <a:gd name="connsiteX47" fmla="*/ 692727 w 1016190"/>
                  <a:gd name="connsiteY47" fmla="*/ 120941 h 123087"/>
                  <a:gd name="connsiteX48" fmla="*/ 719921 w 1016190"/>
                  <a:gd name="connsiteY48" fmla="*/ 120941 h 123087"/>
                  <a:gd name="connsiteX49" fmla="*/ 719205 w 1016190"/>
                  <a:gd name="connsiteY49" fmla="*/ 44369 h 123087"/>
                  <a:gd name="connsiteX50" fmla="*/ 719921 w 1016190"/>
                  <a:gd name="connsiteY50" fmla="*/ 44369 h 123087"/>
                  <a:gd name="connsiteX51" fmla="*/ 767152 w 1016190"/>
                  <a:gd name="connsiteY51" fmla="*/ 120941 h 123087"/>
                  <a:gd name="connsiteX52" fmla="*/ 799355 w 1016190"/>
                  <a:gd name="connsiteY52" fmla="*/ 120941 h 123087"/>
                  <a:gd name="connsiteX53" fmla="*/ 674121 w 1016190"/>
                  <a:gd name="connsiteY53" fmla="*/ 120941 h 123087"/>
                  <a:gd name="connsiteX54" fmla="*/ 674121 w 1016190"/>
                  <a:gd name="connsiteY54" fmla="*/ 96610 h 123087"/>
                  <a:gd name="connsiteX55" fmla="*/ 619733 w 1016190"/>
                  <a:gd name="connsiteY55" fmla="*/ 96610 h 123087"/>
                  <a:gd name="connsiteX56" fmla="*/ 619733 w 1016190"/>
                  <a:gd name="connsiteY56" fmla="*/ 72278 h 123087"/>
                  <a:gd name="connsiteX57" fmla="*/ 668396 w 1016190"/>
                  <a:gd name="connsiteY57" fmla="*/ 72278 h 123087"/>
                  <a:gd name="connsiteX58" fmla="*/ 668396 w 1016190"/>
                  <a:gd name="connsiteY58" fmla="*/ 49378 h 123087"/>
                  <a:gd name="connsiteX59" fmla="*/ 619733 w 1016190"/>
                  <a:gd name="connsiteY59" fmla="*/ 49378 h 123087"/>
                  <a:gd name="connsiteX60" fmla="*/ 619733 w 1016190"/>
                  <a:gd name="connsiteY60" fmla="*/ 27194 h 123087"/>
                  <a:gd name="connsiteX61" fmla="*/ 671258 w 1016190"/>
                  <a:gd name="connsiteY61" fmla="*/ 27194 h 123087"/>
                  <a:gd name="connsiteX62" fmla="*/ 671258 w 1016190"/>
                  <a:gd name="connsiteY62" fmla="*/ 3578 h 123087"/>
                  <a:gd name="connsiteX63" fmla="*/ 592539 w 1016190"/>
                  <a:gd name="connsiteY63" fmla="*/ 3578 h 123087"/>
                  <a:gd name="connsiteX64" fmla="*/ 592539 w 1016190"/>
                  <a:gd name="connsiteY64" fmla="*/ 120941 h 123087"/>
                  <a:gd name="connsiteX65" fmla="*/ 674121 w 1016190"/>
                  <a:gd name="connsiteY65" fmla="*/ 120941 h 123087"/>
                  <a:gd name="connsiteX66" fmla="*/ 581805 w 1016190"/>
                  <a:gd name="connsiteY66" fmla="*/ 120941 h 123087"/>
                  <a:gd name="connsiteX67" fmla="*/ 581805 w 1016190"/>
                  <a:gd name="connsiteY67" fmla="*/ 95894 h 123087"/>
                  <a:gd name="connsiteX68" fmla="*/ 536720 w 1016190"/>
                  <a:gd name="connsiteY68" fmla="*/ 95894 h 123087"/>
                  <a:gd name="connsiteX69" fmla="*/ 536720 w 1016190"/>
                  <a:gd name="connsiteY69" fmla="*/ 3578 h 123087"/>
                  <a:gd name="connsiteX70" fmla="*/ 508095 w 1016190"/>
                  <a:gd name="connsiteY70" fmla="*/ 3578 h 123087"/>
                  <a:gd name="connsiteX71" fmla="*/ 508095 w 1016190"/>
                  <a:gd name="connsiteY71" fmla="*/ 120941 h 123087"/>
                  <a:gd name="connsiteX72" fmla="*/ 581805 w 1016190"/>
                  <a:gd name="connsiteY72" fmla="*/ 120941 h 123087"/>
                  <a:gd name="connsiteX73" fmla="*/ 497361 w 1016190"/>
                  <a:gd name="connsiteY73" fmla="*/ 120941 h 123087"/>
                  <a:gd name="connsiteX74" fmla="*/ 497361 w 1016190"/>
                  <a:gd name="connsiteY74" fmla="*/ 95894 h 123087"/>
                  <a:gd name="connsiteX75" fmla="*/ 452276 w 1016190"/>
                  <a:gd name="connsiteY75" fmla="*/ 95894 h 123087"/>
                  <a:gd name="connsiteX76" fmla="*/ 452276 w 1016190"/>
                  <a:gd name="connsiteY76" fmla="*/ 3578 h 123087"/>
                  <a:gd name="connsiteX77" fmla="*/ 423651 w 1016190"/>
                  <a:gd name="connsiteY77" fmla="*/ 3578 h 123087"/>
                  <a:gd name="connsiteX78" fmla="*/ 423651 w 1016190"/>
                  <a:gd name="connsiteY78" fmla="*/ 120941 h 123087"/>
                  <a:gd name="connsiteX79" fmla="*/ 497361 w 1016190"/>
                  <a:gd name="connsiteY79" fmla="*/ 120941 h 123087"/>
                  <a:gd name="connsiteX80" fmla="*/ 405761 w 1016190"/>
                  <a:gd name="connsiteY80" fmla="*/ 120941 h 123087"/>
                  <a:gd name="connsiteX81" fmla="*/ 405761 w 1016190"/>
                  <a:gd name="connsiteY81" fmla="*/ 96610 h 123087"/>
                  <a:gd name="connsiteX82" fmla="*/ 350657 w 1016190"/>
                  <a:gd name="connsiteY82" fmla="*/ 96610 h 123087"/>
                  <a:gd name="connsiteX83" fmla="*/ 350657 w 1016190"/>
                  <a:gd name="connsiteY83" fmla="*/ 72278 h 123087"/>
                  <a:gd name="connsiteX84" fmla="*/ 399320 w 1016190"/>
                  <a:gd name="connsiteY84" fmla="*/ 72278 h 123087"/>
                  <a:gd name="connsiteX85" fmla="*/ 399320 w 1016190"/>
                  <a:gd name="connsiteY85" fmla="*/ 49378 h 123087"/>
                  <a:gd name="connsiteX86" fmla="*/ 350657 w 1016190"/>
                  <a:gd name="connsiteY86" fmla="*/ 49378 h 123087"/>
                  <a:gd name="connsiteX87" fmla="*/ 350657 w 1016190"/>
                  <a:gd name="connsiteY87" fmla="*/ 27194 h 123087"/>
                  <a:gd name="connsiteX88" fmla="*/ 402182 w 1016190"/>
                  <a:gd name="connsiteY88" fmla="*/ 27194 h 123087"/>
                  <a:gd name="connsiteX89" fmla="*/ 402182 w 1016190"/>
                  <a:gd name="connsiteY89" fmla="*/ 3578 h 123087"/>
                  <a:gd name="connsiteX90" fmla="*/ 323463 w 1016190"/>
                  <a:gd name="connsiteY90" fmla="*/ 3578 h 123087"/>
                  <a:gd name="connsiteX91" fmla="*/ 323463 w 1016190"/>
                  <a:gd name="connsiteY91" fmla="*/ 120941 h 123087"/>
                  <a:gd name="connsiteX92" fmla="*/ 405761 w 1016190"/>
                  <a:gd name="connsiteY92" fmla="*/ 120941 h 123087"/>
                  <a:gd name="connsiteX93" fmla="*/ 313445 w 1016190"/>
                  <a:gd name="connsiteY93" fmla="*/ 104481 h 123087"/>
                  <a:gd name="connsiteX94" fmla="*/ 293407 w 1016190"/>
                  <a:gd name="connsiteY94" fmla="*/ 85875 h 123087"/>
                  <a:gd name="connsiteX95" fmla="*/ 283388 w 1016190"/>
                  <a:gd name="connsiteY95" fmla="*/ 94463 h 123087"/>
                  <a:gd name="connsiteX96" fmla="*/ 268360 w 1016190"/>
                  <a:gd name="connsiteY96" fmla="*/ 98041 h 123087"/>
                  <a:gd name="connsiteX97" fmla="*/ 254763 w 1016190"/>
                  <a:gd name="connsiteY97" fmla="*/ 95178 h 123087"/>
                  <a:gd name="connsiteX98" fmla="*/ 244029 w 1016190"/>
                  <a:gd name="connsiteY98" fmla="*/ 88022 h 123087"/>
                  <a:gd name="connsiteX99" fmla="*/ 236873 w 1016190"/>
                  <a:gd name="connsiteY99" fmla="*/ 76572 h 123087"/>
                  <a:gd name="connsiteX100" fmla="*/ 234726 w 1016190"/>
                  <a:gd name="connsiteY100" fmla="*/ 62260 h 123087"/>
                  <a:gd name="connsiteX101" fmla="*/ 236873 w 1016190"/>
                  <a:gd name="connsiteY101" fmla="*/ 47947 h 123087"/>
                  <a:gd name="connsiteX102" fmla="*/ 244029 w 1016190"/>
                  <a:gd name="connsiteY102" fmla="*/ 36497 h 123087"/>
                  <a:gd name="connsiteX103" fmla="*/ 254763 w 1016190"/>
                  <a:gd name="connsiteY103" fmla="*/ 28625 h 123087"/>
                  <a:gd name="connsiteX104" fmla="*/ 268360 w 1016190"/>
                  <a:gd name="connsiteY104" fmla="*/ 25763 h 123087"/>
                  <a:gd name="connsiteX105" fmla="*/ 281957 w 1016190"/>
                  <a:gd name="connsiteY105" fmla="*/ 28625 h 123087"/>
                  <a:gd name="connsiteX106" fmla="*/ 292692 w 1016190"/>
                  <a:gd name="connsiteY106" fmla="*/ 36497 h 123087"/>
                  <a:gd name="connsiteX107" fmla="*/ 312013 w 1016190"/>
                  <a:gd name="connsiteY107" fmla="*/ 17175 h 123087"/>
                  <a:gd name="connsiteX108" fmla="*/ 292692 w 1016190"/>
                  <a:gd name="connsiteY108" fmla="*/ 4294 h 123087"/>
                  <a:gd name="connsiteX109" fmla="*/ 268360 w 1016190"/>
                  <a:gd name="connsiteY109" fmla="*/ 0 h 123087"/>
                  <a:gd name="connsiteX110" fmla="*/ 243313 w 1016190"/>
                  <a:gd name="connsiteY110" fmla="*/ 4294 h 123087"/>
                  <a:gd name="connsiteX111" fmla="*/ 223276 w 1016190"/>
                  <a:gd name="connsiteY111" fmla="*/ 16459 h 123087"/>
                  <a:gd name="connsiteX112" fmla="*/ 209679 w 1016190"/>
                  <a:gd name="connsiteY112" fmla="*/ 35781 h 123087"/>
                  <a:gd name="connsiteX113" fmla="*/ 204669 w 1016190"/>
                  <a:gd name="connsiteY113" fmla="*/ 61544 h 123087"/>
                  <a:gd name="connsiteX114" fmla="*/ 209679 w 1016190"/>
                  <a:gd name="connsiteY114" fmla="*/ 86591 h 123087"/>
                  <a:gd name="connsiteX115" fmla="*/ 223276 w 1016190"/>
                  <a:gd name="connsiteY115" fmla="*/ 105913 h 123087"/>
                  <a:gd name="connsiteX116" fmla="*/ 243313 w 1016190"/>
                  <a:gd name="connsiteY116" fmla="*/ 118794 h 123087"/>
                  <a:gd name="connsiteX117" fmla="*/ 268360 w 1016190"/>
                  <a:gd name="connsiteY117" fmla="*/ 123088 h 123087"/>
                  <a:gd name="connsiteX118" fmla="*/ 294838 w 1016190"/>
                  <a:gd name="connsiteY118" fmla="*/ 118078 h 123087"/>
                  <a:gd name="connsiteX119" fmla="*/ 313445 w 1016190"/>
                  <a:gd name="connsiteY119" fmla="*/ 104481 h 123087"/>
                  <a:gd name="connsiteX120" fmla="*/ 207532 w 1016190"/>
                  <a:gd name="connsiteY120" fmla="*/ 120941 h 123087"/>
                  <a:gd name="connsiteX121" fmla="*/ 165310 w 1016190"/>
                  <a:gd name="connsiteY121" fmla="*/ 58681 h 123087"/>
                  <a:gd name="connsiteX122" fmla="*/ 202522 w 1016190"/>
                  <a:gd name="connsiteY122" fmla="*/ 3578 h 123087"/>
                  <a:gd name="connsiteX123" fmla="*/ 169604 w 1016190"/>
                  <a:gd name="connsiteY123" fmla="*/ 3578 h 123087"/>
                  <a:gd name="connsiteX124" fmla="*/ 148135 w 1016190"/>
                  <a:gd name="connsiteY124" fmla="*/ 40075 h 123087"/>
                  <a:gd name="connsiteX125" fmla="*/ 125950 w 1016190"/>
                  <a:gd name="connsiteY125" fmla="*/ 3578 h 123087"/>
                  <a:gd name="connsiteX126" fmla="*/ 91600 w 1016190"/>
                  <a:gd name="connsiteY126" fmla="*/ 3578 h 123087"/>
                  <a:gd name="connsiteX127" fmla="*/ 129528 w 1016190"/>
                  <a:gd name="connsiteY127" fmla="*/ 58681 h 123087"/>
                  <a:gd name="connsiteX128" fmla="*/ 88738 w 1016190"/>
                  <a:gd name="connsiteY128" fmla="*/ 120941 h 123087"/>
                  <a:gd name="connsiteX129" fmla="*/ 122372 w 1016190"/>
                  <a:gd name="connsiteY129" fmla="*/ 120941 h 123087"/>
                  <a:gd name="connsiteX130" fmla="*/ 146704 w 1016190"/>
                  <a:gd name="connsiteY130" fmla="*/ 79435 h 123087"/>
                  <a:gd name="connsiteX131" fmla="*/ 172466 w 1016190"/>
                  <a:gd name="connsiteY131" fmla="*/ 120941 h 123087"/>
                  <a:gd name="connsiteX132" fmla="*/ 207532 w 1016190"/>
                  <a:gd name="connsiteY132" fmla="*/ 120941 h 123087"/>
                  <a:gd name="connsiteX133" fmla="*/ 81582 w 1016190"/>
                  <a:gd name="connsiteY133" fmla="*/ 120941 h 123087"/>
                  <a:gd name="connsiteX134" fmla="*/ 81582 w 1016190"/>
                  <a:gd name="connsiteY134" fmla="*/ 96610 h 123087"/>
                  <a:gd name="connsiteX135" fmla="*/ 27194 w 1016190"/>
                  <a:gd name="connsiteY135" fmla="*/ 96610 h 123087"/>
                  <a:gd name="connsiteX136" fmla="*/ 27194 w 1016190"/>
                  <a:gd name="connsiteY136" fmla="*/ 72278 h 123087"/>
                  <a:gd name="connsiteX137" fmla="*/ 75856 w 1016190"/>
                  <a:gd name="connsiteY137" fmla="*/ 72278 h 123087"/>
                  <a:gd name="connsiteX138" fmla="*/ 75856 w 1016190"/>
                  <a:gd name="connsiteY138" fmla="*/ 49378 h 123087"/>
                  <a:gd name="connsiteX139" fmla="*/ 27194 w 1016190"/>
                  <a:gd name="connsiteY139" fmla="*/ 49378 h 123087"/>
                  <a:gd name="connsiteX140" fmla="*/ 27194 w 1016190"/>
                  <a:gd name="connsiteY140" fmla="*/ 27194 h 123087"/>
                  <a:gd name="connsiteX141" fmla="*/ 78719 w 1016190"/>
                  <a:gd name="connsiteY141" fmla="*/ 27194 h 123087"/>
                  <a:gd name="connsiteX142" fmla="*/ 78719 w 1016190"/>
                  <a:gd name="connsiteY142" fmla="*/ 3578 h 123087"/>
                  <a:gd name="connsiteX143" fmla="*/ 0 w 1016190"/>
                  <a:gd name="connsiteY143" fmla="*/ 3578 h 123087"/>
                  <a:gd name="connsiteX144" fmla="*/ 0 w 1016190"/>
                  <a:gd name="connsiteY144" fmla="*/ 120941 h 123087"/>
                  <a:gd name="connsiteX145" fmla="*/ 81582 w 1016190"/>
                  <a:gd name="connsiteY145" fmla="*/ 120941 h 1230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Lst>
                <a:rect l="l" t="t" r="r" b="b"/>
                <a:pathLst>
                  <a:path w="1016190" h="123087">
                    <a:moveTo>
                      <a:pt x="1016191" y="120941"/>
                    </a:moveTo>
                    <a:lnTo>
                      <a:pt x="1016191" y="96610"/>
                    </a:lnTo>
                    <a:lnTo>
                      <a:pt x="961803" y="96610"/>
                    </a:lnTo>
                    <a:lnTo>
                      <a:pt x="961803" y="72278"/>
                    </a:lnTo>
                    <a:lnTo>
                      <a:pt x="1010465" y="72278"/>
                    </a:lnTo>
                    <a:lnTo>
                      <a:pt x="1010465" y="49378"/>
                    </a:lnTo>
                    <a:lnTo>
                      <a:pt x="961803" y="49378"/>
                    </a:lnTo>
                    <a:lnTo>
                      <a:pt x="961803" y="27194"/>
                    </a:lnTo>
                    <a:lnTo>
                      <a:pt x="1013328" y="27194"/>
                    </a:lnTo>
                    <a:lnTo>
                      <a:pt x="1013328" y="3578"/>
                    </a:lnTo>
                    <a:lnTo>
                      <a:pt x="934609" y="3578"/>
                    </a:lnTo>
                    <a:lnTo>
                      <a:pt x="934609" y="120941"/>
                    </a:lnTo>
                    <a:cubicBezTo>
                      <a:pt x="934609" y="120941"/>
                      <a:pt x="1016191" y="120941"/>
                      <a:pt x="1016191" y="120941"/>
                    </a:cubicBezTo>
                    <a:close/>
                    <a:moveTo>
                      <a:pt x="924590" y="104481"/>
                    </a:moveTo>
                    <a:lnTo>
                      <a:pt x="904553" y="85875"/>
                    </a:lnTo>
                    <a:cubicBezTo>
                      <a:pt x="901690" y="89453"/>
                      <a:pt x="898828" y="92316"/>
                      <a:pt x="894534" y="94463"/>
                    </a:cubicBezTo>
                    <a:cubicBezTo>
                      <a:pt x="890240" y="96610"/>
                      <a:pt x="885231" y="98041"/>
                      <a:pt x="879506" y="98041"/>
                    </a:cubicBezTo>
                    <a:cubicBezTo>
                      <a:pt x="874496" y="98041"/>
                      <a:pt x="870203" y="97325"/>
                      <a:pt x="865909" y="95178"/>
                    </a:cubicBezTo>
                    <a:cubicBezTo>
                      <a:pt x="861615" y="93747"/>
                      <a:pt x="858037" y="90885"/>
                      <a:pt x="855174" y="88022"/>
                    </a:cubicBezTo>
                    <a:cubicBezTo>
                      <a:pt x="852312" y="85160"/>
                      <a:pt x="850165" y="80866"/>
                      <a:pt x="848018" y="76572"/>
                    </a:cubicBezTo>
                    <a:cubicBezTo>
                      <a:pt x="846587" y="72278"/>
                      <a:pt x="845871" y="67269"/>
                      <a:pt x="845871" y="62260"/>
                    </a:cubicBezTo>
                    <a:cubicBezTo>
                      <a:pt x="845871" y="57250"/>
                      <a:pt x="846587" y="52241"/>
                      <a:pt x="848018" y="47947"/>
                    </a:cubicBezTo>
                    <a:cubicBezTo>
                      <a:pt x="849449" y="43653"/>
                      <a:pt x="852312" y="40075"/>
                      <a:pt x="855174" y="36497"/>
                    </a:cubicBezTo>
                    <a:cubicBezTo>
                      <a:pt x="858037" y="33634"/>
                      <a:pt x="861615" y="30772"/>
                      <a:pt x="865909" y="28625"/>
                    </a:cubicBezTo>
                    <a:cubicBezTo>
                      <a:pt x="870203" y="26478"/>
                      <a:pt x="874496" y="25763"/>
                      <a:pt x="879506" y="25763"/>
                    </a:cubicBezTo>
                    <a:cubicBezTo>
                      <a:pt x="883800" y="25763"/>
                      <a:pt x="888809" y="26478"/>
                      <a:pt x="893103" y="28625"/>
                    </a:cubicBezTo>
                    <a:cubicBezTo>
                      <a:pt x="897396" y="30056"/>
                      <a:pt x="900975" y="32919"/>
                      <a:pt x="903837" y="36497"/>
                    </a:cubicBezTo>
                    <a:lnTo>
                      <a:pt x="923159" y="17175"/>
                    </a:lnTo>
                    <a:cubicBezTo>
                      <a:pt x="918150" y="11450"/>
                      <a:pt x="911709" y="7156"/>
                      <a:pt x="903837" y="4294"/>
                    </a:cubicBezTo>
                    <a:cubicBezTo>
                      <a:pt x="895965" y="1431"/>
                      <a:pt x="887378" y="0"/>
                      <a:pt x="879506" y="0"/>
                    </a:cubicBezTo>
                    <a:cubicBezTo>
                      <a:pt x="870918" y="0"/>
                      <a:pt x="862331" y="1431"/>
                      <a:pt x="854459" y="4294"/>
                    </a:cubicBezTo>
                    <a:cubicBezTo>
                      <a:pt x="846587" y="7156"/>
                      <a:pt x="840146" y="11450"/>
                      <a:pt x="834421" y="16459"/>
                    </a:cubicBezTo>
                    <a:cubicBezTo>
                      <a:pt x="828696" y="21469"/>
                      <a:pt x="824402" y="28625"/>
                      <a:pt x="820824" y="35781"/>
                    </a:cubicBezTo>
                    <a:cubicBezTo>
                      <a:pt x="817246" y="43653"/>
                      <a:pt x="815815" y="52241"/>
                      <a:pt x="815815" y="61544"/>
                    </a:cubicBezTo>
                    <a:cubicBezTo>
                      <a:pt x="815815" y="70847"/>
                      <a:pt x="817246" y="79435"/>
                      <a:pt x="820824" y="86591"/>
                    </a:cubicBezTo>
                    <a:cubicBezTo>
                      <a:pt x="823687" y="94463"/>
                      <a:pt x="828696" y="100903"/>
                      <a:pt x="834421" y="105913"/>
                    </a:cubicBezTo>
                    <a:cubicBezTo>
                      <a:pt x="840146" y="111638"/>
                      <a:pt x="846587" y="115931"/>
                      <a:pt x="854459" y="118794"/>
                    </a:cubicBezTo>
                    <a:cubicBezTo>
                      <a:pt x="862331" y="121657"/>
                      <a:pt x="870203" y="123088"/>
                      <a:pt x="879506" y="123088"/>
                    </a:cubicBezTo>
                    <a:cubicBezTo>
                      <a:pt x="889525" y="123088"/>
                      <a:pt x="898112" y="121657"/>
                      <a:pt x="905984" y="118078"/>
                    </a:cubicBezTo>
                    <a:cubicBezTo>
                      <a:pt x="912425" y="115216"/>
                      <a:pt x="918865" y="110922"/>
                      <a:pt x="924590" y="104481"/>
                    </a:cubicBezTo>
                    <a:moveTo>
                      <a:pt x="799355" y="120941"/>
                    </a:moveTo>
                    <a:lnTo>
                      <a:pt x="799355" y="3578"/>
                    </a:lnTo>
                    <a:lnTo>
                      <a:pt x="772162" y="3578"/>
                    </a:lnTo>
                    <a:lnTo>
                      <a:pt x="772877" y="80150"/>
                    </a:lnTo>
                    <a:lnTo>
                      <a:pt x="772162" y="80150"/>
                    </a:lnTo>
                    <a:lnTo>
                      <a:pt x="724930" y="3578"/>
                    </a:lnTo>
                    <a:lnTo>
                      <a:pt x="692727" y="3578"/>
                    </a:lnTo>
                    <a:lnTo>
                      <a:pt x="692727" y="120941"/>
                    </a:lnTo>
                    <a:lnTo>
                      <a:pt x="719921" y="120941"/>
                    </a:lnTo>
                    <a:lnTo>
                      <a:pt x="719205" y="44369"/>
                    </a:lnTo>
                    <a:lnTo>
                      <a:pt x="719921" y="44369"/>
                    </a:lnTo>
                    <a:lnTo>
                      <a:pt x="767152" y="120941"/>
                    </a:lnTo>
                    <a:lnTo>
                      <a:pt x="799355" y="120941"/>
                    </a:lnTo>
                    <a:close/>
                    <a:moveTo>
                      <a:pt x="674121" y="120941"/>
                    </a:moveTo>
                    <a:lnTo>
                      <a:pt x="674121" y="96610"/>
                    </a:lnTo>
                    <a:lnTo>
                      <a:pt x="619733" y="96610"/>
                    </a:lnTo>
                    <a:lnTo>
                      <a:pt x="619733" y="72278"/>
                    </a:lnTo>
                    <a:lnTo>
                      <a:pt x="668396" y="72278"/>
                    </a:lnTo>
                    <a:lnTo>
                      <a:pt x="668396" y="49378"/>
                    </a:lnTo>
                    <a:lnTo>
                      <a:pt x="619733" y="49378"/>
                    </a:lnTo>
                    <a:lnTo>
                      <a:pt x="619733" y="27194"/>
                    </a:lnTo>
                    <a:lnTo>
                      <a:pt x="671258" y="27194"/>
                    </a:lnTo>
                    <a:lnTo>
                      <a:pt x="671258" y="3578"/>
                    </a:lnTo>
                    <a:lnTo>
                      <a:pt x="592539" y="3578"/>
                    </a:lnTo>
                    <a:lnTo>
                      <a:pt x="592539" y="120941"/>
                    </a:lnTo>
                    <a:cubicBezTo>
                      <a:pt x="592539" y="120941"/>
                      <a:pt x="674121" y="120941"/>
                      <a:pt x="674121" y="120941"/>
                    </a:cubicBezTo>
                    <a:close/>
                    <a:moveTo>
                      <a:pt x="581805" y="120941"/>
                    </a:moveTo>
                    <a:lnTo>
                      <a:pt x="581805" y="95894"/>
                    </a:lnTo>
                    <a:lnTo>
                      <a:pt x="536720" y="95894"/>
                    </a:lnTo>
                    <a:lnTo>
                      <a:pt x="536720" y="3578"/>
                    </a:lnTo>
                    <a:lnTo>
                      <a:pt x="508095" y="3578"/>
                    </a:lnTo>
                    <a:lnTo>
                      <a:pt x="508095" y="120941"/>
                    </a:lnTo>
                    <a:lnTo>
                      <a:pt x="581805" y="120941"/>
                    </a:lnTo>
                    <a:close/>
                    <a:moveTo>
                      <a:pt x="497361" y="120941"/>
                    </a:moveTo>
                    <a:lnTo>
                      <a:pt x="497361" y="95894"/>
                    </a:lnTo>
                    <a:lnTo>
                      <a:pt x="452276" y="95894"/>
                    </a:lnTo>
                    <a:lnTo>
                      <a:pt x="452276" y="3578"/>
                    </a:lnTo>
                    <a:lnTo>
                      <a:pt x="423651" y="3578"/>
                    </a:lnTo>
                    <a:lnTo>
                      <a:pt x="423651" y="120941"/>
                    </a:lnTo>
                    <a:lnTo>
                      <a:pt x="497361" y="120941"/>
                    </a:lnTo>
                    <a:close/>
                    <a:moveTo>
                      <a:pt x="405761" y="120941"/>
                    </a:moveTo>
                    <a:lnTo>
                      <a:pt x="405761" y="96610"/>
                    </a:lnTo>
                    <a:lnTo>
                      <a:pt x="350657" y="96610"/>
                    </a:lnTo>
                    <a:lnTo>
                      <a:pt x="350657" y="72278"/>
                    </a:lnTo>
                    <a:lnTo>
                      <a:pt x="399320" y="72278"/>
                    </a:lnTo>
                    <a:lnTo>
                      <a:pt x="399320" y="49378"/>
                    </a:lnTo>
                    <a:lnTo>
                      <a:pt x="350657" y="49378"/>
                    </a:lnTo>
                    <a:lnTo>
                      <a:pt x="350657" y="27194"/>
                    </a:lnTo>
                    <a:lnTo>
                      <a:pt x="402182" y="27194"/>
                    </a:lnTo>
                    <a:lnTo>
                      <a:pt x="402182" y="3578"/>
                    </a:lnTo>
                    <a:lnTo>
                      <a:pt x="323463" y="3578"/>
                    </a:lnTo>
                    <a:lnTo>
                      <a:pt x="323463" y="120941"/>
                    </a:lnTo>
                    <a:cubicBezTo>
                      <a:pt x="323463" y="120941"/>
                      <a:pt x="405761" y="120941"/>
                      <a:pt x="405761" y="120941"/>
                    </a:cubicBezTo>
                    <a:close/>
                    <a:moveTo>
                      <a:pt x="313445" y="104481"/>
                    </a:moveTo>
                    <a:lnTo>
                      <a:pt x="293407" y="85875"/>
                    </a:lnTo>
                    <a:cubicBezTo>
                      <a:pt x="290545" y="89453"/>
                      <a:pt x="287682" y="92316"/>
                      <a:pt x="283388" y="94463"/>
                    </a:cubicBezTo>
                    <a:cubicBezTo>
                      <a:pt x="279095" y="96610"/>
                      <a:pt x="274085" y="98041"/>
                      <a:pt x="268360" y="98041"/>
                    </a:cubicBezTo>
                    <a:cubicBezTo>
                      <a:pt x="263351" y="98041"/>
                      <a:pt x="259057" y="97325"/>
                      <a:pt x="254763" y="95178"/>
                    </a:cubicBezTo>
                    <a:cubicBezTo>
                      <a:pt x="250469" y="93031"/>
                      <a:pt x="246891" y="90885"/>
                      <a:pt x="244029" y="88022"/>
                    </a:cubicBezTo>
                    <a:cubicBezTo>
                      <a:pt x="241166" y="85160"/>
                      <a:pt x="239019" y="80866"/>
                      <a:pt x="236873" y="76572"/>
                    </a:cubicBezTo>
                    <a:cubicBezTo>
                      <a:pt x="235441" y="72278"/>
                      <a:pt x="234726" y="67269"/>
                      <a:pt x="234726" y="62260"/>
                    </a:cubicBezTo>
                    <a:cubicBezTo>
                      <a:pt x="234726" y="57250"/>
                      <a:pt x="235441" y="52241"/>
                      <a:pt x="236873" y="47947"/>
                    </a:cubicBezTo>
                    <a:cubicBezTo>
                      <a:pt x="238304" y="43653"/>
                      <a:pt x="241166" y="40075"/>
                      <a:pt x="244029" y="36497"/>
                    </a:cubicBezTo>
                    <a:cubicBezTo>
                      <a:pt x="246891" y="33634"/>
                      <a:pt x="250469" y="30772"/>
                      <a:pt x="254763" y="28625"/>
                    </a:cubicBezTo>
                    <a:cubicBezTo>
                      <a:pt x="259057" y="26478"/>
                      <a:pt x="263351" y="25763"/>
                      <a:pt x="268360" y="25763"/>
                    </a:cubicBezTo>
                    <a:cubicBezTo>
                      <a:pt x="272654" y="25763"/>
                      <a:pt x="276948" y="26478"/>
                      <a:pt x="281957" y="28625"/>
                    </a:cubicBezTo>
                    <a:cubicBezTo>
                      <a:pt x="286251" y="30056"/>
                      <a:pt x="289829" y="32919"/>
                      <a:pt x="292692" y="36497"/>
                    </a:cubicBezTo>
                    <a:lnTo>
                      <a:pt x="312013" y="17175"/>
                    </a:lnTo>
                    <a:cubicBezTo>
                      <a:pt x="307004" y="11450"/>
                      <a:pt x="300563" y="7156"/>
                      <a:pt x="292692" y="4294"/>
                    </a:cubicBezTo>
                    <a:cubicBezTo>
                      <a:pt x="284820" y="1431"/>
                      <a:pt x="276232" y="0"/>
                      <a:pt x="268360" y="0"/>
                    </a:cubicBezTo>
                    <a:cubicBezTo>
                      <a:pt x="259773" y="0"/>
                      <a:pt x="251185" y="1431"/>
                      <a:pt x="243313" y="4294"/>
                    </a:cubicBezTo>
                    <a:cubicBezTo>
                      <a:pt x="235441" y="7156"/>
                      <a:pt x="229001" y="11450"/>
                      <a:pt x="223276" y="16459"/>
                    </a:cubicBezTo>
                    <a:cubicBezTo>
                      <a:pt x="217551" y="21469"/>
                      <a:pt x="213257" y="28625"/>
                      <a:pt x="209679" y="35781"/>
                    </a:cubicBezTo>
                    <a:cubicBezTo>
                      <a:pt x="206101" y="43653"/>
                      <a:pt x="204669" y="52241"/>
                      <a:pt x="204669" y="61544"/>
                    </a:cubicBezTo>
                    <a:cubicBezTo>
                      <a:pt x="204669" y="70847"/>
                      <a:pt x="206101" y="79435"/>
                      <a:pt x="209679" y="86591"/>
                    </a:cubicBezTo>
                    <a:cubicBezTo>
                      <a:pt x="212541" y="94463"/>
                      <a:pt x="217551" y="100903"/>
                      <a:pt x="223276" y="105913"/>
                    </a:cubicBezTo>
                    <a:cubicBezTo>
                      <a:pt x="229001" y="111638"/>
                      <a:pt x="235441" y="115931"/>
                      <a:pt x="243313" y="118794"/>
                    </a:cubicBezTo>
                    <a:cubicBezTo>
                      <a:pt x="251185" y="121657"/>
                      <a:pt x="259057" y="123088"/>
                      <a:pt x="268360" y="123088"/>
                    </a:cubicBezTo>
                    <a:cubicBezTo>
                      <a:pt x="278379" y="123088"/>
                      <a:pt x="286966" y="121657"/>
                      <a:pt x="294838" y="118078"/>
                    </a:cubicBezTo>
                    <a:cubicBezTo>
                      <a:pt x="301995" y="115216"/>
                      <a:pt x="308435" y="110922"/>
                      <a:pt x="313445" y="104481"/>
                    </a:cubicBezTo>
                    <a:moveTo>
                      <a:pt x="207532" y="120941"/>
                    </a:moveTo>
                    <a:lnTo>
                      <a:pt x="165310" y="58681"/>
                    </a:lnTo>
                    <a:lnTo>
                      <a:pt x="202522" y="3578"/>
                    </a:lnTo>
                    <a:lnTo>
                      <a:pt x="169604" y="3578"/>
                    </a:lnTo>
                    <a:lnTo>
                      <a:pt x="148135" y="40075"/>
                    </a:lnTo>
                    <a:lnTo>
                      <a:pt x="125950" y="3578"/>
                    </a:lnTo>
                    <a:lnTo>
                      <a:pt x="91600" y="3578"/>
                    </a:lnTo>
                    <a:lnTo>
                      <a:pt x="129528" y="58681"/>
                    </a:lnTo>
                    <a:lnTo>
                      <a:pt x="88738" y="120941"/>
                    </a:lnTo>
                    <a:lnTo>
                      <a:pt x="122372" y="120941"/>
                    </a:lnTo>
                    <a:lnTo>
                      <a:pt x="146704" y="79435"/>
                    </a:lnTo>
                    <a:lnTo>
                      <a:pt x="172466" y="120941"/>
                    </a:lnTo>
                    <a:lnTo>
                      <a:pt x="207532" y="120941"/>
                    </a:lnTo>
                    <a:close/>
                    <a:moveTo>
                      <a:pt x="81582" y="120941"/>
                    </a:moveTo>
                    <a:lnTo>
                      <a:pt x="81582" y="96610"/>
                    </a:lnTo>
                    <a:lnTo>
                      <a:pt x="27194" y="96610"/>
                    </a:lnTo>
                    <a:lnTo>
                      <a:pt x="27194" y="72278"/>
                    </a:lnTo>
                    <a:lnTo>
                      <a:pt x="75856" y="72278"/>
                    </a:lnTo>
                    <a:lnTo>
                      <a:pt x="75856" y="49378"/>
                    </a:lnTo>
                    <a:lnTo>
                      <a:pt x="27194" y="49378"/>
                    </a:lnTo>
                    <a:lnTo>
                      <a:pt x="27194" y="27194"/>
                    </a:lnTo>
                    <a:lnTo>
                      <a:pt x="78719" y="27194"/>
                    </a:lnTo>
                    <a:lnTo>
                      <a:pt x="78719" y="3578"/>
                    </a:lnTo>
                    <a:lnTo>
                      <a:pt x="0" y="3578"/>
                    </a:lnTo>
                    <a:lnTo>
                      <a:pt x="0" y="120941"/>
                    </a:lnTo>
                    <a:cubicBezTo>
                      <a:pt x="0" y="120941"/>
                      <a:pt x="81582" y="120941"/>
                      <a:pt x="81582" y="120941"/>
                    </a:cubicBezTo>
                    <a:close/>
                  </a:path>
                </a:pathLst>
              </a:custGeom>
              <a:solidFill>
                <a:srgbClr val="01567A"/>
              </a:solidFill>
              <a:ln w="7121" cap="flat">
                <a:noFill/>
                <a:prstDash val="solid"/>
                <a:miter/>
              </a:ln>
            </p:spPr>
            <p:txBody>
              <a:bodyPr rtlCol="0" anchor="ctr"/>
              <a:lstStyle/>
              <a:p>
                <a:endParaRPr lang="en-IN"/>
              </a:p>
            </p:txBody>
          </p:sp>
          <p:sp>
            <p:nvSpPr>
              <p:cNvPr id="65" name="Freeform: Shape 64">
                <a:extLst>
                  <a:ext uri="{FF2B5EF4-FFF2-40B4-BE49-F238E27FC236}">
                    <a16:creationId xmlns:a16="http://schemas.microsoft.com/office/drawing/2014/main" id="{68F88342-B213-9121-2548-010E1B632803}"/>
                  </a:ext>
                </a:extLst>
              </p:cNvPr>
              <p:cNvSpPr/>
              <p:nvPr/>
            </p:nvSpPr>
            <p:spPr>
              <a:xfrm>
                <a:off x="2829745" y="3262203"/>
                <a:ext cx="719920" cy="123087"/>
              </a:xfrm>
              <a:custGeom>
                <a:avLst/>
                <a:gdLst>
                  <a:gd name="connsiteX0" fmla="*/ 719921 w 719920"/>
                  <a:gd name="connsiteY0" fmla="*/ 14313 h 123087"/>
                  <a:gd name="connsiteX1" fmla="*/ 702030 w 719920"/>
                  <a:gd name="connsiteY1" fmla="*/ 3578 h 123087"/>
                  <a:gd name="connsiteX2" fmla="*/ 681993 w 719920"/>
                  <a:gd name="connsiteY2" fmla="*/ 0 h 123087"/>
                  <a:gd name="connsiteX3" fmla="*/ 665533 w 719920"/>
                  <a:gd name="connsiteY3" fmla="*/ 2147 h 123087"/>
                  <a:gd name="connsiteX4" fmla="*/ 651221 w 719920"/>
                  <a:gd name="connsiteY4" fmla="*/ 8588 h 123087"/>
                  <a:gd name="connsiteX5" fmla="*/ 640486 w 719920"/>
                  <a:gd name="connsiteY5" fmla="*/ 20038 h 123087"/>
                  <a:gd name="connsiteX6" fmla="*/ 636192 w 719920"/>
                  <a:gd name="connsiteY6" fmla="*/ 36497 h 123087"/>
                  <a:gd name="connsiteX7" fmla="*/ 639055 w 719920"/>
                  <a:gd name="connsiteY7" fmla="*/ 50094 h 123087"/>
                  <a:gd name="connsiteX8" fmla="*/ 645496 w 719920"/>
                  <a:gd name="connsiteY8" fmla="*/ 59397 h 123087"/>
                  <a:gd name="connsiteX9" fmla="*/ 654799 w 719920"/>
                  <a:gd name="connsiteY9" fmla="*/ 65838 h 123087"/>
                  <a:gd name="connsiteX10" fmla="*/ 665533 w 719920"/>
                  <a:gd name="connsiteY10" fmla="*/ 70131 h 123087"/>
                  <a:gd name="connsiteX11" fmla="*/ 675552 w 719920"/>
                  <a:gd name="connsiteY11" fmla="*/ 73710 h 123087"/>
                  <a:gd name="connsiteX12" fmla="*/ 683424 w 719920"/>
                  <a:gd name="connsiteY12" fmla="*/ 77288 h 123087"/>
                  <a:gd name="connsiteX13" fmla="*/ 688433 w 719920"/>
                  <a:gd name="connsiteY13" fmla="*/ 81581 h 123087"/>
                  <a:gd name="connsiteX14" fmla="*/ 689865 w 719920"/>
                  <a:gd name="connsiteY14" fmla="*/ 87306 h 123087"/>
                  <a:gd name="connsiteX15" fmla="*/ 688433 w 719920"/>
                  <a:gd name="connsiteY15" fmla="*/ 93031 h 123087"/>
                  <a:gd name="connsiteX16" fmla="*/ 684855 w 719920"/>
                  <a:gd name="connsiteY16" fmla="*/ 97325 h 123087"/>
                  <a:gd name="connsiteX17" fmla="*/ 679846 w 719920"/>
                  <a:gd name="connsiteY17" fmla="*/ 99472 h 123087"/>
                  <a:gd name="connsiteX18" fmla="*/ 673405 w 719920"/>
                  <a:gd name="connsiteY18" fmla="*/ 100188 h 123087"/>
                  <a:gd name="connsiteX19" fmla="*/ 659093 w 719920"/>
                  <a:gd name="connsiteY19" fmla="*/ 96610 h 123087"/>
                  <a:gd name="connsiteX20" fmla="*/ 647643 w 719920"/>
                  <a:gd name="connsiteY20" fmla="*/ 88022 h 123087"/>
                  <a:gd name="connsiteX21" fmla="*/ 629036 w 719920"/>
                  <a:gd name="connsiteY21" fmla="*/ 106628 h 123087"/>
                  <a:gd name="connsiteX22" fmla="*/ 648358 w 719920"/>
                  <a:gd name="connsiteY22" fmla="*/ 118794 h 123087"/>
                  <a:gd name="connsiteX23" fmla="*/ 672690 w 719920"/>
                  <a:gd name="connsiteY23" fmla="*/ 123088 h 123087"/>
                  <a:gd name="connsiteX24" fmla="*/ 689149 w 719920"/>
                  <a:gd name="connsiteY24" fmla="*/ 120941 h 123087"/>
                  <a:gd name="connsiteX25" fmla="*/ 703461 w 719920"/>
                  <a:gd name="connsiteY25" fmla="*/ 113785 h 123087"/>
                  <a:gd name="connsiteX26" fmla="*/ 713480 w 719920"/>
                  <a:gd name="connsiteY26" fmla="*/ 101619 h 123087"/>
                  <a:gd name="connsiteX27" fmla="*/ 717058 w 719920"/>
                  <a:gd name="connsiteY27" fmla="*/ 84444 h 123087"/>
                  <a:gd name="connsiteX28" fmla="*/ 713480 w 719920"/>
                  <a:gd name="connsiteY28" fmla="*/ 70131 h 123087"/>
                  <a:gd name="connsiteX29" fmla="*/ 704893 w 719920"/>
                  <a:gd name="connsiteY29" fmla="*/ 60113 h 123087"/>
                  <a:gd name="connsiteX30" fmla="*/ 693443 w 719920"/>
                  <a:gd name="connsiteY30" fmla="*/ 53672 h 123087"/>
                  <a:gd name="connsiteX31" fmla="*/ 681277 w 719920"/>
                  <a:gd name="connsiteY31" fmla="*/ 49378 h 123087"/>
                  <a:gd name="connsiteX32" fmla="*/ 674121 w 719920"/>
                  <a:gd name="connsiteY32" fmla="*/ 46516 h 123087"/>
                  <a:gd name="connsiteX33" fmla="*/ 668396 w 719920"/>
                  <a:gd name="connsiteY33" fmla="*/ 43653 h 123087"/>
                  <a:gd name="connsiteX34" fmla="*/ 664818 w 719920"/>
                  <a:gd name="connsiteY34" fmla="*/ 40075 h 123087"/>
                  <a:gd name="connsiteX35" fmla="*/ 663386 w 719920"/>
                  <a:gd name="connsiteY35" fmla="*/ 35066 h 123087"/>
                  <a:gd name="connsiteX36" fmla="*/ 664818 w 719920"/>
                  <a:gd name="connsiteY36" fmla="*/ 29341 h 123087"/>
                  <a:gd name="connsiteX37" fmla="*/ 668396 w 719920"/>
                  <a:gd name="connsiteY37" fmla="*/ 25763 h 123087"/>
                  <a:gd name="connsiteX38" fmla="*/ 673405 w 719920"/>
                  <a:gd name="connsiteY38" fmla="*/ 23616 h 123087"/>
                  <a:gd name="connsiteX39" fmla="*/ 679130 w 719920"/>
                  <a:gd name="connsiteY39" fmla="*/ 22900 h 123087"/>
                  <a:gd name="connsiteX40" fmla="*/ 690580 w 719920"/>
                  <a:gd name="connsiteY40" fmla="*/ 25763 h 123087"/>
                  <a:gd name="connsiteX41" fmla="*/ 699883 w 719920"/>
                  <a:gd name="connsiteY41" fmla="*/ 32919 h 123087"/>
                  <a:gd name="connsiteX42" fmla="*/ 719921 w 719920"/>
                  <a:gd name="connsiteY42" fmla="*/ 14313 h 123087"/>
                  <a:gd name="connsiteX43" fmla="*/ 592539 w 719920"/>
                  <a:gd name="connsiteY43" fmla="*/ 77288 h 123087"/>
                  <a:gd name="connsiteX44" fmla="*/ 583952 w 719920"/>
                  <a:gd name="connsiteY44" fmla="*/ 88022 h 123087"/>
                  <a:gd name="connsiteX45" fmla="*/ 571786 w 719920"/>
                  <a:gd name="connsiteY45" fmla="*/ 93747 h 123087"/>
                  <a:gd name="connsiteX46" fmla="*/ 557474 w 719920"/>
                  <a:gd name="connsiteY46" fmla="*/ 95178 h 123087"/>
                  <a:gd name="connsiteX47" fmla="*/ 543877 w 719920"/>
                  <a:gd name="connsiteY47" fmla="*/ 95178 h 123087"/>
                  <a:gd name="connsiteX48" fmla="*/ 543877 w 719920"/>
                  <a:gd name="connsiteY48" fmla="*/ 26478 h 123087"/>
                  <a:gd name="connsiteX49" fmla="*/ 558189 w 719920"/>
                  <a:gd name="connsiteY49" fmla="*/ 26478 h 123087"/>
                  <a:gd name="connsiteX50" fmla="*/ 572502 w 719920"/>
                  <a:gd name="connsiteY50" fmla="*/ 27909 h 123087"/>
                  <a:gd name="connsiteX51" fmla="*/ 584667 w 719920"/>
                  <a:gd name="connsiteY51" fmla="*/ 33634 h 123087"/>
                  <a:gd name="connsiteX52" fmla="*/ 593255 w 719920"/>
                  <a:gd name="connsiteY52" fmla="*/ 44369 h 123087"/>
                  <a:gd name="connsiteX53" fmla="*/ 596833 w 719920"/>
                  <a:gd name="connsiteY53" fmla="*/ 60828 h 123087"/>
                  <a:gd name="connsiteX54" fmla="*/ 592539 w 719920"/>
                  <a:gd name="connsiteY54" fmla="*/ 77288 h 123087"/>
                  <a:gd name="connsiteX55" fmla="*/ 619733 w 719920"/>
                  <a:gd name="connsiteY55" fmla="*/ 32919 h 123087"/>
                  <a:gd name="connsiteX56" fmla="*/ 604705 w 719920"/>
                  <a:gd name="connsiteY56" fmla="*/ 15028 h 123087"/>
                  <a:gd name="connsiteX57" fmla="*/ 583236 w 719920"/>
                  <a:gd name="connsiteY57" fmla="*/ 5725 h 123087"/>
                  <a:gd name="connsiteX58" fmla="*/ 558905 w 719920"/>
                  <a:gd name="connsiteY58" fmla="*/ 2863 h 123087"/>
                  <a:gd name="connsiteX59" fmla="*/ 516683 w 719920"/>
                  <a:gd name="connsiteY59" fmla="*/ 2863 h 123087"/>
                  <a:gd name="connsiteX60" fmla="*/ 516683 w 719920"/>
                  <a:gd name="connsiteY60" fmla="*/ 120225 h 123087"/>
                  <a:gd name="connsiteX61" fmla="*/ 560336 w 719920"/>
                  <a:gd name="connsiteY61" fmla="*/ 120225 h 123087"/>
                  <a:gd name="connsiteX62" fmla="*/ 583952 w 719920"/>
                  <a:gd name="connsiteY62" fmla="*/ 116647 h 123087"/>
                  <a:gd name="connsiteX63" fmla="*/ 605420 w 719920"/>
                  <a:gd name="connsiteY63" fmla="*/ 105913 h 123087"/>
                  <a:gd name="connsiteX64" fmla="*/ 620449 w 719920"/>
                  <a:gd name="connsiteY64" fmla="*/ 87306 h 123087"/>
                  <a:gd name="connsiteX65" fmla="*/ 626174 w 719920"/>
                  <a:gd name="connsiteY65" fmla="*/ 60828 h 123087"/>
                  <a:gd name="connsiteX66" fmla="*/ 619733 w 719920"/>
                  <a:gd name="connsiteY66" fmla="*/ 32919 h 123087"/>
                  <a:gd name="connsiteX67" fmla="*/ 468020 w 719920"/>
                  <a:gd name="connsiteY67" fmla="*/ 45800 h 123087"/>
                  <a:gd name="connsiteX68" fmla="*/ 463011 w 719920"/>
                  <a:gd name="connsiteY68" fmla="*/ 50094 h 123087"/>
                  <a:gd name="connsiteX69" fmla="*/ 456570 w 719920"/>
                  <a:gd name="connsiteY69" fmla="*/ 52241 h 123087"/>
                  <a:gd name="connsiteX70" fmla="*/ 449414 w 719920"/>
                  <a:gd name="connsiteY70" fmla="*/ 52956 h 123087"/>
                  <a:gd name="connsiteX71" fmla="*/ 435817 w 719920"/>
                  <a:gd name="connsiteY71" fmla="*/ 52956 h 123087"/>
                  <a:gd name="connsiteX72" fmla="*/ 435817 w 719920"/>
                  <a:gd name="connsiteY72" fmla="*/ 25763 h 123087"/>
                  <a:gd name="connsiteX73" fmla="*/ 450845 w 719920"/>
                  <a:gd name="connsiteY73" fmla="*/ 25763 h 123087"/>
                  <a:gd name="connsiteX74" fmla="*/ 457286 w 719920"/>
                  <a:gd name="connsiteY74" fmla="*/ 26478 h 123087"/>
                  <a:gd name="connsiteX75" fmla="*/ 463726 w 719920"/>
                  <a:gd name="connsiteY75" fmla="*/ 28625 h 123087"/>
                  <a:gd name="connsiteX76" fmla="*/ 468020 w 719920"/>
                  <a:gd name="connsiteY76" fmla="*/ 32919 h 123087"/>
                  <a:gd name="connsiteX77" fmla="*/ 469451 w 719920"/>
                  <a:gd name="connsiteY77" fmla="*/ 39359 h 123087"/>
                  <a:gd name="connsiteX78" fmla="*/ 468020 w 719920"/>
                  <a:gd name="connsiteY78" fmla="*/ 45800 h 123087"/>
                  <a:gd name="connsiteX79" fmla="*/ 503801 w 719920"/>
                  <a:gd name="connsiteY79" fmla="*/ 120225 h 123087"/>
                  <a:gd name="connsiteX80" fmla="*/ 473029 w 719920"/>
                  <a:gd name="connsiteY80" fmla="*/ 70131 h 123087"/>
                  <a:gd name="connsiteX81" fmla="*/ 490920 w 719920"/>
                  <a:gd name="connsiteY81" fmla="*/ 58681 h 123087"/>
                  <a:gd name="connsiteX82" fmla="*/ 497361 w 719920"/>
                  <a:gd name="connsiteY82" fmla="*/ 38644 h 123087"/>
                  <a:gd name="connsiteX83" fmla="*/ 493783 w 719920"/>
                  <a:gd name="connsiteY83" fmla="*/ 21469 h 123087"/>
                  <a:gd name="connsiteX84" fmla="*/ 483764 w 719920"/>
                  <a:gd name="connsiteY84" fmla="*/ 10734 h 123087"/>
                  <a:gd name="connsiteX85" fmla="*/ 469451 w 719920"/>
                  <a:gd name="connsiteY85" fmla="*/ 5009 h 123087"/>
                  <a:gd name="connsiteX86" fmla="*/ 452992 w 719920"/>
                  <a:gd name="connsiteY86" fmla="*/ 3578 h 123087"/>
                  <a:gd name="connsiteX87" fmla="*/ 407907 w 719920"/>
                  <a:gd name="connsiteY87" fmla="*/ 3578 h 123087"/>
                  <a:gd name="connsiteX88" fmla="*/ 407907 w 719920"/>
                  <a:gd name="connsiteY88" fmla="*/ 120941 h 123087"/>
                  <a:gd name="connsiteX89" fmla="*/ 435817 w 719920"/>
                  <a:gd name="connsiteY89" fmla="*/ 120941 h 123087"/>
                  <a:gd name="connsiteX90" fmla="*/ 435817 w 719920"/>
                  <a:gd name="connsiteY90" fmla="*/ 74425 h 123087"/>
                  <a:gd name="connsiteX91" fmla="*/ 445120 w 719920"/>
                  <a:gd name="connsiteY91" fmla="*/ 74425 h 123087"/>
                  <a:gd name="connsiteX92" fmla="*/ 470883 w 719920"/>
                  <a:gd name="connsiteY92" fmla="*/ 120941 h 123087"/>
                  <a:gd name="connsiteX93" fmla="*/ 503801 w 719920"/>
                  <a:gd name="connsiteY93" fmla="*/ 120941 h 123087"/>
                  <a:gd name="connsiteX94" fmla="*/ 503801 w 719920"/>
                  <a:gd name="connsiteY94" fmla="*/ 120225 h 123087"/>
                  <a:gd name="connsiteX95" fmla="*/ 350657 w 719920"/>
                  <a:gd name="connsiteY95" fmla="*/ 74425 h 123087"/>
                  <a:gd name="connsiteX96" fmla="*/ 321317 w 719920"/>
                  <a:gd name="connsiteY96" fmla="*/ 74425 h 123087"/>
                  <a:gd name="connsiteX97" fmla="*/ 336345 w 719920"/>
                  <a:gd name="connsiteY97" fmla="*/ 34350 h 123087"/>
                  <a:gd name="connsiteX98" fmla="*/ 350657 w 719920"/>
                  <a:gd name="connsiteY98" fmla="*/ 74425 h 123087"/>
                  <a:gd name="connsiteX99" fmla="*/ 399320 w 719920"/>
                  <a:gd name="connsiteY99" fmla="*/ 120225 h 123087"/>
                  <a:gd name="connsiteX100" fmla="*/ 350657 w 719920"/>
                  <a:gd name="connsiteY100" fmla="*/ 2863 h 123087"/>
                  <a:gd name="connsiteX101" fmla="*/ 323463 w 719920"/>
                  <a:gd name="connsiteY101" fmla="*/ 2863 h 123087"/>
                  <a:gd name="connsiteX102" fmla="*/ 274085 w 719920"/>
                  <a:gd name="connsiteY102" fmla="*/ 120225 h 123087"/>
                  <a:gd name="connsiteX103" fmla="*/ 304857 w 719920"/>
                  <a:gd name="connsiteY103" fmla="*/ 120225 h 123087"/>
                  <a:gd name="connsiteX104" fmla="*/ 313445 w 719920"/>
                  <a:gd name="connsiteY104" fmla="*/ 97325 h 123087"/>
                  <a:gd name="connsiteX105" fmla="*/ 358529 w 719920"/>
                  <a:gd name="connsiteY105" fmla="*/ 97325 h 123087"/>
                  <a:gd name="connsiteX106" fmla="*/ 367832 w 719920"/>
                  <a:gd name="connsiteY106" fmla="*/ 120225 h 123087"/>
                  <a:gd name="connsiteX107" fmla="*/ 399320 w 719920"/>
                  <a:gd name="connsiteY107" fmla="*/ 120225 h 123087"/>
                  <a:gd name="connsiteX108" fmla="*/ 284820 w 719920"/>
                  <a:gd name="connsiteY108" fmla="*/ 2863 h 123087"/>
                  <a:gd name="connsiteX109" fmla="*/ 255479 w 719920"/>
                  <a:gd name="connsiteY109" fmla="*/ 2863 h 123087"/>
                  <a:gd name="connsiteX110" fmla="*/ 236873 w 719920"/>
                  <a:gd name="connsiteY110" fmla="*/ 80866 h 123087"/>
                  <a:gd name="connsiteX111" fmla="*/ 236157 w 719920"/>
                  <a:gd name="connsiteY111" fmla="*/ 80866 h 123087"/>
                  <a:gd name="connsiteX112" fmla="*/ 215404 w 719920"/>
                  <a:gd name="connsiteY112" fmla="*/ 2863 h 123087"/>
                  <a:gd name="connsiteX113" fmla="*/ 186063 w 719920"/>
                  <a:gd name="connsiteY113" fmla="*/ 2863 h 123087"/>
                  <a:gd name="connsiteX114" fmla="*/ 165310 w 719920"/>
                  <a:gd name="connsiteY114" fmla="*/ 80866 h 123087"/>
                  <a:gd name="connsiteX115" fmla="*/ 164594 w 719920"/>
                  <a:gd name="connsiteY115" fmla="*/ 80866 h 123087"/>
                  <a:gd name="connsiteX116" fmla="*/ 145988 w 719920"/>
                  <a:gd name="connsiteY116" fmla="*/ 2863 h 123087"/>
                  <a:gd name="connsiteX117" fmla="*/ 115216 w 719920"/>
                  <a:gd name="connsiteY117" fmla="*/ 2863 h 123087"/>
                  <a:gd name="connsiteX118" fmla="*/ 148850 w 719920"/>
                  <a:gd name="connsiteY118" fmla="*/ 120225 h 123087"/>
                  <a:gd name="connsiteX119" fmla="*/ 176760 w 719920"/>
                  <a:gd name="connsiteY119" fmla="*/ 120225 h 123087"/>
                  <a:gd name="connsiteX120" fmla="*/ 199660 w 719920"/>
                  <a:gd name="connsiteY120" fmla="*/ 40791 h 123087"/>
                  <a:gd name="connsiteX121" fmla="*/ 200376 w 719920"/>
                  <a:gd name="connsiteY121" fmla="*/ 40791 h 123087"/>
                  <a:gd name="connsiteX122" fmla="*/ 223276 w 719920"/>
                  <a:gd name="connsiteY122" fmla="*/ 120225 h 123087"/>
                  <a:gd name="connsiteX123" fmla="*/ 251185 w 719920"/>
                  <a:gd name="connsiteY123" fmla="*/ 120225 h 123087"/>
                  <a:gd name="connsiteX124" fmla="*/ 284820 w 719920"/>
                  <a:gd name="connsiteY124" fmla="*/ 2863 h 123087"/>
                  <a:gd name="connsiteX125" fmla="*/ 77288 w 719920"/>
                  <a:gd name="connsiteY125" fmla="*/ 74425 h 123087"/>
                  <a:gd name="connsiteX126" fmla="*/ 47947 w 719920"/>
                  <a:gd name="connsiteY126" fmla="*/ 74425 h 123087"/>
                  <a:gd name="connsiteX127" fmla="*/ 62975 w 719920"/>
                  <a:gd name="connsiteY127" fmla="*/ 34350 h 123087"/>
                  <a:gd name="connsiteX128" fmla="*/ 77288 w 719920"/>
                  <a:gd name="connsiteY128" fmla="*/ 74425 h 123087"/>
                  <a:gd name="connsiteX129" fmla="*/ 125235 w 719920"/>
                  <a:gd name="connsiteY129" fmla="*/ 120225 h 123087"/>
                  <a:gd name="connsiteX130" fmla="*/ 76572 w 719920"/>
                  <a:gd name="connsiteY130" fmla="*/ 2863 h 123087"/>
                  <a:gd name="connsiteX131" fmla="*/ 49378 w 719920"/>
                  <a:gd name="connsiteY131" fmla="*/ 2863 h 123087"/>
                  <a:gd name="connsiteX132" fmla="*/ 0 w 719920"/>
                  <a:gd name="connsiteY132" fmla="*/ 120225 h 123087"/>
                  <a:gd name="connsiteX133" fmla="*/ 30772 w 719920"/>
                  <a:gd name="connsiteY133" fmla="*/ 120225 h 123087"/>
                  <a:gd name="connsiteX134" fmla="*/ 39359 w 719920"/>
                  <a:gd name="connsiteY134" fmla="*/ 97325 h 123087"/>
                  <a:gd name="connsiteX135" fmla="*/ 84444 w 719920"/>
                  <a:gd name="connsiteY135" fmla="*/ 97325 h 123087"/>
                  <a:gd name="connsiteX136" fmla="*/ 93747 w 719920"/>
                  <a:gd name="connsiteY136" fmla="*/ 120225 h 123087"/>
                  <a:gd name="connsiteX137" fmla="*/ 125235 w 719920"/>
                  <a:gd name="connsiteY137" fmla="*/ 120225 h 1230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Lst>
                <a:rect l="l" t="t" r="r" b="b"/>
                <a:pathLst>
                  <a:path w="719920" h="123087">
                    <a:moveTo>
                      <a:pt x="719921" y="14313"/>
                    </a:moveTo>
                    <a:cubicBezTo>
                      <a:pt x="714911" y="9303"/>
                      <a:pt x="708471" y="5725"/>
                      <a:pt x="702030" y="3578"/>
                    </a:cubicBezTo>
                    <a:cubicBezTo>
                      <a:pt x="694874" y="1431"/>
                      <a:pt x="688433" y="0"/>
                      <a:pt x="681993" y="0"/>
                    </a:cubicBezTo>
                    <a:cubicBezTo>
                      <a:pt x="676268" y="0"/>
                      <a:pt x="671258" y="716"/>
                      <a:pt x="665533" y="2147"/>
                    </a:cubicBezTo>
                    <a:cubicBezTo>
                      <a:pt x="659808" y="3578"/>
                      <a:pt x="655514" y="5725"/>
                      <a:pt x="651221" y="8588"/>
                    </a:cubicBezTo>
                    <a:cubicBezTo>
                      <a:pt x="646927" y="11450"/>
                      <a:pt x="643349" y="15028"/>
                      <a:pt x="640486" y="20038"/>
                    </a:cubicBezTo>
                    <a:cubicBezTo>
                      <a:pt x="637624" y="24331"/>
                      <a:pt x="636192" y="30056"/>
                      <a:pt x="636192" y="36497"/>
                    </a:cubicBezTo>
                    <a:cubicBezTo>
                      <a:pt x="636192" y="41506"/>
                      <a:pt x="636908" y="46516"/>
                      <a:pt x="639055" y="50094"/>
                    </a:cubicBezTo>
                    <a:cubicBezTo>
                      <a:pt x="640486" y="53672"/>
                      <a:pt x="643349" y="57250"/>
                      <a:pt x="645496" y="59397"/>
                    </a:cubicBezTo>
                    <a:cubicBezTo>
                      <a:pt x="648358" y="62260"/>
                      <a:pt x="651221" y="64406"/>
                      <a:pt x="654799" y="65838"/>
                    </a:cubicBezTo>
                    <a:cubicBezTo>
                      <a:pt x="658377" y="67269"/>
                      <a:pt x="661955" y="68700"/>
                      <a:pt x="665533" y="70131"/>
                    </a:cubicBezTo>
                    <a:cubicBezTo>
                      <a:pt x="669111" y="71563"/>
                      <a:pt x="672690" y="72278"/>
                      <a:pt x="675552" y="73710"/>
                    </a:cubicBezTo>
                    <a:cubicBezTo>
                      <a:pt x="678415" y="74425"/>
                      <a:pt x="681277" y="75856"/>
                      <a:pt x="683424" y="77288"/>
                    </a:cubicBezTo>
                    <a:cubicBezTo>
                      <a:pt x="685571" y="78719"/>
                      <a:pt x="687002" y="80150"/>
                      <a:pt x="688433" y="81581"/>
                    </a:cubicBezTo>
                    <a:cubicBezTo>
                      <a:pt x="689865" y="83013"/>
                      <a:pt x="689865" y="85160"/>
                      <a:pt x="689865" y="87306"/>
                    </a:cubicBezTo>
                    <a:cubicBezTo>
                      <a:pt x="689865" y="89453"/>
                      <a:pt x="689149" y="91600"/>
                      <a:pt x="688433" y="93031"/>
                    </a:cubicBezTo>
                    <a:cubicBezTo>
                      <a:pt x="687718" y="94463"/>
                      <a:pt x="686286" y="95894"/>
                      <a:pt x="684855" y="97325"/>
                    </a:cubicBezTo>
                    <a:cubicBezTo>
                      <a:pt x="683424" y="98041"/>
                      <a:pt x="681277" y="98756"/>
                      <a:pt x="679846" y="99472"/>
                    </a:cubicBezTo>
                    <a:cubicBezTo>
                      <a:pt x="677699" y="100188"/>
                      <a:pt x="675552" y="100188"/>
                      <a:pt x="673405" y="100188"/>
                    </a:cubicBezTo>
                    <a:cubicBezTo>
                      <a:pt x="669111" y="100188"/>
                      <a:pt x="664102" y="98756"/>
                      <a:pt x="659093" y="96610"/>
                    </a:cubicBezTo>
                    <a:cubicBezTo>
                      <a:pt x="654083" y="94463"/>
                      <a:pt x="650505" y="91600"/>
                      <a:pt x="647643" y="88022"/>
                    </a:cubicBezTo>
                    <a:lnTo>
                      <a:pt x="629036" y="106628"/>
                    </a:lnTo>
                    <a:cubicBezTo>
                      <a:pt x="634046" y="112353"/>
                      <a:pt x="640486" y="115931"/>
                      <a:pt x="648358" y="118794"/>
                    </a:cubicBezTo>
                    <a:cubicBezTo>
                      <a:pt x="656230" y="121657"/>
                      <a:pt x="664102" y="123088"/>
                      <a:pt x="672690" y="123088"/>
                    </a:cubicBezTo>
                    <a:cubicBezTo>
                      <a:pt x="678415" y="123088"/>
                      <a:pt x="684139" y="122372"/>
                      <a:pt x="689149" y="120941"/>
                    </a:cubicBezTo>
                    <a:cubicBezTo>
                      <a:pt x="694874" y="119510"/>
                      <a:pt x="699168" y="117363"/>
                      <a:pt x="703461" y="113785"/>
                    </a:cubicBezTo>
                    <a:cubicBezTo>
                      <a:pt x="707755" y="110922"/>
                      <a:pt x="711333" y="106628"/>
                      <a:pt x="713480" y="101619"/>
                    </a:cubicBezTo>
                    <a:cubicBezTo>
                      <a:pt x="715627" y="96610"/>
                      <a:pt x="717058" y="90885"/>
                      <a:pt x="717058" y="84444"/>
                    </a:cubicBezTo>
                    <a:cubicBezTo>
                      <a:pt x="717058" y="78719"/>
                      <a:pt x="715627" y="73710"/>
                      <a:pt x="713480" y="70131"/>
                    </a:cubicBezTo>
                    <a:cubicBezTo>
                      <a:pt x="711333" y="66553"/>
                      <a:pt x="708471" y="62975"/>
                      <a:pt x="704893" y="60113"/>
                    </a:cubicBezTo>
                    <a:cubicBezTo>
                      <a:pt x="701315" y="57250"/>
                      <a:pt x="697736" y="55103"/>
                      <a:pt x="693443" y="53672"/>
                    </a:cubicBezTo>
                    <a:cubicBezTo>
                      <a:pt x="689149" y="52241"/>
                      <a:pt x="684855" y="50809"/>
                      <a:pt x="681277" y="49378"/>
                    </a:cubicBezTo>
                    <a:cubicBezTo>
                      <a:pt x="678415" y="48663"/>
                      <a:pt x="676268" y="47947"/>
                      <a:pt x="674121" y="46516"/>
                    </a:cubicBezTo>
                    <a:cubicBezTo>
                      <a:pt x="671974" y="45800"/>
                      <a:pt x="669827" y="45084"/>
                      <a:pt x="668396" y="43653"/>
                    </a:cubicBezTo>
                    <a:cubicBezTo>
                      <a:pt x="666964" y="42938"/>
                      <a:pt x="665533" y="41506"/>
                      <a:pt x="664818" y="40075"/>
                    </a:cubicBezTo>
                    <a:cubicBezTo>
                      <a:pt x="664102" y="38644"/>
                      <a:pt x="663386" y="37213"/>
                      <a:pt x="663386" y="35066"/>
                    </a:cubicBezTo>
                    <a:cubicBezTo>
                      <a:pt x="663386" y="32919"/>
                      <a:pt x="664102" y="30772"/>
                      <a:pt x="664818" y="29341"/>
                    </a:cubicBezTo>
                    <a:cubicBezTo>
                      <a:pt x="665533" y="27909"/>
                      <a:pt x="666964" y="26478"/>
                      <a:pt x="668396" y="25763"/>
                    </a:cubicBezTo>
                    <a:cubicBezTo>
                      <a:pt x="669827" y="25047"/>
                      <a:pt x="671974" y="24331"/>
                      <a:pt x="673405" y="23616"/>
                    </a:cubicBezTo>
                    <a:cubicBezTo>
                      <a:pt x="675552" y="23616"/>
                      <a:pt x="676983" y="22900"/>
                      <a:pt x="679130" y="22900"/>
                    </a:cubicBezTo>
                    <a:cubicBezTo>
                      <a:pt x="682708" y="22900"/>
                      <a:pt x="686286" y="23616"/>
                      <a:pt x="690580" y="25763"/>
                    </a:cubicBezTo>
                    <a:cubicBezTo>
                      <a:pt x="694158" y="27909"/>
                      <a:pt x="697736" y="30056"/>
                      <a:pt x="699883" y="32919"/>
                    </a:cubicBezTo>
                    <a:lnTo>
                      <a:pt x="719921" y="14313"/>
                    </a:lnTo>
                    <a:close/>
                    <a:moveTo>
                      <a:pt x="592539" y="77288"/>
                    </a:moveTo>
                    <a:cubicBezTo>
                      <a:pt x="590392" y="81581"/>
                      <a:pt x="587530" y="85160"/>
                      <a:pt x="583952" y="88022"/>
                    </a:cubicBezTo>
                    <a:cubicBezTo>
                      <a:pt x="580374" y="90885"/>
                      <a:pt x="576080" y="92316"/>
                      <a:pt x="571786" y="93747"/>
                    </a:cubicBezTo>
                    <a:cubicBezTo>
                      <a:pt x="567492" y="95178"/>
                      <a:pt x="562483" y="95178"/>
                      <a:pt x="557474" y="95178"/>
                    </a:cubicBezTo>
                    <a:lnTo>
                      <a:pt x="543877" y="95178"/>
                    </a:lnTo>
                    <a:lnTo>
                      <a:pt x="543877" y="26478"/>
                    </a:lnTo>
                    <a:lnTo>
                      <a:pt x="558189" y="26478"/>
                    </a:lnTo>
                    <a:cubicBezTo>
                      <a:pt x="563199" y="26478"/>
                      <a:pt x="567492" y="27194"/>
                      <a:pt x="572502" y="27909"/>
                    </a:cubicBezTo>
                    <a:cubicBezTo>
                      <a:pt x="576795" y="29341"/>
                      <a:pt x="581089" y="30772"/>
                      <a:pt x="584667" y="33634"/>
                    </a:cubicBezTo>
                    <a:cubicBezTo>
                      <a:pt x="588245" y="36497"/>
                      <a:pt x="591108" y="39359"/>
                      <a:pt x="593255" y="44369"/>
                    </a:cubicBezTo>
                    <a:cubicBezTo>
                      <a:pt x="595402" y="48663"/>
                      <a:pt x="596833" y="54388"/>
                      <a:pt x="596833" y="60828"/>
                    </a:cubicBezTo>
                    <a:cubicBezTo>
                      <a:pt x="596117" y="67269"/>
                      <a:pt x="594686" y="72994"/>
                      <a:pt x="592539" y="77288"/>
                    </a:cubicBezTo>
                    <a:moveTo>
                      <a:pt x="619733" y="32919"/>
                    </a:moveTo>
                    <a:cubicBezTo>
                      <a:pt x="616155" y="25763"/>
                      <a:pt x="611146" y="19322"/>
                      <a:pt x="604705" y="15028"/>
                    </a:cubicBezTo>
                    <a:cubicBezTo>
                      <a:pt x="598264" y="10734"/>
                      <a:pt x="591108" y="7156"/>
                      <a:pt x="583236" y="5725"/>
                    </a:cubicBezTo>
                    <a:cubicBezTo>
                      <a:pt x="575364" y="3578"/>
                      <a:pt x="566777" y="2863"/>
                      <a:pt x="558905" y="2863"/>
                    </a:cubicBezTo>
                    <a:lnTo>
                      <a:pt x="516683" y="2863"/>
                    </a:lnTo>
                    <a:lnTo>
                      <a:pt x="516683" y="120225"/>
                    </a:lnTo>
                    <a:lnTo>
                      <a:pt x="560336" y="120225"/>
                    </a:lnTo>
                    <a:cubicBezTo>
                      <a:pt x="568208" y="120225"/>
                      <a:pt x="576080" y="118794"/>
                      <a:pt x="583952" y="116647"/>
                    </a:cubicBezTo>
                    <a:cubicBezTo>
                      <a:pt x="591824" y="114500"/>
                      <a:pt x="598980" y="110922"/>
                      <a:pt x="605420" y="105913"/>
                    </a:cubicBezTo>
                    <a:cubicBezTo>
                      <a:pt x="611861" y="100903"/>
                      <a:pt x="616871" y="95178"/>
                      <a:pt x="620449" y="87306"/>
                    </a:cubicBezTo>
                    <a:cubicBezTo>
                      <a:pt x="624027" y="80150"/>
                      <a:pt x="626174" y="70847"/>
                      <a:pt x="626174" y="60828"/>
                    </a:cubicBezTo>
                    <a:cubicBezTo>
                      <a:pt x="625458" y="50094"/>
                      <a:pt x="623311" y="40791"/>
                      <a:pt x="619733" y="32919"/>
                    </a:cubicBezTo>
                    <a:moveTo>
                      <a:pt x="468020" y="45800"/>
                    </a:moveTo>
                    <a:cubicBezTo>
                      <a:pt x="466589" y="47947"/>
                      <a:pt x="465158" y="49378"/>
                      <a:pt x="463011" y="50094"/>
                    </a:cubicBezTo>
                    <a:cubicBezTo>
                      <a:pt x="460864" y="50809"/>
                      <a:pt x="458717" y="51525"/>
                      <a:pt x="456570" y="52241"/>
                    </a:cubicBezTo>
                    <a:cubicBezTo>
                      <a:pt x="454423" y="52956"/>
                      <a:pt x="451561" y="52956"/>
                      <a:pt x="449414" y="52956"/>
                    </a:cubicBezTo>
                    <a:lnTo>
                      <a:pt x="435817" y="52956"/>
                    </a:lnTo>
                    <a:lnTo>
                      <a:pt x="435817" y="25763"/>
                    </a:lnTo>
                    <a:lnTo>
                      <a:pt x="450845" y="25763"/>
                    </a:lnTo>
                    <a:cubicBezTo>
                      <a:pt x="452992" y="25763"/>
                      <a:pt x="455139" y="25763"/>
                      <a:pt x="457286" y="26478"/>
                    </a:cubicBezTo>
                    <a:cubicBezTo>
                      <a:pt x="459433" y="26478"/>
                      <a:pt x="461579" y="27194"/>
                      <a:pt x="463726" y="28625"/>
                    </a:cubicBezTo>
                    <a:cubicBezTo>
                      <a:pt x="465873" y="29341"/>
                      <a:pt x="467305" y="30772"/>
                      <a:pt x="468020" y="32919"/>
                    </a:cubicBezTo>
                    <a:cubicBezTo>
                      <a:pt x="469451" y="34350"/>
                      <a:pt x="469451" y="37213"/>
                      <a:pt x="469451" y="39359"/>
                    </a:cubicBezTo>
                    <a:cubicBezTo>
                      <a:pt x="469451" y="41506"/>
                      <a:pt x="468736" y="44369"/>
                      <a:pt x="468020" y="45800"/>
                    </a:cubicBezTo>
                    <a:moveTo>
                      <a:pt x="503801" y="120225"/>
                    </a:moveTo>
                    <a:lnTo>
                      <a:pt x="473029" y="70131"/>
                    </a:lnTo>
                    <a:cubicBezTo>
                      <a:pt x="480901" y="67985"/>
                      <a:pt x="486626" y="63691"/>
                      <a:pt x="490920" y="58681"/>
                    </a:cubicBezTo>
                    <a:cubicBezTo>
                      <a:pt x="495214" y="52956"/>
                      <a:pt x="497361" y="46516"/>
                      <a:pt x="497361" y="38644"/>
                    </a:cubicBezTo>
                    <a:cubicBezTo>
                      <a:pt x="497361" y="32203"/>
                      <a:pt x="495930" y="26478"/>
                      <a:pt x="493783" y="21469"/>
                    </a:cubicBezTo>
                    <a:cubicBezTo>
                      <a:pt x="490920" y="17175"/>
                      <a:pt x="488058" y="13597"/>
                      <a:pt x="483764" y="10734"/>
                    </a:cubicBezTo>
                    <a:cubicBezTo>
                      <a:pt x="479470" y="7872"/>
                      <a:pt x="474461" y="5725"/>
                      <a:pt x="469451" y="5009"/>
                    </a:cubicBezTo>
                    <a:cubicBezTo>
                      <a:pt x="464442" y="3578"/>
                      <a:pt x="458717" y="3578"/>
                      <a:pt x="452992" y="3578"/>
                    </a:cubicBezTo>
                    <a:lnTo>
                      <a:pt x="407907" y="3578"/>
                    </a:lnTo>
                    <a:lnTo>
                      <a:pt x="407907" y="120941"/>
                    </a:lnTo>
                    <a:lnTo>
                      <a:pt x="435817" y="120941"/>
                    </a:lnTo>
                    <a:lnTo>
                      <a:pt x="435817" y="74425"/>
                    </a:lnTo>
                    <a:lnTo>
                      <a:pt x="445120" y="74425"/>
                    </a:lnTo>
                    <a:lnTo>
                      <a:pt x="470883" y="120941"/>
                    </a:lnTo>
                    <a:lnTo>
                      <a:pt x="503801" y="120941"/>
                    </a:lnTo>
                    <a:lnTo>
                      <a:pt x="503801" y="120225"/>
                    </a:lnTo>
                    <a:close/>
                    <a:moveTo>
                      <a:pt x="350657" y="74425"/>
                    </a:moveTo>
                    <a:lnTo>
                      <a:pt x="321317" y="74425"/>
                    </a:lnTo>
                    <a:lnTo>
                      <a:pt x="336345" y="34350"/>
                    </a:lnTo>
                    <a:lnTo>
                      <a:pt x="350657" y="74425"/>
                    </a:lnTo>
                    <a:close/>
                    <a:moveTo>
                      <a:pt x="399320" y="120225"/>
                    </a:moveTo>
                    <a:lnTo>
                      <a:pt x="350657" y="2863"/>
                    </a:lnTo>
                    <a:lnTo>
                      <a:pt x="323463" y="2863"/>
                    </a:lnTo>
                    <a:lnTo>
                      <a:pt x="274085" y="120225"/>
                    </a:lnTo>
                    <a:lnTo>
                      <a:pt x="304857" y="120225"/>
                    </a:lnTo>
                    <a:lnTo>
                      <a:pt x="313445" y="97325"/>
                    </a:lnTo>
                    <a:lnTo>
                      <a:pt x="358529" y="97325"/>
                    </a:lnTo>
                    <a:lnTo>
                      <a:pt x="367832" y="120225"/>
                    </a:lnTo>
                    <a:cubicBezTo>
                      <a:pt x="367832" y="120225"/>
                      <a:pt x="399320" y="120225"/>
                      <a:pt x="399320" y="120225"/>
                    </a:cubicBezTo>
                    <a:close/>
                    <a:moveTo>
                      <a:pt x="284820" y="2863"/>
                    </a:moveTo>
                    <a:lnTo>
                      <a:pt x="255479" y="2863"/>
                    </a:lnTo>
                    <a:lnTo>
                      <a:pt x="236873" y="80866"/>
                    </a:lnTo>
                    <a:lnTo>
                      <a:pt x="236157" y="80866"/>
                    </a:lnTo>
                    <a:lnTo>
                      <a:pt x="215404" y="2863"/>
                    </a:lnTo>
                    <a:lnTo>
                      <a:pt x="186063" y="2863"/>
                    </a:lnTo>
                    <a:lnTo>
                      <a:pt x="165310" y="80866"/>
                    </a:lnTo>
                    <a:lnTo>
                      <a:pt x="164594" y="80866"/>
                    </a:lnTo>
                    <a:lnTo>
                      <a:pt x="145988" y="2863"/>
                    </a:lnTo>
                    <a:lnTo>
                      <a:pt x="115216" y="2863"/>
                    </a:lnTo>
                    <a:lnTo>
                      <a:pt x="148850" y="120225"/>
                    </a:lnTo>
                    <a:lnTo>
                      <a:pt x="176760" y="120225"/>
                    </a:lnTo>
                    <a:lnTo>
                      <a:pt x="199660" y="40791"/>
                    </a:lnTo>
                    <a:lnTo>
                      <a:pt x="200376" y="40791"/>
                    </a:lnTo>
                    <a:lnTo>
                      <a:pt x="223276" y="120225"/>
                    </a:lnTo>
                    <a:lnTo>
                      <a:pt x="251185" y="120225"/>
                    </a:lnTo>
                    <a:lnTo>
                      <a:pt x="284820" y="2863"/>
                    </a:lnTo>
                    <a:close/>
                    <a:moveTo>
                      <a:pt x="77288" y="74425"/>
                    </a:moveTo>
                    <a:lnTo>
                      <a:pt x="47947" y="74425"/>
                    </a:lnTo>
                    <a:lnTo>
                      <a:pt x="62975" y="34350"/>
                    </a:lnTo>
                    <a:lnTo>
                      <a:pt x="77288" y="74425"/>
                    </a:lnTo>
                    <a:close/>
                    <a:moveTo>
                      <a:pt x="125235" y="120225"/>
                    </a:moveTo>
                    <a:lnTo>
                      <a:pt x="76572" y="2863"/>
                    </a:lnTo>
                    <a:lnTo>
                      <a:pt x="49378" y="2863"/>
                    </a:lnTo>
                    <a:lnTo>
                      <a:pt x="0" y="120225"/>
                    </a:lnTo>
                    <a:lnTo>
                      <a:pt x="30772" y="120225"/>
                    </a:lnTo>
                    <a:lnTo>
                      <a:pt x="39359" y="97325"/>
                    </a:lnTo>
                    <a:lnTo>
                      <a:pt x="84444" y="97325"/>
                    </a:lnTo>
                    <a:lnTo>
                      <a:pt x="93747" y="120225"/>
                    </a:lnTo>
                    <a:cubicBezTo>
                      <a:pt x="93747" y="120225"/>
                      <a:pt x="125235" y="120225"/>
                      <a:pt x="125235" y="120225"/>
                    </a:cubicBezTo>
                    <a:close/>
                  </a:path>
                </a:pathLst>
              </a:custGeom>
              <a:solidFill>
                <a:srgbClr val="01567A"/>
              </a:solidFill>
              <a:ln w="7121" cap="flat">
                <a:noFill/>
                <a:prstDash val="solid"/>
                <a:miter/>
              </a:ln>
            </p:spPr>
            <p:txBody>
              <a:bodyPr rtlCol="0" anchor="ctr"/>
              <a:lstStyle/>
              <a:p>
                <a:endParaRPr lang="en-IN"/>
              </a:p>
            </p:txBody>
          </p:sp>
        </p:grpSp>
        <p:grpSp>
          <p:nvGrpSpPr>
            <p:cNvPr id="50" name="Group 49">
              <a:extLst>
                <a:ext uri="{FF2B5EF4-FFF2-40B4-BE49-F238E27FC236}">
                  <a16:creationId xmlns:a16="http://schemas.microsoft.com/office/drawing/2014/main" id="{F3FDF976-6552-A127-E027-CD415EE08315}"/>
                </a:ext>
              </a:extLst>
            </p:cNvPr>
            <p:cNvGrpSpPr>
              <a:grpSpLocks noChangeAspect="1"/>
            </p:cNvGrpSpPr>
            <p:nvPr/>
          </p:nvGrpSpPr>
          <p:grpSpPr>
            <a:xfrm>
              <a:off x="5751856" y="2899701"/>
              <a:ext cx="1810537" cy="377135"/>
              <a:chOff x="6162721" y="3066352"/>
              <a:chExt cx="1360284" cy="283348"/>
            </a:xfrm>
          </p:grpSpPr>
          <p:sp>
            <p:nvSpPr>
              <p:cNvPr id="61" name="Freeform: Shape 60">
                <a:extLst>
                  <a:ext uri="{FF2B5EF4-FFF2-40B4-BE49-F238E27FC236}">
                    <a16:creationId xmlns:a16="http://schemas.microsoft.com/office/drawing/2014/main" id="{4BAB9ABF-2BFB-6796-2396-A76A322704A9}"/>
                  </a:ext>
                </a:extLst>
              </p:cNvPr>
              <p:cNvSpPr/>
              <p:nvPr/>
            </p:nvSpPr>
            <p:spPr>
              <a:xfrm>
                <a:off x="6162721" y="3066352"/>
                <a:ext cx="1354370" cy="106457"/>
              </a:xfrm>
              <a:custGeom>
                <a:avLst/>
                <a:gdLst>
                  <a:gd name="connsiteX0" fmla="*/ 32797 w 1354370"/>
                  <a:gd name="connsiteY0" fmla="*/ 18818 h 106457"/>
                  <a:gd name="connsiteX1" fmla="*/ 0 w 1354370"/>
                  <a:gd name="connsiteY1" fmla="*/ 18818 h 106457"/>
                  <a:gd name="connsiteX2" fmla="*/ 0 w 1354370"/>
                  <a:gd name="connsiteY2" fmla="*/ 2151 h 106457"/>
                  <a:gd name="connsiteX3" fmla="*/ 83338 w 1354370"/>
                  <a:gd name="connsiteY3" fmla="*/ 2151 h 106457"/>
                  <a:gd name="connsiteX4" fmla="*/ 83338 w 1354370"/>
                  <a:gd name="connsiteY4" fmla="*/ 18818 h 106457"/>
                  <a:gd name="connsiteX5" fmla="*/ 50540 w 1354370"/>
                  <a:gd name="connsiteY5" fmla="*/ 18818 h 106457"/>
                  <a:gd name="connsiteX6" fmla="*/ 50540 w 1354370"/>
                  <a:gd name="connsiteY6" fmla="*/ 104844 h 106457"/>
                  <a:gd name="connsiteX7" fmla="*/ 32260 w 1354370"/>
                  <a:gd name="connsiteY7" fmla="*/ 104844 h 106457"/>
                  <a:gd name="connsiteX8" fmla="*/ 32260 w 1354370"/>
                  <a:gd name="connsiteY8" fmla="*/ 18818 h 106457"/>
                  <a:gd name="connsiteX9" fmla="*/ 190332 w 1354370"/>
                  <a:gd name="connsiteY9" fmla="*/ 1613 h 106457"/>
                  <a:gd name="connsiteX10" fmla="*/ 236034 w 1354370"/>
                  <a:gd name="connsiteY10" fmla="*/ 1613 h 106457"/>
                  <a:gd name="connsiteX11" fmla="*/ 265605 w 1354370"/>
                  <a:gd name="connsiteY11" fmla="*/ 11829 h 106457"/>
                  <a:gd name="connsiteX12" fmla="*/ 274208 w 1354370"/>
                  <a:gd name="connsiteY12" fmla="*/ 33873 h 106457"/>
                  <a:gd name="connsiteX13" fmla="*/ 274208 w 1354370"/>
                  <a:gd name="connsiteY13" fmla="*/ 34410 h 106457"/>
                  <a:gd name="connsiteX14" fmla="*/ 249475 w 1354370"/>
                  <a:gd name="connsiteY14" fmla="*/ 65595 h 106457"/>
                  <a:gd name="connsiteX15" fmla="*/ 277434 w 1354370"/>
                  <a:gd name="connsiteY15" fmla="*/ 104844 h 106457"/>
                  <a:gd name="connsiteX16" fmla="*/ 255927 w 1354370"/>
                  <a:gd name="connsiteY16" fmla="*/ 104844 h 106457"/>
                  <a:gd name="connsiteX17" fmla="*/ 231195 w 1354370"/>
                  <a:gd name="connsiteY17" fmla="*/ 68821 h 106457"/>
                  <a:gd name="connsiteX18" fmla="*/ 208613 w 1354370"/>
                  <a:gd name="connsiteY18" fmla="*/ 68821 h 106457"/>
                  <a:gd name="connsiteX19" fmla="*/ 208613 w 1354370"/>
                  <a:gd name="connsiteY19" fmla="*/ 104844 h 106457"/>
                  <a:gd name="connsiteX20" fmla="*/ 190332 w 1354370"/>
                  <a:gd name="connsiteY20" fmla="*/ 104844 h 106457"/>
                  <a:gd name="connsiteX21" fmla="*/ 190332 w 1354370"/>
                  <a:gd name="connsiteY21" fmla="*/ 1613 h 106457"/>
                  <a:gd name="connsiteX22" fmla="*/ 234958 w 1354370"/>
                  <a:gd name="connsiteY22" fmla="*/ 52691 h 106457"/>
                  <a:gd name="connsiteX23" fmla="*/ 255927 w 1354370"/>
                  <a:gd name="connsiteY23" fmla="*/ 35486 h 106457"/>
                  <a:gd name="connsiteX24" fmla="*/ 255927 w 1354370"/>
                  <a:gd name="connsiteY24" fmla="*/ 34948 h 106457"/>
                  <a:gd name="connsiteX25" fmla="*/ 234421 w 1354370"/>
                  <a:gd name="connsiteY25" fmla="*/ 17743 h 106457"/>
                  <a:gd name="connsiteX26" fmla="*/ 208075 w 1354370"/>
                  <a:gd name="connsiteY26" fmla="*/ 17743 h 106457"/>
                  <a:gd name="connsiteX27" fmla="*/ 208075 w 1354370"/>
                  <a:gd name="connsiteY27" fmla="*/ 52691 h 106457"/>
                  <a:gd name="connsiteX28" fmla="*/ 234958 w 1354370"/>
                  <a:gd name="connsiteY28" fmla="*/ 52691 h 106457"/>
                  <a:gd name="connsiteX29" fmla="*/ 420452 w 1354370"/>
                  <a:gd name="connsiteY29" fmla="*/ 1075 h 106457"/>
                  <a:gd name="connsiteX30" fmla="*/ 437119 w 1354370"/>
                  <a:gd name="connsiteY30" fmla="*/ 1075 h 106457"/>
                  <a:gd name="connsiteX31" fmla="*/ 482283 w 1354370"/>
                  <a:gd name="connsiteY31" fmla="*/ 104844 h 106457"/>
                  <a:gd name="connsiteX32" fmla="*/ 462927 w 1354370"/>
                  <a:gd name="connsiteY32" fmla="*/ 104844 h 106457"/>
                  <a:gd name="connsiteX33" fmla="*/ 452711 w 1354370"/>
                  <a:gd name="connsiteY33" fmla="*/ 80112 h 106457"/>
                  <a:gd name="connsiteX34" fmla="*/ 403784 w 1354370"/>
                  <a:gd name="connsiteY34" fmla="*/ 80112 h 106457"/>
                  <a:gd name="connsiteX35" fmla="*/ 393031 w 1354370"/>
                  <a:gd name="connsiteY35" fmla="*/ 104844 h 106457"/>
                  <a:gd name="connsiteX36" fmla="*/ 374750 w 1354370"/>
                  <a:gd name="connsiteY36" fmla="*/ 104844 h 106457"/>
                  <a:gd name="connsiteX37" fmla="*/ 420452 w 1354370"/>
                  <a:gd name="connsiteY37" fmla="*/ 1075 h 106457"/>
                  <a:gd name="connsiteX38" fmla="*/ 446259 w 1354370"/>
                  <a:gd name="connsiteY38" fmla="*/ 63982 h 106457"/>
                  <a:gd name="connsiteX39" fmla="*/ 428516 w 1354370"/>
                  <a:gd name="connsiteY39" fmla="*/ 22582 h 106457"/>
                  <a:gd name="connsiteX40" fmla="*/ 410774 w 1354370"/>
                  <a:gd name="connsiteY40" fmla="*/ 63982 h 106457"/>
                  <a:gd name="connsiteX41" fmla="*/ 446259 w 1354370"/>
                  <a:gd name="connsiteY41" fmla="*/ 63982 h 106457"/>
                  <a:gd name="connsiteX42" fmla="*/ 588740 w 1354370"/>
                  <a:gd name="connsiteY42" fmla="*/ 1613 h 106457"/>
                  <a:gd name="connsiteX43" fmla="*/ 607020 w 1354370"/>
                  <a:gd name="connsiteY43" fmla="*/ 1613 h 106457"/>
                  <a:gd name="connsiteX44" fmla="*/ 607020 w 1354370"/>
                  <a:gd name="connsiteY44" fmla="*/ 104844 h 106457"/>
                  <a:gd name="connsiteX45" fmla="*/ 588740 w 1354370"/>
                  <a:gd name="connsiteY45" fmla="*/ 104844 h 106457"/>
                  <a:gd name="connsiteX46" fmla="*/ 588740 w 1354370"/>
                  <a:gd name="connsiteY46" fmla="*/ 1613 h 106457"/>
                  <a:gd name="connsiteX47" fmla="*/ 721542 w 1354370"/>
                  <a:gd name="connsiteY47" fmla="*/ 1613 h 106457"/>
                  <a:gd name="connsiteX48" fmla="*/ 738210 w 1354370"/>
                  <a:gd name="connsiteY48" fmla="*/ 1613 h 106457"/>
                  <a:gd name="connsiteX49" fmla="*/ 793589 w 1354370"/>
                  <a:gd name="connsiteY49" fmla="*/ 72584 h 106457"/>
                  <a:gd name="connsiteX50" fmla="*/ 793589 w 1354370"/>
                  <a:gd name="connsiteY50" fmla="*/ 1613 h 106457"/>
                  <a:gd name="connsiteX51" fmla="*/ 811332 w 1354370"/>
                  <a:gd name="connsiteY51" fmla="*/ 1613 h 106457"/>
                  <a:gd name="connsiteX52" fmla="*/ 811332 w 1354370"/>
                  <a:gd name="connsiteY52" fmla="*/ 104844 h 106457"/>
                  <a:gd name="connsiteX53" fmla="*/ 795740 w 1354370"/>
                  <a:gd name="connsiteY53" fmla="*/ 104844 h 106457"/>
                  <a:gd name="connsiteX54" fmla="*/ 738747 w 1354370"/>
                  <a:gd name="connsiteY54" fmla="*/ 31722 h 106457"/>
                  <a:gd name="connsiteX55" fmla="*/ 738747 w 1354370"/>
                  <a:gd name="connsiteY55" fmla="*/ 104844 h 106457"/>
                  <a:gd name="connsiteX56" fmla="*/ 721005 w 1354370"/>
                  <a:gd name="connsiteY56" fmla="*/ 104844 h 106457"/>
                  <a:gd name="connsiteX57" fmla="*/ 721005 w 1354370"/>
                  <a:gd name="connsiteY57" fmla="*/ 1613 h 106457"/>
                  <a:gd name="connsiteX58" fmla="*/ 925854 w 1354370"/>
                  <a:gd name="connsiteY58" fmla="*/ 1613 h 106457"/>
                  <a:gd name="connsiteX59" fmla="*/ 944134 w 1354370"/>
                  <a:gd name="connsiteY59" fmla="*/ 1613 h 106457"/>
                  <a:gd name="connsiteX60" fmla="*/ 944134 w 1354370"/>
                  <a:gd name="connsiteY60" fmla="*/ 104844 h 106457"/>
                  <a:gd name="connsiteX61" fmla="*/ 925854 w 1354370"/>
                  <a:gd name="connsiteY61" fmla="*/ 104844 h 106457"/>
                  <a:gd name="connsiteX62" fmla="*/ 925854 w 1354370"/>
                  <a:gd name="connsiteY62" fmla="*/ 1613 h 106457"/>
                  <a:gd name="connsiteX63" fmla="*/ 1058656 w 1354370"/>
                  <a:gd name="connsiteY63" fmla="*/ 1613 h 106457"/>
                  <a:gd name="connsiteX64" fmla="*/ 1075324 w 1354370"/>
                  <a:gd name="connsiteY64" fmla="*/ 1613 h 106457"/>
                  <a:gd name="connsiteX65" fmla="*/ 1130703 w 1354370"/>
                  <a:gd name="connsiteY65" fmla="*/ 72584 h 106457"/>
                  <a:gd name="connsiteX66" fmla="*/ 1130703 w 1354370"/>
                  <a:gd name="connsiteY66" fmla="*/ 1613 h 106457"/>
                  <a:gd name="connsiteX67" fmla="*/ 1148446 w 1354370"/>
                  <a:gd name="connsiteY67" fmla="*/ 1613 h 106457"/>
                  <a:gd name="connsiteX68" fmla="*/ 1148446 w 1354370"/>
                  <a:gd name="connsiteY68" fmla="*/ 104844 h 106457"/>
                  <a:gd name="connsiteX69" fmla="*/ 1133391 w 1354370"/>
                  <a:gd name="connsiteY69" fmla="*/ 104844 h 106457"/>
                  <a:gd name="connsiteX70" fmla="*/ 1076399 w 1354370"/>
                  <a:gd name="connsiteY70" fmla="*/ 31722 h 106457"/>
                  <a:gd name="connsiteX71" fmla="*/ 1076399 w 1354370"/>
                  <a:gd name="connsiteY71" fmla="*/ 104844 h 106457"/>
                  <a:gd name="connsiteX72" fmla="*/ 1058656 w 1354370"/>
                  <a:gd name="connsiteY72" fmla="*/ 104844 h 106457"/>
                  <a:gd name="connsiteX73" fmla="*/ 1058656 w 1354370"/>
                  <a:gd name="connsiteY73" fmla="*/ 1613 h 106457"/>
                  <a:gd name="connsiteX74" fmla="*/ 1257591 w 1354370"/>
                  <a:gd name="connsiteY74" fmla="*/ 53766 h 106457"/>
                  <a:gd name="connsiteX75" fmla="*/ 1310820 w 1354370"/>
                  <a:gd name="connsiteY75" fmla="*/ 0 h 106457"/>
                  <a:gd name="connsiteX76" fmla="*/ 1350607 w 1354370"/>
                  <a:gd name="connsiteY76" fmla="*/ 13979 h 106457"/>
                  <a:gd name="connsiteX77" fmla="*/ 1339316 w 1354370"/>
                  <a:gd name="connsiteY77" fmla="*/ 27421 h 106457"/>
                  <a:gd name="connsiteX78" fmla="*/ 1310282 w 1354370"/>
                  <a:gd name="connsiteY78" fmla="*/ 16130 h 106457"/>
                  <a:gd name="connsiteX79" fmla="*/ 1276947 w 1354370"/>
                  <a:gd name="connsiteY79" fmla="*/ 52691 h 106457"/>
                  <a:gd name="connsiteX80" fmla="*/ 1276947 w 1354370"/>
                  <a:gd name="connsiteY80" fmla="*/ 53229 h 106457"/>
                  <a:gd name="connsiteX81" fmla="*/ 1311895 w 1354370"/>
                  <a:gd name="connsiteY81" fmla="*/ 89789 h 106457"/>
                  <a:gd name="connsiteX82" fmla="*/ 1336627 w 1354370"/>
                  <a:gd name="connsiteY82" fmla="*/ 81725 h 106457"/>
                  <a:gd name="connsiteX83" fmla="*/ 1336627 w 1354370"/>
                  <a:gd name="connsiteY83" fmla="*/ 62369 h 106457"/>
                  <a:gd name="connsiteX84" fmla="*/ 1310282 w 1354370"/>
                  <a:gd name="connsiteY84" fmla="*/ 62369 h 106457"/>
                  <a:gd name="connsiteX85" fmla="*/ 1310282 w 1354370"/>
                  <a:gd name="connsiteY85" fmla="*/ 47314 h 106457"/>
                  <a:gd name="connsiteX86" fmla="*/ 1354370 w 1354370"/>
                  <a:gd name="connsiteY86" fmla="*/ 47314 h 106457"/>
                  <a:gd name="connsiteX87" fmla="*/ 1354370 w 1354370"/>
                  <a:gd name="connsiteY87" fmla="*/ 90327 h 106457"/>
                  <a:gd name="connsiteX88" fmla="*/ 1311357 w 1354370"/>
                  <a:gd name="connsiteY88" fmla="*/ 106457 h 106457"/>
                  <a:gd name="connsiteX89" fmla="*/ 1257591 w 1354370"/>
                  <a:gd name="connsiteY89" fmla="*/ 53766 h 1064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Lst>
                <a:rect l="l" t="t" r="r" b="b"/>
                <a:pathLst>
                  <a:path w="1354370" h="106457">
                    <a:moveTo>
                      <a:pt x="32797" y="18818"/>
                    </a:moveTo>
                    <a:lnTo>
                      <a:pt x="0" y="18818"/>
                    </a:lnTo>
                    <a:lnTo>
                      <a:pt x="0" y="2151"/>
                    </a:lnTo>
                    <a:lnTo>
                      <a:pt x="83338" y="2151"/>
                    </a:lnTo>
                    <a:lnTo>
                      <a:pt x="83338" y="18818"/>
                    </a:lnTo>
                    <a:lnTo>
                      <a:pt x="50540" y="18818"/>
                    </a:lnTo>
                    <a:lnTo>
                      <a:pt x="50540" y="104844"/>
                    </a:lnTo>
                    <a:lnTo>
                      <a:pt x="32260" y="104844"/>
                    </a:lnTo>
                    <a:lnTo>
                      <a:pt x="32260" y="18818"/>
                    </a:lnTo>
                    <a:close/>
                    <a:moveTo>
                      <a:pt x="190332" y="1613"/>
                    </a:moveTo>
                    <a:lnTo>
                      <a:pt x="236034" y="1613"/>
                    </a:lnTo>
                    <a:cubicBezTo>
                      <a:pt x="248937" y="1613"/>
                      <a:pt x="259153" y="5377"/>
                      <a:pt x="265605" y="11829"/>
                    </a:cubicBezTo>
                    <a:cubicBezTo>
                      <a:pt x="270982" y="17205"/>
                      <a:pt x="274208" y="25270"/>
                      <a:pt x="274208" y="33873"/>
                    </a:cubicBezTo>
                    <a:lnTo>
                      <a:pt x="274208" y="34410"/>
                    </a:lnTo>
                    <a:cubicBezTo>
                      <a:pt x="274208" y="51078"/>
                      <a:pt x="263992" y="61293"/>
                      <a:pt x="249475" y="65595"/>
                    </a:cubicBezTo>
                    <a:lnTo>
                      <a:pt x="277434" y="104844"/>
                    </a:lnTo>
                    <a:lnTo>
                      <a:pt x="255927" y="104844"/>
                    </a:lnTo>
                    <a:lnTo>
                      <a:pt x="231195" y="68821"/>
                    </a:lnTo>
                    <a:lnTo>
                      <a:pt x="208613" y="68821"/>
                    </a:lnTo>
                    <a:lnTo>
                      <a:pt x="208613" y="104844"/>
                    </a:lnTo>
                    <a:lnTo>
                      <a:pt x="190332" y="104844"/>
                    </a:lnTo>
                    <a:lnTo>
                      <a:pt x="190332" y="1613"/>
                    </a:lnTo>
                    <a:close/>
                    <a:moveTo>
                      <a:pt x="234958" y="52691"/>
                    </a:moveTo>
                    <a:cubicBezTo>
                      <a:pt x="247862" y="52691"/>
                      <a:pt x="255927" y="45701"/>
                      <a:pt x="255927" y="35486"/>
                    </a:cubicBezTo>
                    <a:lnTo>
                      <a:pt x="255927" y="34948"/>
                    </a:lnTo>
                    <a:cubicBezTo>
                      <a:pt x="255927" y="23657"/>
                      <a:pt x="247862" y="17743"/>
                      <a:pt x="234421" y="17743"/>
                    </a:cubicBezTo>
                    <a:lnTo>
                      <a:pt x="208075" y="17743"/>
                    </a:lnTo>
                    <a:lnTo>
                      <a:pt x="208075" y="52691"/>
                    </a:lnTo>
                    <a:lnTo>
                      <a:pt x="234958" y="52691"/>
                    </a:lnTo>
                    <a:close/>
                    <a:moveTo>
                      <a:pt x="420452" y="1075"/>
                    </a:moveTo>
                    <a:lnTo>
                      <a:pt x="437119" y="1075"/>
                    </a:lnTo>
                    <a:lnTo>
                      <a:pt x="482283" y="104844"/>
                    </a:lnTo>
                    <a:lnTo>
                      <a:pt x="462927" y="104844"/>
                    </a:lnTo>
                    <a:lnTo>
                      <a:pt x="452711" y="80112"/>
                    </a:lnTo>
                    <a:lnTo>
                      <a:pt x="403784" y="80112"/>
                    </a:lnTo>
                    <a:lnTo>
                      <a:pt x="393031" y="104844"/>
                    </a:lnTo>
                    <a:lnTo>
                      <a:pt x="374750" y="104844"/>
                    </a:lnTo>
                    <a:lnTo>
                      <a:pt x="420452" y="1075"/>
                    </a:lnTo>
                    <a:close/>
                    <a:moveTo>
                      <a:pt x="446259" y="63982"/>
                    </a:moveTo>
                    <a:lnTo>
                      <a:pt x="428516" y="22582"/>
                    </a:lnTo>
                    <a:lnTo>
                      <a:pt x="410774" y="63982"/>
                    </a:lnTo>
                    <a:lnTo>
                      <a:pt x="446259" y="63982"/>
                    </a:lnTo>
                    <a:close/>
                    <a:moveTo>
                      <a:pt x="588740" y="1613"/>
                    </a:moveTo>
                    <a:lnTo>
                      <a:pt x="607020" y="1613"/>
                    </a:lnTo>
                    <a:lnTo>
                      <a:pt x="607020" y="104844"/>
                    </a:lnTo>
                    <a:lnTo>
                      <a:pt x="588740" y="104844"/>
                    </a:lnTo>
                    <a:lnTo>
                      <a:pt x="588740" y="1613"/>
                    </a:lnTo>
                    <a:close/>
                    <a:moveTo>
                      <a:pt x="721542" y="1613"/>
                    </a:moveTo>
                    <a:lnTo>
                      <a:pt x="738210" y="1613"/>
                    </a:lnTo>
                    <a:lnTo>
                      <a:pt x="793589" y="72584"/>
                    </a:lnTo>
                    <a:lnTo>
                      <a:pt x="793589" y="1613"/>
                    </a:lnTo>
                    <a:lnTo>
                      <a:pt x="811332" y="1613"/>
                    </a:lnTo>
                    <a:lnTo>
                      <a:pt x="811332" y="104844"/>
                    </a:lnTo>
                    <a:lnTo>
                      <a:pt x="795740" y="104844"/>
                    </a:lnTo>
                    <a:lnTo>
                      <a:pt x="738747" y="31722"/>
                    </a:lnTo>
                    <a:lnTo>
                      <a:pt x="738747" y="104844"/>
                    </a:lnTo>
                    <a:lnTo>
                      <a:pt x="721005" y="104844"/>
                    </a:lnTo>
                    <a:lnTo>
                      <a:pt x="721005" y="1613"/>
                    </a:lnTo>
                    <a:close/>
                    <a:moveTo>
                      <a:pt x="925854" y="1613"/>
                    </a:moveTo>
                    <a:lnTo>
                      <a:pt x="944134" y="1613"/>
                    </a:lnTo>
                    <a:lnTo>
                      <a:pt x="944134" y="104844"/>
                    </a:lnTo>
                    <a:lnTo>
                      <a:pt x="925854" y="104844"/>
                    </a:lnTo>
                    <a:lnTo>
                      <a:pt x="925854" y="1613"/>
                    </a:lnTo>
                    <a:close/>
                    <a:moveTo>
                      <a:pt x="1058656" y="1613"/>
                    </a:moveTo>
                    <a:lnTo>
                      <a:pt x="1075324" y="1613"/>
                    </a:lnTo>
                    <a:lnTo>
                      <a:pt x="1130703" y="72584"/>
                    </a:lnTo>
                    <a:lnTo>
                      <a:pt x="1130703" y="1613"/>
                    </a:lnTo>
                    <a:lnTo>
                      <a:pt x="1148446" y="1613"/>
                    </a:lnTo>
                    <a:lnTo>
                      <a:pt x="1148446" y="104844"/>
                    </a:lnTo>
                    <a:lnTo>
                      <a:pt x="1133391" y="104844"/>
                    </a:lnTo>
                    <a:lnTo>
                      <a:pt x="1076399" y="31722"/>
                    </a:lnTo>
                    <a:lnTo>
                      <a:pt x="1076399" y="104844"/>
                    </a:lnTo>
                    <a:lnTo>
                      <a:pt x="1058656" y="104844"/>
                    </a:lnTo>
                    <a:lnTo>
                      <a:pt x="1058656" y="1613"/>
                    </a:lnTo>
                    <a:close/>
                    <a:moveTo>
                      <a:pt x="1257591" y="53766"/>
                    </a:moveTo>
                    <a:cubicBezTo>
                      <a:pt x="1257591" y="24732"/>
                      <a:pt x="1279635" y="0"/>
                      <a:pt x="1310820" y="0"/>
                    </a:cubicBezTo>
                    <a:cubicBezTo>
                      <a:pt x="1328562" y="0"/>
                      <a:pt x="1339853" y="4839"/>
                      <a:pt x="1350607" y="13979"/>
                    </a:cubicBezTo>
                    <a:lnTo>
                      <a:pt x="1339316" y="27421"/>
                    </a:lnTo>
                    <a:cubicBezTo>
                      <a:pt x="1331251" y="20431"/>
                      <a:pt x="1323724" y="16130"/>
                      <a:pt x="1310282" y="16130"/>
                    </a:cubicBezTo>
                    <a:cubicBezTo>
                      <a:pt x="1291464" y="16130"/>
                      <a:pt x="1276947" y="32797"/>
                      <a:pt x="1276947" y="52691"/>
                    </a:cubicBezTo>
                    <a:lnTo>
                      <a:pt x="1276947" y="53229"/>
                    </a:lnTo>
                    <a:cubicBezTo>
                      <a:pt x="1276947" y="74197"/>
                      <a:pt x="1290926" y="89789"/>
                      <a:pt x="1311895" y="89789"/>
                    </a:cubicBezTo>
                    <a:cubicBezTo>
                      <a:pt x="1321573" y="89789"/>
                      <a:pt x="1330175" y="86564"/>
                      <a:pt x="1336627" y="81725"/>
                    </a:cubicBezTo>
                    <a:lnTo>
                      <a:pt x="1336627" y="62369"/>
                    </a:lnTo>
                    <a:lnTo>
                      <a:pt x="1310282" y="62369"/>
                    </a:lnTo>
                    <a:lnTo>
                      <a:pt x="1310282" y="47314"/>
                    </a:lnTo>
                    <a:lnTo>
                      <a:pt x="1354370" y="47314"/>
                    </a:lnTo>
                    <a:lnTo>
                      <a:pt x="1354370" y="90327"/>
                    </a:lnTo>
                    <a:cubicBezTo>
                      <a:pt x="1344155" y="98930"/>
                      <a:pt x="1329638" y="106457"/>
                      <a:pt x="1311357" y="106457"/>
                    </a:cubicBezTo>
                    <a:cubicBezTo>
                      <a:pt x="1278560" y="106457"/>
                      <a:pt x="1257591" y="83875"/>
                      <a:pt x="1257591" y="53766"/>
                    </a:cubicBezTo>
                    <a:close/>
                  </a:path>
                </a:pathLst>
              </a:custGeom>
              <a:solidFill>
                <a:srgbClr val="00558C"/>
              </a:solidFill>
              <a:ln w="5369" cap="flat">
                <a:noFill/>
                <a:prstDash val="solid"/>
                <a:miter/>
              </a:ln>
            </p:spPr>
            <p:txBody>
              <a:bodyPr rtlCol="0" anchor="ctr"/>
              <a:lstStyle/>
              <a:p>
                <a:endParaRPr lang="en-IN"/>
              </a:p>
            </p:txBody>
          </p:sp>
          <p:sp>
            <p:nvSpPr>
              <p:cNvPr id="62" name="Freeform: Shape 61">
                <a:extLst>
                  <a:ext uri="{FF2B5EF4-FFF2-40B4-BE49-F238E27FC236}">
                    <a16:creationId xmlns:a16="http://schemas.microsoft.com/office/drawing/2014/main" id="{8178241F-8778-3424-5C57-7B7F8C19604E}"/>
                  </a:ext>
                </a:extLst>
              </p:cNvPr>
              <p:cNvSpPr/>
              <p:nvPr/>
            </p:nvSpPr>
            <p:spPr>
              <a:xfrm>
                <a:off x="6172399" y="3243243"/>
                <a:ext cx="1350606" cy="106457"/>
              </a:xfrm>
              <a:custGeom>
                <a:avLst/>
                <a:gdLst>
                  <a:gd name="connsiteX0" fmla="*/ 538 w 1350606"/>
                  <a:gd name="connsiteY0" fmla="*/ 1613 h 106457"/>
                  <a:gd name="connsiteX1" fmla="*/ 11829 w 1350606"/>
                  <a:gd name="connsiteY1" fmla="*/ 1613 h 106457"/>
                  <a:gd name="connsiteX2" fmla="*/ 11829 w 1350606"/>
                  <a:gd name="connsiteY2" fmla="*/ 104844 h 106457"/>
                  <a:gd name="connsiteX3" fmla="*/ 0 w 1350606"/>
                  <a:gd name="connsiteY3" fmla="*/ 104844 h 106457"/>
                  <a:gd name="connsiteX4" fmla="*/ 0 w 1350606"/>
                  <a:gd name="connsiteY4" fmla="*/ 1613 h 106457"/>
                  <a:gd name="connsiteX5" fmla="*/ 126351 w 1350606"/>
                  <a:gd name="connsiteY5" fmla="*/ 1613 h 106457"/>
                  <a:gd name="connsiteX6" fmla="*/ 137104 w 1350606"/>
                  <a:gd name="connsiteY6" fmla="*/ 1613 h 106457"/>
                  <a:gd name="connsiteX7" fmla="*/ 202161 w 1350606"/>
                  <a:gd name="connsiteY7" fmla="*/ 84413 h 106457"/>
                  <a:gd name="connsiteX8" fmla="*/ 202161 w 1350606"/>
                  <a:gd name="connsiteY8" fmla="*/ 1613 h 106457"/>
                  <a:gd name="connsiteX9" fmla="*/ 213452 w 1350606"/>
                  <a:gd name="connsiteY9" fmla="*/ 1613 h 106457"/>
                  <a:gd name="connsiteX10" fmla="*/ 213452 w 1350606"/>
                  <a:gd name="connsiteY10" fmla="*/ 104844 h 106457"/>
                  <a:gd name="connsiteX11" fmla="*/ 204311 w 1350606"/>
                  <a:gd name="connsiteY11" fmla="*/ 104844 h 106457"/>
                  <a:gd name="connsiteX12" fmla="*/ 137641 w 1350606"/>
                  <a:gd name="connsiteY12" fmla="*/ 20431 h 106457"/>
                  <a:gd name="connsiteX13" fmla="*/ 137641 w 1350606"/>
                  <a:gd name="connsiteY13" fmla="*/ 104844 h 106457"/>
                  <a:gd name="connsiteX14" fmla="*/ 126351 w 1350606"/>
                  <a:gd name="connsiteY14" fmla="*/ 104844 h 106457"/>
                  <a:gd name="connsiteX15" fmla="*/ 126351 w 1350606"/>
                  <a:gd name="connsiteY15" fmla="*/ 1613 h 106457"/>
                  <a:gd name="connsiteX16" fmla="*/ 326361 w 1350606"/>
                  <a:gd name="connsiteY16" fmla="*/ 1613 h 106457"/>
                  <a:gd name="connsiteX17" fmla="*/ 361846 w 1350606"/>
                  <a:gd name="connsiteY17" fmla="*/ 1613 h 106457"/>
                  <a:gd name="connsiteX18" fmla="*/ 416688 w 1350606"/>
                  <a:gd name="connsiteY18" fmla="*/ 52691 h 106457"/>
                  <a:gd name="connsiteX19" fmla="*/ 416688 w 1350606"/>
                  <a:gd name="connsiteY19" fmla="*/ 53229 h 106457"/>
                  <a:gd name="connsiteX20" fmla="*/ 361846 w 1350606"/>
                  <a:gd name="connsiteY20" fmla="*/ 104844 h 106457"/>
                  <a:gd name="connsiteX21" fmla="*/ 326361 w 1350606"/>
                  <a:gd name="connsiteY21" fmla="*/ 104844 h 106457"/>
                  <a:gd name="connsiteX22" fmla="*/ 326361 w 1350606"/>
                  <a:gd name="connsiteY22" fmla="*/ 1613 h 106457"/>
                  <a:gd name="connsiteX23" fmla="*/ 362384 w 1350606"/>
                  <a:gd name="connsiteY23" fmla="*/ 94091 h 106457"/>
                  <a:gd name="connsiteX24" fmla="*/ 404859 w 1350606"/>
                  <a:gd name="connsiteY24" fmla="*/ 53766 h 106457"/>
                  <a:gd name="connsiteX25" fmla="*/ 404859 w 1350606"/>
                  <a:gd name="connsiteY25" fmla="*/ 53229 h 106457"/>
                  <a:gd name="connsiteX26" fmla="*/ 362384 w 1350606"/>
                  <a:gd name="connsiteY26" fmla="*/ 12366 h 106457"/>
                  <a:gd name="connsiteX27" fmla="*/ 338189 w 1350606"/>
                  <a:gd name="connsiteY27" fmla="*/ 12366 h 106457"/>
                  <a:gd name="connsiteX28" fmla="*/ 338189 w 1350606"/>
                  <a:gd name="connsiteY28" fmla="*/ 94091 h 106457"/>
                  <a:gd name="connsiteX29" fmla="*/ 362384 w 1350606"/>
                  <a:gd name="connsiteY29" fmla="*/ 94091 h 106457"/>
                  <a:gd name="connsiteX30" fmla="*/ 524220 w 1350606"/>
                  <a:gd name="connsiteY30" fmla="*/ 61293 h 106457"/>
                  <a:gd name="connsiteX31" fmla="*/ 524220 w 1350606"/>
                  <a:gd name="connsiteY31" fmla="*/ 1613 h 106457"/>
                  <a:gd name="connsiteX32" fmla="*/ 536049 w 1350606"/>
                  <a:gd name="connsiteY32" fmla="*/ 1613 h 106457"/>
                  <a:gd name="connsiteX33" fmla="*/ 536049 w 1350606"/>
                  <a:gd name="connsiteY33" fmla="*/ 60756 h 106457"/>
                  <a:gd name="connsiteX34" fmla="*/ 567771 w 1350606"/>
                  <a:gd name="connsiteY34" fmla="*/ 95704 h 106457"/>
                  <a:gd name="connsiteX35" fmla="*/ 598955 w 1350606"/>
                  <a:gd name="connsiteY35" fmla="*/ 61831 h 106457"/>
                  <a:gd name="connsiteX36" fmla="*/ 598955 w 1350606"/>
                  <a:gd name="connsiteY36" fmla="*/ 1613 h 106457"/>
                  <a:gd name="connsiteX37" fmla="*/ 610784 w 1350606"/>
                  <a:gd name="connsiteY37" fmla="*/ 1613 h 106457"/>
                  <a:gd name="connsiteX38" fmla="*/ 610784 w 1350606"/>
                  <a:gd name="connsiteY38" fmla="*/ 60756 h 106457"/>
                  <a:gd name="connsiteX39" fmla="*/ 567771 w 1350606"/>
                  <a:gd name="connsiteY39" fmla="*/ 106457 h 106457"/>
                  <a:gd name="connsiteX40" fmla="*/ 524220 w 1350606"/>
                  <a:gd name="connsiteY40" fmla="*/ 61293 h 106457"/>
                  <a:gd name="connsiteX41" fmla="*/ 714553 w 1350606"/>
                  <a:gd name="connsiteY41" fmla="*/ 89790 h 106457"/>
                  <a:gd name="connsiteX42" fmla="*/ 721542 w 1350606"/>
                  <a:gd name="connsiteY42" fmla="*/ 81187 h 106457"/>
                  <a:gd name="connsiteX43" fmla="*/ 757028 w 1350606"/>
                  <a:gd name="connsiteY43" fmla="*/ 95704 h 106457"/>
                  <a:gd name="connsiteX44" fmla="*/ 780147 w 1350606"/>
                  <a:gd name="connsiteY44" fmla="*/ 77961 h 106457"/>
                  <a:gd name="connsiteX45" fmla="*/ 780147 w 1350606"/>
                  <a:gd name="connsiteY45" fmla="*/ 77423 h 106457"/>
                  <a:gd name="connsiteX46" fmla="*/ 753264 w 1350606"/>
                  <a:gd name="connsiteY46" fmla="*/ 58067 h 106457"/>
                  <a:gd name="connsiteX47" fmla="*/ 718854 w 1350606"/>
                  <a:gd name="connsiteY47" fmla="*/ 28496 h 106457"/>
                  <a:gd name="connsiteX48" fmla="*/ 718854 w 1350606"/>
                  <a:gd name="connsiteY48" fmla="*/ 27958 h 106457"/>
                  <a:gd name="connsiteX49" fmla="*/ 752727 w 1350606"/>
                  <a:gd name="connsiteY49" fmla="*/ 0 h 106457"/>
                  <a:gd name="connsiteX50" fmla="*/ 788750 w 1350606"/>
                  <a:gd name="connsiteY50" fmla="*/ 12904 h 106457"/>
                  <a:gd name="connsiteX51" fmla="*/ 781760 w 1350606"/>
                  <a:gd name="connsiteY51" fmla="*/ 22044 h 106457"/>
                  <a:gd name="connsiteX52" fmla="*/ 752189 w 1350606"/>
                  <a:gd name="connsiteY52" fmla="*/ 10753 h 106457"/>
                  <a:gd name="connsiteX53" fmla="*/ 730145 w 1350606"/>
                  <a:gd name="connsiteY53" fmla="*/ 27421 h 106457"/>
                  <a:gd name="connsiteX54" fmla="*/ 730145 w 1350606"/>
                  <a:gd name="connsiteY54" fmla="*/ 27958 h 106457"/>
                  <a:gd name="connsiteX55" fmla="*/ 758103 w 1350606"/>
                  <a:gd name="connsiteY55" fmla="*/ 47852 h 106457"/>
                  <a:gd name="connsiteX56" fmla="*/ 791438 w 1350606"/>
                  <a:gd name="connsiteY56" fmla="*/ 76886 h 106457"/>
                  <a:gd name="connsiteX57" fmla="*/ 791438 w 1350606"/>
                  <a:gd name="connsiteY57" fmla="*/ 77423 h 106457"/>
                  <a:gd name="connsiteX58" fmla="*/ 756490 w 1350606"/>
                  <a:gd name="connsiteY58" fmla="*/ 106457 h 106457"/>
                  <a:gd name="connsiteX59" fmla="*/ 714553 w 1350606"/>
                  <a:gd name="connsiteY59" fmla="*/ 89790 h 106457"/>
                  <a:gd name="connsiteX60" fmla="*/ 924778 w 1350606"/>
                  <a:gd name="connsiteY60" fmla="*/ 12366 h 106457"/>
                  <a:gd name="connsiteX61" fmla="*/ 890368 w 1350606"/>
                  <a:gd name="connsiteY61" fmla="*/ 12366 h 106457"/>
                  <a:gd name="connsiteX62" fmla="*/ 890368 w 1350606"/>
                  <a:gd name="connsiteY62" fmla="*/ 1613 h 106457"/>
                  <a:gd name="connsiteX63" fmla="*/ 971017 w 1350606"/>
                  <a:gd name="connsiteY63" fmla="*/ 1613 h 106457"/>
                  <a:gd name="connsiteX64" fmla="*/ 971017 w 1350606"/>
                  <a:gd name="connsiteY64" fmla="*/ 12366 h 106457"/>
                  <a:gd name="connsiteX65" fmla="*/ 936607 w 1350606"/>
                  <a:gd name="connsiteY65" fmla="*/ 12366 h 106457"/>
                  <a:gd name="connsiteX66" fmla="*/ 936607 w 1350606"/>
                  <a:gd name="connsiteY66" fmla="*/ 104844 h 106457"/>
                  <a:gd name="connsiteX67" fmla="*/ 924778 w 1350606"/>
                  <a:gd name="connsiteY67" fmla="*/ 104844 h 106457"/>
                  <a:gd name="connsiteX68" fmla="*/ 924778 w 1350606"/>
                  <a:gd name="connsiteY68" fmla="*/ 12366 h 106457"/>
                  <a:gd name="connsiteX69" fmla="*/ 1076937 w 1350606"/>
                  <a:gd name="connsiteY69" fmla="*/ 1613 h 106457"/>
                  <a:gd name="connsiteX70" fmla="*/ 1121025 w 1350606"/>
                  <a:gd name="connsiteY70" fmla="*/ 1613 h 106457"/>
                  <a:gd name="connsiteX71" fmla="*/ 1150059 w 1350606"/>
                  <a:gd name="connsiteY71" fmla="*/ 11829 h 106457"/>
                  <a:gd name="connsiteX72" fmla="*/ 1158124 w 1350606"/>
                  <a:gd name="connsiteY72" fmla="*/ 32260 h 106457"/>
                  <a:gd name="connsiteX73" fmla="*/ 1158124 w 1350606"/>
                  <a:gd name="connsiteY73" fmla="*/ 32797 h 106457"/>
                  <a:gd name="connsiteX74" fmla="*/ 1130165 w 1350606"/>
                  <a:gd name="connsiteY74" fmla="*/ 62906 h 106457"/>
                  <a:gd name="connsiteX75" fmla="*/ 1161887 w 1350606"/>
                  <a:gd name="connsiteY75" fmla="*/ 104844 h 106457"/>
                  <a:gd name="connsiteX76" fmla="*/ 1147370 w 1350606"/>
                  <a:gd name="connsiteY76" fmla="*/ 104844 h 106457"/>
                  <a:gd name="connsiteX77" fmla="*/ 1117261 w 1350606"/>
                  <a:gd name="connsiteY77" fmla="*/ 65057 h 106457"/>
                  <a:gd name="connsiteX78" fmla="*/ 1087690 w 1350606"/>
                  <a:gd name="connsiteY78" fmla="*/ 65057 h 106457"/>
                  <a:gd name="connsiteX79" fmla="*/ 1087690 w 1350606"/>
                  <a:gd name="connsiteY79" fmla="*/ 104844 h 106457"/>
                  <a:gd name="connsiteX80" fmla="*/ 1075861 w 1350606"/>
                  <a:gd name="connsiteY80" fmla="*/ 104844 h 106457"/>
                  <a:gd name="connsiteX81" fmla="*/ 1075861 w 1350606"/>
                  <a:gd name="connsiteY81" fmla="*/ 1613 h 106457"/>
                  <a:gd name="connsiteX82" fmla="*/ 1120487 w 1350606"/>
                  <a:gd name="connsiteY82" fmla="*/ 54304 h 106457"/>
                  <a:gd name="connsiteX83" fmla="*/ 1146833 w 1350606"/>
                  <a:gd name="connsiteY83" fmla="*/ 33335 h 106457"/>
                  <a:gd name="connsiteX84" fmla="*/ 1146833 w 1350606"/>
                  <a:gd name="connsiteY84" fmla="*/ 32797 h 106457"/>
                  <a:gd name="connsiteX85" fmla="*/ 1120487 w 1350606"/>
                  <a:gd name="connsiteY85" fmla="*/ 12366 h 106457"/>
                  <a:gd name="connsiteX86" fmla="*/ 1088765 w 1350606"/>
                  <a:gd name="connsiteY86" fmla="*/ 12366 h 106457"/>
                  <a:gd name="connsiteX87" fmla="*/ 1088765 w 1350606"/>
                  <a:gd name="connsiteY87" fmla="*/ 54304 h 106457"/>
                  <a:gd name="connsiteX88" fmla="*/ 1120487 w 1350606"/>
                  <a:gd name="connsiteY88" fmla="*/ 54304 h 106457"/>
                  <a:gd name="connsiteX89" fmla="*/ 1295765 w 1350606"/>
                  <a:gd name="connsiteY89" fmla="*/ 63982 h 106457"/>
                  <a:gd name="connsiteX90" fmla="*/ 1252752 w 1350606"/>
                  <a:gd name="connsiteY90" fmla="*/ 1613 h 106457"/>
                  <a:gd name="connsiteX91" fmla="*/ 1266731 w 1350606"/>
                  <a:gd name="connsiteY91" fmla="*/ 1613 h 106457"/>
                  <a:gd name="connsiteX92" fmla="*/ 1302217 w 1350606"/>
                  <a:gd name="connsiteY92" fmla="*/ 53229 h 106457"/>
                  <a:gd name="connsiteX93" fmla="*/ 1337165 w 1350606"/>
                  <a:gd name="connsiteY93" fmla="*/ 1613 h 106457"/>
                  <a:gd name="connsiteX94" fmla="*/ 1350607 w 1350606"/>
                  <a:gd name="connsiteY94" fmla="*/ 1613 h 106457"/>
                  <a:gd name="connsiteX95" fmla="*/ 1307594 w 1350606"/>
                  <a:gd name="connsiteY95" fmla="*/ 63444 h 106457"/>
                  <a:gd name="connsiteX96" fmla="*/ 1307594 w 1350606"/>
                  <a:gd name="connsiteY96" fmla="*/ 104306 h 106457"/>
                  <a:gd name="connsiteX97" fmla="*/ 1295765 w 1350606"/>
                  <a:gd name="connsiteY97" fmla="*/ 104306 h 106457"/>
                  <a:gd name="connsiteX98" fmla="*/ 1295765 w 1350606"/>
                  <a:gd name="connsiteY98" fmla="*/ 63982 h 1064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Lst>
                <a:rect l="l" t="t" r="r" b="b"/>
                <a:pathLst>
                  <a:path w="1350606" h="106457">
                    <a:moveTo>
                      <a:pt x="538" y="1613"/>
                    </a:moveTo>
                    <a:lnTo>
                      <a:pt x="11829" y="1613"/>
                    </a:lnTo>
                    <a:lnTo>
                      <a:pt x="11829" y="104844"/>
                    </a:lnTo>
                    <a:lnTo>
                      <a:pt x="0" y="104844"/>
                    </a:lnTo>
                    <a:lnTo>
                      <a:pt x="0" y="1613"/>
                    </a:lnTo>
                    <a:close/>
                    <a:moveTo>
                      <a:pt x="126351" y="1613"/>
                    </a:moveTo>
                    <a:lnTo>
                      <a:pt x="137104" y="1613"/>
                    </a:lnTo>
                    <a:lnTo>
                      <a:pt x="202161" y="84413"/>
                    </a:lnTo>
                    <a:lnTo>
                      <a:pt x="202161" y="1613"/>
                    </a:lnTo>
                    <a:lnTo>
                      <a:pt x="213452" y="1613"/>
                    </a:lnTo>
                    <a:lnTo>
                      <a:pt x="213452" y="104844"/>
                    </a:lnTo>
                    <a:lnTo>
                      <a:pt x="204311" y="104844"/>
                    </a:lnTo>
                    <a:lnTo>
                      <a:pt x="137641" y="20431"/>
                    </a:lnTo>
                    <a:lnTo>
                      <a:pt x="137641" y="104844"/>
                    </a:lnTo>
                    <a:lnTo>
                      <a:pt x="126351" y="104844"/>
                    </a:lnTo>
                    <a:lnTo>
                      <a:pt x="126351" y="1613"/>
                    </a:lnTo>
                    <a:close/>
                    <a:moveTo>
                      <a:pt x="326361" y="1613"/>
                    </a:moveTo>
                    <a:lnTo>
                      <a:pt x="361846" y="1613"/>
                    </a:lnTo>
                    <a:cubicBezTo>
                      <a:pt x="394106" y="1613"/>
                      <a:pt x="416688" y="23657"/>
                      <a:pt x="416688" y="52691"/>
                    </a:cubicBezTo>
                    <a:lnTo>
                      <a:pt x="416688" y="53229"/>
                    </a:lnTo>
                    <a:cubicBezTo>
                      <a:pt x="416688" y="82262"/>
                      <a:pt x="394106" y="104844"/>
                      <a:pt x="361846" y="104844"/>
                    </a:cubicBezTo>
                    <a:lnTo>
                      <a:pt x="326361" y="104844"/>
                    </a:lnTo>
                    <a:lnTo>
                      <a:pt x="326361" y="1613"/>
                    </a:lnTo>
                    <a:close/>
                    <a:moveTo>
                      <a:pt x="362384" y="94091"/>
                    </a:moveTo>
                    <a:cubicBezTo>
                      <a:pt x="388192" y="94091"/>
                      <a:pt x="404859" y="76348"/>
                      <a:pt x="404859" y="53766"/>
                    </a:cubicBezTo>
                    <a:lnTo>
                      <a:pt x="404859" y="53229"/>
                    </a:lnTo>
                    <a:cubicBezTo>
                      <a:pt x="404859" y="30647"/>
                      <a:pt x="388192" y="12366"/>
                      <a:pt x="362384" y="12366"/>
                    </a:cubicBezTo>
                    <a:lnTo>
                      <a:pt x="338189" y="12366"/>
                    </a:lnTo>
                    <a:lnTo>
                      <a:pt x="338189" y="94091"/>
                    </a:lnTo>
                    <a:lnTo>
                      <a:pt x="362384" y="94091"/>
                    </a:lnTo>
                    <a:close/>
                    <a:moveTo>
                      <a:pt x="524220" y="61293"/>
                    </a:moveTo>
                    <a:lnTo>
                      <a:pt x="524220" y="1613"/>
                    </a:lnTo>
                    <a:lnTo>
                      <a:pt x="536049" y="1613"/>
                    </a:lnTo>
                    <a:lnTo>
                      <a:pt x="536049" y="60756"/>
                    </a:lnTo>
                    <a:cubicBezTo>
                      <a:pt x="536049" y="82800"/>
                      <a:pt x="547877" y="95704"/>
                      <a:pt x="567771" y="95704"/>
                    </a:cubicBezTo>
                    <a:cubicBezTo>
                      <a:pt x="586589" y="95704"/>
                      <a:pt x="598955" y="84413"/>
                      <a:pt x="598955" y="61831"/>
                    </a:cubicBezTo>
                    <a:lnTo>
                      <a:pt x="598955" y="1613"/>
                    </a:lnTo>
                    <a:lnTo>
                      <a:pt x="610784" y="1613"/>
                    </a:lnTo>
                    <a:lnTo>
                      <a:pt x="610784" y="60756"/>
                    </a:lnTo>
                    <a:cubicBezTo>
                      <a:pt x="610784" y="90865"/>
                      <a:pt x="593579" y="106457"/>
                      <a:pt x="567771" y="106457"/>
                    </a:cubicBezTo>
                    <a:cubicBezTo>
                      <a:pt x="541425" y="106457"/>
                      <a:pt x="524220" y="90865"/>
                      <a:pt x="524220" y="61293"/>
                    </a:cubicBezTo>
                    <a:close/>
                    <a:moveTo>
                      <a:pt x="714553" y="89790"/>
                    </a:moveTo>
                    <a:lnTo>
                      <a:pt x="721542" y="81187"/>
                    </a:lnTo>
                    <a:cubicBezTo>
                      <a:pt x="732295" y="90865"/>
                      <a:pt x="742511" y="95704"/>
                      <a:pt x="757028" y="95704"/>
                    </a:cubicBezTo>
                    <a:cubicBezTo>
                      <a:pt x="771007" y="95704"/>
                      <a:pt x="780147" y="88177"/>
                      <a:pt x="780147" y="77961"/>
                    </a:cubicBezTo>
                    <a:lnTo>
                      <a:pt x="780147" y="77423"/>
                    </a:lnTo>
                    <a:cubicBezTo>
                      <a:pt x="780147" y="67745"/>
                      <a:pt x="774771" y="62369"/>
                      <a:pt x="753264" y="58067"/>
                    </a:cubicBezTo>
                    <a:cubicBezTo>
                      <a:pt x="729607" y="52691"/>
                      <a:pt x="718854" y="45164"/>
                      <a:pt x="718854" y="28496"/>
                    </a:cubicBezTo>
                    <a:lnTo>
                      <a:pt x="718854" y="27958"/>
                    </a:lnTo>
                    <a:cubicBezTo>
                      <a:pt x="718854" y="11829"/>
                      <a:pt x="733371" y="0"/>
                      <a:pt x="752727" y="0"/>
                    </a:cubicBezTo>
                    <a:cubicBezTo>
                      <a:pt x="767781" y="0"/>
                      <a:pt x="778534" y="4301"/>
                      <a:pt x="788750" y="12904"/>
                    </a:cubicBezTo>
                    <a:lnTo>
                      <a:pt x="781760" y="22044"/>
                    </a:lnTo>
                    <a:cubicBezTo>
                      <a:pt x="772082" y="14517"/>
                      <a:pt x="762405" y="10753"/>
                      <a:pt x="752189" y="10753"/>
                    </a:cubicBezTo>
                    <a:cubicBezTo>
                      <a:pt x="738747" y="10753"/>
                      <a:pt x="730145" y="18281"/>
                      <a:pt x="730145" y="27421"/>
                    </a:cubicBezTo>
                    <a:lnTo>
                      <a:pt x="730145" y="27958"/>
                    </a:lnTo>
                    <a:cubicBezTo>
                      <a:pt x="730145" y="37636"/>
                      <a:pt x="735521" y="43013"/>
                      <a:pt x="758103" y="47852"/>
                    </a:cubicBezTo>
                    <a:cubicBezTo>
                      <a:pt x="781223" y="52691"/>
                      <a:pt x="791438" y="61293"/>
                      <a:pt x="791438" y="76886"/>
                    </a:cubicBezTo>
                    <a:lnTo>
                      <a:pt x="791438" y="77423"/>
                    </a:lnTo>
                    <a:cubicBezTo>
                      <a:pt x="791438" y="95166"/>
                      <a:pt x="776921" y="106457"/>
                      <a:pt x="756490" y="106457"/>
                    </a:cubicBezTo>
                    <a:cubicBezTo>
                      <a:pt x="740360" y="105919"/>
                      <a:pt x="726919" y="100543"/>
                      <a:pt x="714553" y="89790"/>
                    </a:cubicBezTo>
                    <a:close/>
                    <a:moveTo>
                      <a:pt x="924778" y="12366"/>
                    </a:moveTo>
                    <a:lnTo>
                      <a:pt x="890368" y="12366"/>
                    </a:lnTo>
                    <a:lnTo>
                      <a:pt x="890368" y="1613"/>
                    </a:lnTo>
                    <a:lnTo>
                      <a:pt x="971017" y="1613"/>
                    </a:lnTo>
                    <a:lnTo>
                      <a:pt x="971017" y="12366"/>
                    </a:lnTo>
                    <a:lnTo>
                      <a:pt x="936607" y="12366"/>
                    </a:lnTo>
                    <a:lnTo>
                      <a:pt x="936607" y="104844"/>
                    </a:lnTo>
                    <a:lnTo>
                      <a:pt x="924778" y="104844"/>
                    </a:lnTo>
                    <a:lnTo>
                      <a:pt x="924778" y="12366"/>
                    </a:lnTo>
                    <a:close/>
                    <a:moveTo>
                      <a:pt x="1076937" y="1613"/>
                    </a:moveTo>
                    <a:lnTo>
                      <a:pt x="1121025" y="1613"/>
                    </a:lnTo>
                    <a:cubicBezTo>
                      <a:pt x="1133929" y="1613"/>
                      <a:pt x="1143607" y="5377"/>
                      <a:pt x="1150059" y="11829"/>
                    </a:cubicBezTo>
                    <a:cubicBezTo>
                      <a:pt x="1154898" y="16668"/>
                      <a:pt x="1158124" y="24195"/>
                      <a:pt x="1158124" y="32260"/>
                    </a:cubicBezTo>
                    <a:lnTo>
                      <a:pt x="1158124" y="32797"/>
                    </a:lnTo>
                    <a:cubicBezTo>
                      <a:pt x="1158124" y="50003"/>
                      <a:pt x="1146295" y="59680"/>
                      <a:pt x="1130165" y="62906"/>
                    </a:cubicBezTo>
                    <a:lnTo>
                      <a:pt x="1161887" y="104844"/>
                    </a:lnTo>
                    <a:lnTo>
                      <a:pt x="1147370" y="104844"/>
                    </a:lnTo>
                    <a:lnTo>
                      <a:pt x="1117261" y="65057"/>
                    </a:lnTo>
                    <a:lnTo>
                      <a:pt x="1087690" y="65057"/>
                    </a:lnTo>
                    <a:lnTo>
                      <a:pt x="1087690" y="104844"/>
                    </a:lnTo>
                    <a:lnTo>
                      <a:pt x="1075861" y="104844"/>
                    </a:lnTo>
                    <a:lnTo>
                      <a:pt x="1075861" y="1613"/>
                    </a:lnTo>
                    <a:close/>
                    <a:moveTo>
                      <a:pt x="1120487" y="54304"/>
                    </a:moveTo>
                    <a:cubicBezTo>
                      <a:pt x="1136080" y="54304"/>
                      <a:pt x="1146833" y="46239"/>
                      <a:pt x="1146833" y="33335"/>
                    </a:cubicBezTo>
                    <a:lnTo>
                      <a:pt x="1146833" y="32797"/>
                    </a:lnTo>
                    <a:cubicBezTo>
                      <a:pt x="1146833" y="19893"/>
                      <a:pt x="1137155" y="12366"/>
                      <a:pt x="1120487" y="12366"/>
                    </a:cubicBezTo>
                    <a:lnTo>
                      <a:pt x="1088765" y="12366"/>
                    </a:lnTo>
                    <a:lnTo>
                      <a:pt x="1088765" y="54304"/>
                    </a:lnTo>
                    <a:lnTo>
                      <a:pt x="1120487" y="54304"/>
                    </a:lnTo>
                    <a:close/>
                    <a:moveTo>
                      <a:pt x="1295765" y="63982"/>
                    </a:moveTo>
                    <a:lnTo>
                      <a:pt x="1252752" y="1613"/>
                    </a:lnTo>
                    <a:lnTo>
                      <a:pt x="1266731" y="1613"/>
                    </a:lnTo>
                    <a:lnTo>
                      <a:pt x="1302217" y="53229"/>
                    </a:lnTo>
                    <a:lnTo>
                      <a:pt x="1337165" y="1613"/>
                    </a:lnTo>
                    <a:lnTo>
                      <a:pt x="1350607" y="1613"/>
                    </a:lnTo>
                    <a:lnTo>
                      <a:pt x="1307594" y="63444"/>
                    </a:lnTo>
                    <a:lnTo>
                      <a:pt x="1307594" y="104306"/>
                    </a:lnTo>
                    <a:lnTo>
                      <a:pt x="1295765" y="104306"/>
                    </a:lnTo>
                    <a:lnTo>
                      <a:pt x="1295765" y="63982"/>
                    </a:lnTo>
                    <a:close/>
                  </a:path>
                </a:pathLst>
              </a:custGeom>
              <a:solidFill>
                <a:srgbClr val="81C341"/>
              </a:solidFill>
              <a:ln w="5369" cap="flat">
                <a:noFill/>
                <a:prstDash val="solid"/>
                <a:miter/>
              </a:ln>
            </p:spPr>
            <p:txBody>
              <a:bodyPr rtlCol="0" anchor="ctr"/>
              <a:lstStyle/>
              <a:p>
                <a:endParaRPr lang="en-IN"/>
              </a:p>
            </p:txBody>
          </p:sp>
        </p:grpSp>
        <p:grpSp>
          <p:nvGrpSpPr>
            <p:cNvPr id="51" name="Group 50">
              <a:extLst>
                <a:ext uri="{FF2B5EF4-FFF2-40B4-BE49-F238E27FC236}">
                  <a16:creationId xmlns:a16="http://schemas.microsoft.com/office/drawing/2014/main" id="{250636F1-7215-C410-092F-21AB098FEFB6}"/>
                </a:ext>
              </a:extLst>
            </p:cNvPr>
            <p:cNvGrpSpPr>
              <a:grpSpLocks noChangeAspect="1"/>
            </p:cNvGrpSpPr>
            <p:nvPr/>
          </p:nvGrpSpPr>
          <p:grpSpPr>
            <a:xfrm>
              <a:off x="4868428" y="2826815"/>
              <a:ext cx="412793" cy="522408"/>
              <a:chOff x="5748550" y="3011511"/>
              <a:chExt cx="310137" cy="392492"/>
            </a:xfrm>
            <a:solidFill>
              <a:schemeClr val="bg1"/>
            </a:solidFill>
          </p:grpSpPr>
          <p:sp>
            <p:nvSpPr>
              <p:cNvPr id="59" name="Freeform: Shape 58">
                <a:extLst>
                  <a:ext uri="{FF2B5EF4-FFF2-40B4-BE49-F238E27FC236}">
                    <a16:creationId xmlns:a16="http://schemas.microsoft.com/office/drawing/2014/main" id="{CC176128-B88F-E2DB-0E31-6755686D196A}"/>
                  </a:ext>
                </a:extLst>
              </p:cNvPr>
              <p:cNvSpPr/>
              <p:nvPr/>
            </p:nvSpPr>
            <p:spPr>
              <a:xfrm>
                <a:off x="5748550" y="3130379"/>
                <a:ext cx="310137" cy="273624"/>
              </a:xfrm>
              <a:custGeom>
                <a:avLst/>
                <a:gdLst>
                  <a:gd name="connsiteX0" fmla="*/ 259325 w 310137"/>
                  <a:gd name="connsiteY0" fmla="*/ 3718 h 273624"/>
                  <a:gd name="connsiteX1" fmla="*/ 238894 w 310137"/>
                  <a:gd name="connsiteY1" fmla="*/ 4793 h 273624"/>
                  <a:gd name="connsiteX2" fmla="*/ 235130 w 310137"/>
                  <a:gd name="connsiteY2" fmla="*/ 15009 h 273624"/>
                  <a:gd name="connsiteX3" fmla="*/ 239969 w 310137"/>
                  <a:gd name="connsiteY3" fmla="*/ 24687 h 273624"/>
                  <a:gd name="connsiteX4" fmla="*/ 276530 w 310137"/>
                  <a:gd name="connsiteY4" fmla="*/ 152113 h 273624"/>
                  <a:gd name="connsiteX5" fmla="*/ 216849 w 310137"/>
                  <a:gd name="connsiteY5" fmla="*/ 228461 h 273624"/>
                  <a:gd name="connsiteX6" fmla="*/ 121146 w 310137"/>
                  <a:gd name="connsiteY6" fmla="*/ 240289 h 273624"/>
                  <a:gd name="connsiteX7" fmla="*/ 33507 w 310137"/>
                  <a:gd name="connsiteY7" fmla="*/ 84905 h 273624"/>
                  <a:gd name="connsiteX8" fmla="*/ 69530 w 310137"/>
                  <a:gd name="connsiteY8" fmla="*/ 25762 h 273624"/>
                  <a:gd name="connsiteX9" fmla="*/ 74369 w 310137"/>
                  <a:gd name="connsiteY9" fmla="*/ 15547 h 273624"/>
                  <a:gd name="connsiteX10" fmla="*/ 70605 w 310137"/>
                  <a:gd name="connsiteY10" fmla="*/ 5331 h 273624"/>
                  <a:gd name="connsiteX11" fmla="*/ 50174 w 310137"/>
                  <a:gd name="connsiteY11" fmla="*/ 4793 h 273624"/>
                  <a:gd name="connsiteX12" fmla="*/ 5548 w 310137"/>
                  <a:gd name="connsiteY12" fmla="*/ 76840 h 273624"/>
                  <a:gd name="connsiteX13" fmla="*/ 113618 w 310137"/>
                  <a:gd name="connsiteY13" fmla="*/ 267710 h 273624"/>
                  <a:gd name="connsiteX14" fmla="*/ 155018 w 310137"/>
                  <a:gd name="connsiteY14" fmla="*/ 273624 h 273624"/>
                  <a:gd name="connsiteX15" fmla="*/ 231366 w 310137"/>
                  <a:gd name="connsiteY15" fmla="*/ 253193 h 273624"/>
                  <a:gd name="connsiteX16" fmla="*/ 304488 w 310137"/>
                  <a:gd name="connsiteY16" fmla="*/ 159640 h 273624"/>
                  <a:gd name="connsiteX17" fmla="*/ 259325 w 310137"/>
                  <a:gd name="connsiteY17" fmla="*/ 3718 h 2736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310137" h="273624">
                    <a:moveTo>
                      <a:pt x="259325" y="3718"/>
                    </a:moveTo>
                    <a:cubicBezTo>
                      <a:pt x="253948" y="-1659"/>
                      <a:pt x="244270" y="-1121"/>
                      <a:pt x="238894" y="4793"/>
                    </a:cubicBezTo>
                    <a:cubicBezTo>
                      <a:pt x="236205" y="7482"/>
                      <a:pt x="235130" y="11245"/>
                      <a:pt x="235130" y="15009"/>
                    </a:cubicBezTo>
                    <a:cubicBezTo>
                      <a:pt x="235130" y="18773"/>
                      <a:pt x="236743" y="22536"/>
                      <a:pt x="239969" y="24687"/>
                    </a:cubicBezTo>
                    <a:cubicBezTo>
                      <a:pt x="275455" y="56947"/>
                      <a:pt x="289434" y="105874"/>
                      <a:pt x="276530" y="152113"/>
                    </a:cubicBezTo>
                    <a:cubicBezTo>
                      <a:pt x="267390" y="184372"/>
                      <a:pt x="246421" y="211793"/>
                      <a:pt x="216849" y="228461"/>
                    </a:cubicBezTo>
                    <a:cubicBezTo>
                      <a:pt x="187816" y="245128"/>
                      <a:pt x="152868" y="249429"/>
                      <a:pt x="121146" y="240289"/>
                    </a:cubicBezTo>
                    <a:cubicBezTo>
                      <a:pt x="54476" y="221471"/>
                      <a:pt x="14689" y="151575"/>
                      <a:pt x="33507" y="84905"/>
                    </a:cubicBezTo>
                    <a:cubicBezTo>
                      <a:pt x="39959" y="62323"/>
                      <a:pt x="52325" y="41892"/>
                      <a:pt x="69530" y="25762"/>
                    </a:cubicBezTo>
                    <a:cubicBezTo>
                      <a:pt x="72218" y="23074"/>
                      <a:pt x="73831" y="19848"/>
                      <a:pt x="74369" y="15547"/>
                    </a:cubicBezTo>
                    <a:cubicBezTo>
                      <a:pt x="74369" y="11783"/>
                      <a:pt x="73294" y="8019"/>
                      <a:pt x="70605" y="5331"/>
                    </a:cubicBezTo>
                    <a:cubicBezTo>
                      <a:pt x="65229" y="-46"/>
                      <a:pt x="56089" y="-583"/>
                      <a:pt x="50174" y="4793"/>
                    </a:cubicBezTo>
                    <a:cubicBezTo>
                      <a:pt x="28668" y="24149"/>
                      <a:pt x="13613" y="49419"/>
                      <a:pt x="5548" y="76840"/>
                    </a:cubicBezTo>
                    <a:cubicBezTo>
                      <a:pt x="-17033" y="159102"/>
                      <a:pt x="31356" y="244590"/>
                      <a:pt x="113618" y="267710"/>
                    </a:cubicBezTo>
                    <a:cubicBezTo>
                      <a:pt x="127060" y="271474"/>
                      <a:pt x="141039" y="273624"/>
                      <a:pt x="155018" y="273624"/>
                    </a:cubicBezTo>
                    <a:cubicBezTo>
                      <a:pt x="181364" y="273624"/>
                      <a:pt x="207709" y="266635"/>
                      <a:pt x="231366" y="253193"/>
                    </a:cubicBezTo>
                    <a:cubicBezTo>
                      <a:pt x="267390" y="232762"/>
                      <a:pt x="293197" y="199427"/>
                      <a:pt x="304488" y="159640"/>
                    </a:cubicBezTo>
                    <a:cubicBezTo>
                      <a:pt x="320081" y="103185"/>
                      <a:pt x="302875" y="43505"/>
                      <a:pt x="259325" y="3718"/>
                    </a:cubicBezTo>
                  </a:path>
                </a:pathLst>
              </a:custGeom>
              <a:grpFill/>
              <a:ln w="5369" cap="flat">
                <a:noFill/>
                <a:prstDash val="solid"/>
                <a:miter/>
              </a:ln>
            </p:spPr>
            <p:txBody>
              <a:bodyPr rtlCol="0" anchor="ctr"/>
              <a:lstStyle/>
              <a:p>
                <a:endParaRPr lang="en-IN"/>
              </a:p>
            </p:txBody>
          </p:sp>
          <p:sp>
            <p:nvSpPr>
              <p:cNvPr id="60" name="Freeform: Shape 59">
                <a:extLst>
                  <a:ext uri="{FF2B5EF4-FFF2-40B4-BE49-F238E27FC236}">
                    <a16:creationId xmlns:a16="http://schemas.microsoft.com/office/drawing/2014/main" id="{DE0554E8-785C-300D-5DB1-F129D1AC0B06}"/>
                  </a:ext>
                </a:extLst>
              </p:cNvPr>
              <p:cNvSpPr/>
              <p:nvPr/>
            </p:nvSpPr>
            <p:spPr>
              <a:xfrm>
                <a:off x="5770228" y="3011511"/>
                <a:ext cx="267755" cy="200010"/>
              </a:xfrm>
              <a:custGeom>
                <a:avLst/>
                <a:gdLst>
                  <a:gd name="connsiteX0" fmla="*/ 13442 w 267755"/>
                  <a:gd name="connsiteY0" fmla="*/ 90865 h 200010"/>
                  <a:gd name="connsiteX1" fmla="*/ 102156 w 267755"/>
                  <a:gd name="connsiteY1" fmla="*/ 90865 h 200010"/>
                  <a:gd name="connsiteX2" fmla="*/ 102156 w 267755"/>
                  <a:gd name="connsiteY2" fmla="*/ 186031 h 200010"/>
                  <a:gd name="connsiteX3" fmla="*/ 116135 w 267755"/>
                  <a:gd name="connsiteY3" fmla="*/ 200010 h 200010"/>
                  <a:gd name="connsiteX4" fmla="*/ 130114 w 267755"/>
                  <a:gd name="connsiteY4" fmla="*/ 186031 h 200010"/>
                  <a:gd name="connsiteX5" fmla="*/ 130114 w 267755"/>
                  <a:gd name="connsiteY5" fmla="*/ 62906 h 200010"/>
                  <a:gd name="connsiteX6" fmla="*/ 117748 w 267755"/>
                  <a:gd name="connsiteY6" fmla="*/ 62906 h 200010"/>
                  <a:gd name="connsiteX7" fmla="*/ 116673 w 267755"/>
                  <a:gd name="connsiteY7" fmla="*/ 62906 h 200010"/>
                  <a:gd name="connsiteX8" fmla="*/ 13442 w 267755"/>
                  <a:gd name="connsiteY8" fmla="*/ 62906 h 200010"/>
                  <a:gd name="connsiteX9" fmla="*/ 0 w 267755"/>
                  <a:gd name="connsiteY9" fmla="*/ 76886 h 200010"/>
                  <a:gd name="connsiteX10" fmla="*/ 13442 w 267755"/>
                  <a:gd name="connsiteY10" fmla="*/ 90865 h 200010"/>
                  <a:gd name="connsiteX11" fmla="*/ 150008 w 267755"/>
                  <a:gd name="connsiteY11" fmla="*/ 62906 h 200010"/>
                  <a:gd name="connsiteX12" fmla="*/ 137641 w 267755"/>
                  <a:gd name="connsiteY12" fmla="*/ 62906 h 200010"/>
                  <a:gd name="connsiteX13" fmla="*/ 137641 w 267755"/>
                  <a:gd name="connsiteY13" fmla="*/ 185493 h 200010"/>
                  <a:gd name="connsiteX14" fmla="*/ 151621 w 267755"/>
                  <a:gd name="connsiteY14" fmla="*/ 199472 h 200010"/>
                  <a:gd name="connsiteX15" fmla="*/ 165600 w 267755"/>
                  <a:gd name="connsiteY15" fmla="*/ 185493 h 200010"/>
                  <a:gd name="connsiteX16" fmla="*/ 165600 w 267755"/>
                  <a:gd name="connsiteY16" fmla="*/ 90865 h 200010"/>
                  <a:gd name="connsiteX17" fmla="*/ 254314 w 267755"/>
                  <a:gd name="connsiteY17" fmla="*/ 90865 h 200010"/>
                  <a:gd name="connsiteX18" fmla="*/ 267756 w 267755"/>
                  <a:gd name="connsiteY18" fmla="*/ 76886 h 200010"/>
                  <a:gd name="connsiteX19" fmla="*/ 254314 w 267755"/>
                  <a:gd name="connsiteY19" fmla="*/ 62906 h 200010"/>
                  <a:gd name="connsiteX20" fmla="*/ 151083 w 267755"/>
                  <a:gd name="connsiteY20" fmla="*/ 62906 h 200010"/>
                  <a:gd name="connsiteX21" fmla="*/ 150008 w 267755"/>
                  <a:gd name="connsiteY21" fmla="*/ 62906 h 200010"/>
                  <a:gd name="connsiteX22" fmla="*/ 133340 w 267755"/>
                  <a:gd name="connsiteY22" fmla="*/ 44088 h 200010"/>
                  <a:gd name="connsiteX23" fmla="*/ 155384 w 267755"/>
                  <a:gd name="connsiteY23" fmla="*/ 22044 h 200010"/>
                  <a:gd name="connsiteX24" fmla="*/ 133340 w 267755"/>
                  <a:gd name="connsiteY24" fmla="*/ 0 h 200010"/>
                  <a:gd name="connsiteX25" fmla="*/ 111296 w 267755"/>
                  <a:gd name="connsiteY25" fmla="*/ 22044 h 200010"/>
                  <a:gd name="connsiteX26" fmla="*/ 133340 w 267755"/>
                  <a:gd name="connsiteY26" fmla="*/ 44088 h 2000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267755" h="200010">
                    <a:moveTo>
                      <a:pt x="13442" y="90865"/>
                    </a:moveTo>
                    <a:lnTo>
                      <a:pt x="102156" y="90865"/>
                    </a:lnTo>
                    <a:lnTo>
                      <a:pt x="102156" y="186031"/>
                    </a:lnTo>
                    <a:cubicBezTo>
                      <a:pt x="102156" y="193558"/>
                      <a:pt x="108608" y="200010"/>
                      <a:pt x="116135" y="200010"/>
                    </a:cubicBezTo>
                    <a:cubicBezTo>
                      <a:pt x="123662" y="200010"/>
                      <a:pt x="130114" y="193558"/>
                      <a:pt x="130114" y="186031"/>
                    </a:cubicBezTo>
                    <a:lnTo>
                      <a:pt x="130114" y="62906"/>
                    </a:lnTo>
                    <a:lnTo>
                      <a:pt x="117748" y="62906"/>
                    </a:lnTo>
                    <a:cubicBezTo>
                      <a:pt x="117210" y="62906"/>
                      <a:pt x="117210" y="62906"/>
                      <a:pt x="116673" y="62906"/>
                    </a:cubicBezTo>
                    <a:lnTo>
                      <a:pt x="13442" y="62906"/>
                    </a:lnTo>
                    <a:cubicBezTo>
                      <a:pt x="5914" y="62906"/>
                      <a:pt x="0" y="69358"/>
                      <a:pt x="0" y="76886"/>
                    </a:cubicBezTo>
                    <a:cubicBezTo>
                      <a:pt x="538" y="84413"/>
                      <a:pt x="6452" y="90865"/>
                      <a:pt x="13442" y="90865"/>
                    </a:cubicBezTo>
                    <a:moveTo>
                      <a:pt x="150008" y="62906"/>
                    </a:moveTo>
                    <a:lnTo>
                      <a:pt x="137641" y="62906"/>
                    </a:lnTo>
                    <a:lnTo>
                      <a:pt x="137641" y="185493"/>
                    </a:lnTo>
                    <a:cubicBezTo>
                      <a:pt x="137641" y="193021"/>
                      <a:pt x="144093" y="199472"/>
                      <a:pt x="151621" y="199472"/>
                    </a:cubicBezTo>
                    <a:cubicBezTo>
                      <a:pt x="159148" y="199472"/>
                      <a:pt x="165600" y="193021"/>
                      <a:pt x="165600" y="185493"/>
                    </a:cubicBezTo>
                    <a:lnTo>
                      <a:pt x="165600" y="90865"/>
                    </a:lnTo>
                    <a:lnTo>
                      <a:pt x="254314" y="90865"/>
                    </a:lnTo>
                    <a:cubicBezTo>
                      <a:pt x="261841" y="90865"/>
                      <a:pt x="267756" y="84413"/>
                      <a:pt x="267756" y="76886"/>
                    </a:cubicBezTo>
                    <a:cubicBezTo>
                      <a:pt x="267756" y="69358"/>
                      <a:pt x="261841" y="62906"/>
                      <a:pt x="254314" y="62906"/>
                    </a:cubicBezTo>
                    <a:lnTo>
                      <a:pt x="151083" y="62906"/>
                    </a:lnTo>
                    <a:cubicBezTo>
                      <a:pt x="150545" y="62906"/>
                      <a:pt x="150545" y="62906"/>
                      <a:pt x="150008" y="62906"/>
                    </a:cubicBezTo>
                    <a:moveTo>
                      <a:pt x="133340" y="44088"/>
                    </a:moveTo>
                    <a:cubicBezTo>
                      <a:pt x="145706" y="44088"/>
                      <a:pt x="155384" y="34410"/>
                      <a:pt x="155384" y="22044"/>
                    </a:cubicBezTo>
                    <a:cubicBezTo>
                      <a:pt x="155384" y="9678"/>
                      <a:pt x="145706" y="0"/>
                      <a:pt x="133340" y="0"/>
                    </a:cubicBezTo>
                    <a:cubicBezTo>
                      <a:pt x="120974" y="0"/>
                      <a:pt x="111296" y="9678"/>
                      <a:pt x="111296" y="22044"/>
                    </a:cubicBezTo>
                    <a:cubicBezTo>
                      <a:pt x="111834" y="34410"/>
                      <a:pt x="121512" y="44088"/>
                      <a:pt x="133340" y="44088"/>
                    </a:cubicBezTo>
                  </a:path>
                </a:pathLst>
              </a:custGeom>
              <a:grpFill/>
              <a:ln w="5369" cap="flat">
                <a:noFill/>
                <a:prstDash val="solid"/>
                <a:miter/>
              </a:ln>
            </p:spPr>
            <p:txBody>
              <a:bodyPr rtlCol="0" anchor="ctr"/>
              <a:lstStyle/>
              <a:p>
                <a:endParaRPr lang="en-IN"/>
              </a:p>
            </p:txBody>
          </p:sp>
        </p:grpSp>
        <p:pic>
          <p:nvPicPr>
            <p:cNvPr id="52" name="Picture 51" descr="A yellow line on a black background&#10;&#10;Description automatically generated with medium confidence">
              <a:extLst>
                <a:ext uri="{FF2B5EF4-FFF2-40B4-BE49-F238E27FC236}">
                  <a16:creationId xmlns:a16="http://schemas.microsoft.com/office/drawing/2014/main" id="{2205B385-EE43-7484-2823-982407DB5650}"/>
                </a:ext>
              </a:extLst>
            </p:cNvPr>
            <p:cNvPicPr>
              <a:picLocks noChangeAspect="1"/>
            </p:cNvPicPr>
            <p:nvPr/>
          </p:nvPicPr>
          <p:blipFill rotWithShape="1">
            <a:blip r:embed="rId9" cstate="screen">
              <a:extLst>
                <a:ext uri="{28A0092B-C50C-407E-A947-70E740481C1C}">
                  <a14:useLocalDpi xmlns:a14="http://schemas.microsoft.com/office/drawing/2010/main" val="0"/>
                </a:ext>
              </a:extLst>
            </a:blip>
            <a:srcRect l="25946" b="33214"/>
            <a:stretch/>
          </p:blipFill>
          <p:spPr>
            <a:xfrm>
              <a:off x="9497094" y="2749554"/>
              <a:ext cx="1565776" cy="610529"/>
            </a:xfrm>
            <a:prstGeom prst="rect">
              <a:avLst/>
            </a:prstGeom>
          </p:spPr>
        </p:pic>
        <p:grpSp>
          <p:nvGrpSpPr>
            <p:cNvPr id="53" name="Graphic 74">
              <a:extLst>
                <a:ext uri="{FF2B5EF4-FFF2-40B4-BE49-F238E27FC236}">
                  <a16:creationId xmlns:a16="http://schemas.microsoft.com/office/drawing/2014/main" id="{0DC133FD-B8C0-7A38-5D28-DDD2C6FA35C7}"/>
                </a:ext>
              </a:extLst>
            </p:cNvPr>
            <p:cNvGrpSpPr/>
            <p:nvPr/>
          </p:nvGrpSpPr>
          <p:grpSpPr>
            <a:xfrm>
              <a:off x="1256696" y="2843731"/>
              <a:ext cx="452991" cy="483047"/>
              <a:chOff x="2315925" y="3666829"/>
              <a:chExt cx="452991" cy="483047"/>
            </a:xfrm>
            <a:solidFill>
              <a:schemeClr val="bg1"/>
            </a:solidFill>
          </p:grpSpPr>
          <p:sp>
            <p:nvSpPr>
              <p:cNvPr id="55" name="Freeform: Shape 54">
                <a:extLst>
                  <a:ext uri="{FF2B5EF4-FFF2-40B4-BE49-F238E27FC236}">
                    <a16:creationId xmlns:a16="http://schemas.microsoft.com/office/drawing/2014/main" id="{E0EC65B0-7094-4B6A-69ED-21151F8755F2}"/>
                  </a:ext>
                </a:extLst>
              </p:cNvPr>
              <p:cNvSpPr/>
              <p:nvPr/>
            </p:nvSpPr>
            <p:spPr>
              <a:xfrm>
                <a:off x="2341687" y="3666829"/>
                <a:ext cx="347079" cy="191072"/>
              </a:xfrm>
              <a:custGeom>
                <a:avLst/>
                <a:gdLst>
                  <a:gd name="connsiteX0" fmla="*/ 309151 w 347079"/>
                  <a:gd name="connsiteY0" fmla="*/ 117363 h 191072"/>
                  <a:gd name="connsiteX1" fmla="*/ 347079 w 347079"/>
                  <a:gd name="connsiteY1" fmla="*/ 76572 h 191072"/>
                  <a:gd name="connsiteX2" fmla="*/ 224707 w 347079"/>
                  <a:gd name="connsiteY2" fmla="*/ 109491 h 191072"/>
                  <a:gd name="connsiteX3" fmla="*/ 0 w 347079"/>
                  <a:gd name="connsiteY3" fmla="*/ 0 h 191072"/>
                  <a:gd name="connsiteX4" fmla="*/ 237588 w 347079"/>
                  <a:gd name="connsiteY4" fmla="*/ 191072 h 191072"/>
                  <a:gd name="connsiteX5" fmla="*/ 309151 w 347079"/>
                  <a:gd name="connsiteY5" fmla="*/ 117363 h 191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347079" h="191072">
                    <a:moveTo>
                      <a:pt x="309151" y="117363"/>
                    </a:moveTo>
                    <a:cubicBezTo>
                      <a:pt x="324895" y="100188"/>
                      <a:pt x="337776" y="87306"/>
                      <a:pt x="347079" y="76572"/>
                    </a:cubicBezTo>
                    <a:cubicBezTo>
                      <a:pt x="317738" y="78719"/>
                      <a:pt x="276948" y="89453"/>
                      <a:pt x="224707" y="109491"/>
                    </a:cubicBezTo>
                    <a:cubicBezTo>
                      <a:pt x="151713" y="62975"/>
                      <a:pt x="75141" y="25763"/>
                      <a:pt x="0" y="0"/>
                    </a:cubicBezTo>
                    <a:cubicBezTo>
                      <a:pt x="78719" y="45800"/>
                      <a:pt x="160300" y="111638"/>
                      <a:pt x="237588" y="191072"/>
                    </a:cubicBezTo>
                    <a:cubicBezTo>
                      <a:pt x="265498" y="162447"/>
                      <a:pt x="289829" y="138116"/>
                      <a:pt x="309151" y="117363"/>
                    </a:cubicBezTo>
                  </a:path>
                </a:pathLst>
              </a:custGeom>
              <a:grpFill/>
              <a:ln w="7121" cap="flat">
                <a:noFill/>
                <a:prstDash val="solid"/>
                <a:miter/>
              </a:ln>
            </p:spPr>
            <p:txBody>
              <a:bodyPr rtlCol="0" anchor="ctr"/>
              <a:lstStyle/>
              <a:p>
                <a:endParaRPr lang="en-IN"/>
              </a:p>
            </p:txBody>
          </p:sp>
          <p:sp>
            <p:nvSpPr>
              <p:cNvPr id="56" name="Freeform: Shape 55">
                <a:extLst>
                  <a:ext uri="{FF2B5EF4-FFF2-40B4-BE49-F238E27FC236}">
                    <a16:creationId xmlns:a16="http://schemas.microsoft.com/office/drawing/2014/main" id="{EF4C9518-91C1-CFCE-8861-DF74C98E2605}"/>
                  </a:ext>
                </a:extLst>
              </p:cNvPr>
              <p:cNvSpPr/>
              <p:nvPr/>
            </p:nvSpPr>
            <p:spPr>
              <a:xfrm>
                <a:off x="2315925" y="3672554"/>
                <a:ext cx="241166" cy="451560"/>
              </a:xfrm>
              <a:custGeom>
                <a:avLst/>
                <a:gdLst>
                  <a:gd name="connsiteX0" fmla="*/ 241166 w 241166"/>
                  <a:gd name="connsiteY0" fmla="*/ 200375 h 451560"/>
                  <a:gd name="connsiteX1" fmla="*/ 4294 w 241166"/>
                  <a:gd name="connsiteY1" fmla="*/ 0 h 451560"/>
                  <a:gd name="connsiteX2" fmla="*/ 145272 w 241166"/>
                  <a:gd name="connsiteY2" fmla="*/ 193219 h 451560"/>
                  <a:gd name="connsiteX3" fmla="*/ 145272 w 241166"/>
                  <a:gd name="connsiteY3" fmla="*/ 193935 h 451560"/>
                  <a:gd name="connsiteX4" fmla="*/ 0 w 241166"/>
                  <a:gd name="connsiteY4" fmla="*/ 451560 h 451560"/>
                  <a:gd name="connsiteX5" fmla="*/ 241166 w 241166"/>
                  <a:gd name="connsiteY5" fmla="*/ 200375 h 451560"/>
                  <a:gd name="connsiteX6" fmla="*/ 241166 w 241166"/>
                  <a:gd name="connsiteY6" fmla="*/ 200375 h 45156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41166" h="451560">
                    <a:moveTo>
                      <a:pt x="241166" y="200375"/>
                    </a:moveTo>
                    <a:cubicBezTo>
                      <a:pt x="162447" y="118078"/>
                      <a:pt x="80866" y="49378"/>
                      <a:pt x="4294" y="0"/>
                    </a:cubicBezTo>
                    <a:cubicBezTo>
                      <a:pt x="48663" y="50809"/>
                      <a:pt x="96610" y="115931"/>
                      <a:pt x="145272" y="193219"/>
                    </a:cubicBezTo>
                    <a:lnTo>
                      <a:pt x="145272" y="193935"/>
                    </a:lnTo>
                    <a:cubicBezTo>
                      <a:pt x="104482" y="266213"/>
                      <a:pt x="45085" y="372841"/>
                      <a:pt x="0" y="451560"/>
                    </a:cubicBezTo>
                    <a:cubicBezTo>
                      <a:pt x="85160" y="364254"/>
                      <a:pt x="171035" y="274801"/>
                      <a:pt x="241166" y="200375"/>
                    </a:cubicBezTo>
                    <a:lnTo>
                      <a:pt x="241166" y="200375"/>
                    </a:lnTo>
                    <a:close/>
                  </a:path>
                </a:pathLst>
              </a:custGeom>
              <a:grpFill/>
              <a:ln w="7121" cap="flat">
                <a:noFill/>
                <a:prstDash val="solid"/>
                <a:miter/>
              </a:ln>
            </p:spPr>
            <p:txBody>
              <a:bodyPr rtlCol="0" anchor="ctr"/>
              <a:lstStyle/>
              <a:p>
                <a:endParaRPr lang="en-IN"/>
              </a:p>
            </p:txBody>
          </p:sp>
          <p:sp>
            <p:nvSpPr>
              <p:cNvPr id="57" name="Freeform: Shape 56">
                <a:extLst>
                  <a:ext uri="{FF2B5EF4-FFF2-40B4-BE49-F238E27FC236}">
                    <a16:creationId xmlns:a16="http://schemas.microsoft.com/office/drawing/2014/main" id="{E3F586E4-0517-15F6-3E09-1D4D1292192D}"/>
                  </a:ext>
                </a:extLst>
              </p:cNvPr>
              <p:cNvSpPr/>
              <p:nvPr/>
            </p:nvSpPr>
            <p:spPr>
              <a:xfrm>
                <a:off x="2337393" y="3900838"/>
                <a:ext cx="414348" cy="249038"/>
              </a:xfrm>
              <a:custGeom>
                <a:avLst/>
                <a:gdLst>
                  <a:gd name="connsiteX0" fmla="*/ 0 w 414348"/>
                  <a:gd name="connsiteY0" fmla="*/ 249038 h 249038"/>
                  <a:gd name="connsiteX1" fmla="*/ 249754 w 414348"/>
                  <a:gd name="connsiteY1" fmla="*/ 99472 h 249038"/>
                  <a:gd name="connsiteX2" fmla="*/ 414348 w 414348"/>
                  <a:gd name="connsiteY2" fmla="*/ 229716 h 249038"/>
                  <a:gd name="connsiteX3" fmla="*/ 243313 w 414348"/>
                  <a:gd name="connsiteY3" fmla="*/ 0 h 249038"/>
                  <a:gd name="connsiteX4" fmla="*/ 0 w 414348"/>
                  <a:gd name="connsiteY4" fmla="*/ 249038 h 2490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4348" h="249038">
                    <a:moveTo>
                      <a:pt x="0" y="249038"/>
                    </a:moveTo>
                    <a:cubicBezTo>
                      <a:pt x="89453" y="198229"/>
                      <a:pt x="173897" y="147419"/>
                      <a:pt x="249754" y="99472"/>
                    </a:cubicBezTo>
                    <a:cubicBezTo>
                      <a:pt x="318454" y="146703"/>
                      <a:pt x="374273" y="190357"/>
                      <a:pt x="414348" y="229716"/>
                    </a:cubicBezTo>
                    <a:cubicBezTo>
                      <a:pt x="376420" y="158869"/>
                      <a:pt x="317738" y="80150"/>
                      <a:pt x="243313" y="0"/>
                    </a:cubicBezTo>
                    <a:cubicBezTo>
                      <a:pt x="172466" y="75856"/>
                      <a:pt x="89453" y="161732"/>
                      <a:pt x="0" y="249038"/>
                    </a:cubicBezTo>
                  </a:path>
                </a:pathLst>
              </a:custGeom>
              <a:grpFill/>
              <a:ln w="7121" cap="flat">
                <a:noFill/>
                <a:prstDash val="solid"/>
                <a:miter/>
              </a:ln>
            </p:spPr>
            <p:txBody>
              <a:bodyPr rtlCol="0" anchor="ctr"/>
              <a:lstStyle/>
              <a:p>
                <a:endParaRPr lang="en-IN"/>
              </a:p>
            </p:txBody>
          </p:sp>
          <p:sp>
            <p:nvSpPr>
              <p:cNvPr id="58" name="Freeform: Shape 57">
                <a:extLst>
                  <a:ext uri="{FF2B5EF4-FFF2-40B4-BE49-F238E27FC236}">
                    <a16:creationId xmlns:a16="http://schemas.microsoft.com/office/drawing/2014/main" id="{2FB87EA1-5D22-A175-7BF2-29C3B87BFEEE}"/>
                  </a:ext>
                </a:extLst>
              </p:cNvPr>
              <p:cNvSpPr/>
              <p:nvPr/>
            </p:nvSpPr>
            <p:spPr>
              <a:xfrm>
                <a:off x="2607185" y="3755566"/>
                <a:ext cx="161731" cy="354950"/>
              </a:xfrm>
              <a:custGeom>
                <a:avLst/>
                <a:gdLst>
                  <a:gd name="connsiteX0" fmla="*/ 63691 w 161731"/>
                  <a:gd name="connsiteY0" fmla="*/ 45800 h 354950"/>
                  <a:gd name="connsiteX1" fmla="*/ 98757 w 161731"/>
                  <a:gd name="connsiteY1" fmla="*/ 0 h 354950"/>
                  <a:gd name="connsiteX2" fmla="*/ 75141 w 161731"/>
                  <a:gd name="connsiteY2" fmla="*/ 132391 h 354950"/>
                  <a:gd name="connsiteX3" fmla="*/ 161732 w 161731"/>
                  <a:gd name="connsiteY3" fmla="*/ 354951 h 354950"/>
                  <a:gd name="connsiteX4" fmla="*/ 0 w 161731"/>
                  <a:gd name="connsiteY4" fmla="*/ 122372 h 354950"/>
                  <a:gd name="connsiteX5" fmla="*/ 63691 w 161731"/>
                  <a:gd name="connsiteY5" fmla="*/ 45800 h 3549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61731" h="354950">
                    <a:moveTo>
                      <a:pt x="63691" y="45800"/>
                    </a:moveTo>
                    <a:cubicBezTo>
                      <a:pt x="78719" y="27909"/>
                      <a:pt x="88022" y="13597"/>
                      <a:pt x="98757" y="0"/>
                    </a:cubicBezTo>
                    <a:cubicBezTo>
                      <a:pt x="98757" y="30056"/>
                      <a:pt x="95178" y="74425"/>
                      <a:pt x="75141" y="132391"/>
                    </a:cubicBezTo>
                    <a:cubicBezTo>
                      <a:pt x="111638" y="210394"/>
                      <a:pt x="141694" y="279810"/>
                      <a:pt x="161732" y="354951"/>
                    </a:cubicBezTo>
                    <a:cubicBezTo>
                      <a:pt x="90885" y="218982"/>
                      <a:pt x="30056" y="158869"/>
                      <a:pt x="0" y="122372"/>
                    </a:cubicBezTo>
                    <a:cubicBezTo>
                      <a:pt x="28625" y="88022"/>
                      <a:pt x="40075" y="74425"/>
                      <a:pt x="63691" y="45800"/>
                    </a:cubicBezTo>
                  </a:path>
                </a:pathLst>
              </a:custGeom>
              <a:grpFill/>
              <a:ln w="7121" cap="flat">
                <a:noFill/>
                <a:prstDash val="solid"/>
                <a:miter/>
              </a:ln>
            </p:spPr>
            <p:txBody>
              <a:bodyPr rtlCol="0" anchor="ctr"/>
              <a:lstStyle/>
              <a:p>
                <a:endParaRPr lang="en-IN"/>
              </a:p>
            </p:txBody>
          </p:sp>
        </p:grpSp>
        <p:pic>
          <p:nvPicPr>
            <p:cNvPr id="54" name="Picture 53" descr="A yellow line on a black background&#10;&#10;Description automatically generated with medium confidence">
              <a:extLst>
                <a:ext uri="{FF2B5EF4-FFF2-40B4-BE49-F238E27FC236}">
                  <a16:creationId xmlns:a16="http://schemas.microsoft.com/office/drawing/2014/main" id="{9FCF1FF7-1B24-A602-F33F-7E05BE7C21B9}"/>
                </a:ext>
              </a:extLst>
            </p:cNvPr>
            <p:cNvPicPr>
              <a:picLocks noChangeAspect="1"/>
            </p:cNvPicPr>
            <p:nvPr/>
          </p:nvPicPr>
          <p:blipFill rotWithShape="1">
            <a:blip r:embed="rId10" cstate="screen">
              <a:duotone>
                <a:schemeClr val="bg2">
                  <a:shade val="45000"/>
                  <a:satMod val="135000"/>
                </a:schemeClr>
                <a:prstClr val="white"/>
              </a:duotone>
              <a:extLst>
                <a:ext uri="{BEBA8EAE-BF5A-486C-A8C5-ECC9F3942E4B}">
                  <a14:imgProps xmlns:a14="http://schemas.microsoft.com/office/drawing/2010/main">
                    <a14:imgLayer r:embed="rId11">
                      <a14:imgEffect>
                        <a14:brightnessContrast bright="100000"/>
                      </a14:imgEffect>
                    </a14:imgLayer>
                  </a14:imgProps>
                </a:ext>
                <a:ext uri="{28A0092B-C50C-407E-A947-70E740481C1C}">
                  <a14:useLocalDpi xmlns:a14="http://schemas.microsoft.com/office/drawing/2010/main" val="0"/>
                </a:ext>
              </a:extLst>
            </a:blip>
            <a:srcRect/>
            <a:stretch/>
          </p:blipFill>
          <p:spPr>
            <a:xfrm>
              <a:off x="8332102" y="2821574"/>
              <a:ext cx="603460" cy="523540"/>
            </a:xfrm>
            <a:prstGeom prst="rect">
              <a:avLst/>
            </a:prstGeom>
          </p:spPr>
        </p:pic>
      </p:grpSp>
    </p:spTree>
    <p:extLst>
      <p:ext uri="{BB962C8B-B14F-4D97-AF65-F5344CB8AC3E}">
        <p14:creationId xmlns:p14="http://schemas.microsoft.com/office/powerpoint/2010/main" val="352736732"/>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5">
            <a:extLst>
              <a:ext uri="{FF2B5EF4-FFF2-40B4-BE49-F238E27FC236}">
                <a16:creationId xmlns:a16="http://schemas.microsoft.com/office/drawing/2014/main" id="{43202407-AD4C-3EA6-0CF8-B712CE50BC74}"/>
              </a:ext>
            </a:extLst>
          </p:cNvPr>
          <p:cNvPicPr>
            <a:picLocks noChangeAspect="1"/>
          </p:cNvPicPr>
          <p:nvPr/>
        </p:nvPicPr>
        <p:blipFill rotWithShape="1">
          <a:blip r:embed="rId2" cstate="screen">
            <a:extLst>
              <a:ext uri="{28A0092B-C50C-407E-A947-70E740481C1C}">
                <a14:useLocalDpi xmlns:a14="http://schemas.microsoft.com/office/drawing/2010/main" val="0"/>
              </a:ext>
            </a:extLst>
          </a:blip>
          <a:srcRect l="-7770" r="7770" b="38963"/>
          <a:stretch/>
        </p:blipFill>
        <p:spPr>
          <a:xfrm>
            <a:off x="1077226" y="1"/>
            <a:ext cx="11114774" cy="2875280"/>
          </a:xfrm>
          <a:prstGeom prst="rect">
            <a:avLst/>
          </a:prstGeom>
        </p:spPr>
      </p:pic>
      <p:sp>
        <p:nvSpPr>
          <p:cNvPr id="6" name="Rectangle 5">
            <a:extLst>
              <a:ext uri="{FF2B5EF4-FFF2-40B4-BE49-F238E27FC236}">
                <a16:creationId xmlns:a16="http://schemas.microsoft.com/office/drawing/2014/main" id="{EB7E6139-4E50-5159-C0DA-7106E4B5A7D6}"/>
              </a:ext>
            </a:extLst>
          </p:cNvPr>
          <p:cNvSpPr/>
          <p:nvPr/>
        </p:nvSpPr>
        <p:spPr>
          <a:xfrm>
            <a:off x="0" y="0"/>
            <a:ext cx="6705600" cy="2875280"/>
          </a:xfrm>
          <a:prstGeom prst="rect">
            <a:avLst/>
          </a:prstGeom>
          <a:solidFill>
            <a:srgbClr val="F8F8F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4549433F-5B5F-FB0E-8A01-BC024D3C6E79}"/>
              </a:ext>
            </a:extLst>
          </p:cNvPr>
          <p:cNvSpPr>
            <a:spLocks noGrp="1"/>
          </p:cNvSpPr>
          <p:nvPr>
            <p:ph type="title"/>
          </p:nvPr>
        </p:nvSpPr>
        <p:spPr/>
        <p:txBody>
          <a:bodyPr/>
          <a:lstStyle/>
          <a:p>
            <a:r>
              <a:rPr lang="en-IN"/>
              <a:t>Aptara’s Training Solutions</a:t>
            </a:r>
          </a:p>
        </p:txBody>
      </p:sp>
      <p:sp>
        <p:nvSpPr>
          <p:cNvPr id="9" name="TextBox 8">
            <a:extLst>
              <a:ext uri="{FF2B5EF4-FFF2-40B4-BE49-F238E27FC236}">
                <a16:creationId xmlns:a16="http://schemas.microsoft.com/office/drawing/2014/main" id="{B5C03641-82B2-532D-C7B1-D96010935E16}"/>
              </a:ext>
            </a:extLst>
          </p:cNvPr>
          <p:cNvSpPr txBox="1"/>
          <p:nvPr/>
        </p:nvSpPr>
        <p:spPr>
          <a:xfrm>
            <a:off x="457200" y="2502654"/>
            <a:ext cx="6096000" cy="276999"/>
          </a:xfrm>
          <a:prstGeom prst="rect">
            <a:avLst/>
          </a:prstGeom>
          <a:noFill/>
        </p:spPr>
        <p:txBody>
          <a:bodyPr wrap="square">
            <a:spAutoFit/>
          </a:bodyPr>
          <a:lstStyle/>
          <a:p>
            <a:pPr marL="0" indent="0">
              <a:buNone/>
            </a:pPr>
            <a:r>
              <a:rPr lang="en-US" sz="1200" b="1" dirty="0">
                <a:latin typeface="Roboto" panose="02000000000000000000" pitchFamily="2" charset="0"/>
                <a:ea typeface="Roboto" panose="02000000000000000000" pitchFamily="2" charset="0"/>
                <a:cs typeface="Roboto" panose="02000000000000000000" pitchFamily="2" charset="0"/>
              </a:rPr>
              <a:t>Our training offerings include:</a:t>
            </a:r>
          </a:p>
        </p:txBody>
      </p:sp>
      <p:pic>
        <p:nvPicPr>
          <p:cNvPr id="11" name="Graphic 10">
            <a:extLst>
              <a:ext uri="{FF2B5EF4-FFF2-40B4-BE49-F238E27FC236}">
                <a16:creationId xmlns:a16="http://schemas.microsoft.com/office/drawing/2014/main" id="{B7E01B24-1569-84A5-B51E-BF4B4CF07B91}"/>
              </a:ext>
            </a:extLst>
          </p:cNvPr>
          <p:cNvPicPr>
            <a:picLocks noChangeAspect="1"/>
          </p:cNvPicPr>
          <p:nvPr/>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0287524" y="3191160"/>
            <a:ext cx="277091" cy="277091"/>
          </a:xfrm>
          <a:prstGeom prst="rect">
            <a:avLst/>
          </a:prstGeom>
        </p:spPr>
      </p:pic>
      <p:pic>
        <p:nvPicPr>
          <p:cNvPr id="12" name="Graphic 11">
            <a:extLst>
              <a:ext uri="{FF2B5EF4-FFF2-40B4-BE49-F238E27FC236}">
                <a16:creationId xmlns:a16="http://schemas.microsoft.com/office/drawing/2014/main" id="{8F7CF32D-1004-A1FB-F423-48EAFBE47F93}"/>
              </a:ext>
            </a:extLst>
          </p:cNvPr>
          <p:cNvPicPr>
            <a:picLocks noChangeAspect="1"/>
          </p:cNvPicPr>
          <p:nvPr/>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8219598" y="3157468"/>
            <a:ext cx="324812" cy="324812"/>
          </a:xfrm>
          <a:prstGeom prst="rect">
            <a:avLst/>
          </a:prstGeom>
        </p:spPr>
      </p:pic>
      <p:pic>
        <p:nvPicPr>
          <p:cNvPr id="13" name="Graphic 12">
            <a:extLst>
              <a:ext uri="{FF2B5EF4-FFF2-40B4-BE49-F238E27FC236}">
                <a16:creationId xmlns:a16="http://schemas.microsoft.com/office/drawing/2014/main" id="{352B22F9-FBE5-EFA3-1840-B12E21F7DB51}"/>
              </a:ext>
            </a:extLst>
          </p:cNvPr>
          <p:cNvPicPr>
            <a:picLocks noChangeAspect="1"/>
          </p:cNvPicPr>
          <p:nvPr/>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2416621" y="3136651"/>
            <a:ext cx="343501" cy="343501"/>
          </a:xfrm>
          <a:prstGeom prst="rect">
            <a:avLst/>
          </a:prstGeom>
        </p:spPr>
      </p:pic>
      <p:pic>
        <p:nvPicPr>
          <p:cNvPr id="14" name="Graphic 13">
            <a:extLst>
              <a:ext uri="{FF2B5EF4-FFF2-40B4-BE49-F238E27FC236}">
                <a16:creationId xmlns:a16="http://schemas.microsoft.com/office/drawing/2014/main" id="{BC27DFA2-EC6E-C887-53D2-E7DAB739B960}"/>
              </a:ext>
            </a:extLst>
          </p:cNvPr>
          <p:cNvPicPr>
            <a:picLocks noChangeAspect="1"/>
          </p:cNvPicPr>
          <p:nvPr/>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4307846" y="3139206"/>
            <a:ext cx="381000" cy="381000"/>
          </a:xfrm>
          <a:prstGeom prst="rect">
            <a:avLst/>
          </a:prstGeom>
        </p:spPr>
      </p:pic>
      <p:pic>
        <p:nvPicPr>
          <p:cNvPr id="15" name="Graphic 14">
            <a:extLst>
              <a:ext uri="{FF2B5EF4-FFF2-40B4-BE49-F238E27FC236}">
                <a16:creationId xmlns:a16="http://schemas.microsoft.com/office/drawing/2014/main" id="{AF83726C-AF8D-F8E0-76D7-8AFB186D884C}"/>
              </a:ext>
            </a:extLst>
          </p:cNvPr>
          <p:cNvPicPr>
            <a:picLocks noChangeAspect="1"/>
          </p:cNvPicPr>
          <p:nvPr/>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6201236" y="3137219"/>
            <a:ext cx="384975" cy="384975"/>
          </a:xfrm>
          <a:prstGeom prst="rect">
            <a:avLst/>
          </a:prstGeom>
        </p:spPr>
      </p:pic>
      <p:grpSp>
        <p:nvGrpSpPr>
          <p:cNvPr id="16" name="Group 15">
            <a:extLst>
              <a:ext uri="{FF2B5EF4-FFF2-40B4-BE49-F238E27FC236}">
                <a16:creationId xmlns:a16="http://schemas.microsoft.com/office/drawing/2014/main" id="{1FBE13C7-76BE-85C6-C879-5F3866393082}"/>
              </a:ext>
            </a:extLst>
          </p:cNvPr>
          <p:cNvGrpSpPr/>
          <p:nvPr/>
        </p:nvGrpSpPr>
        <p:grpSpPr>
          <a:xfrm>
            <a:off x="450269" y="3121983"/>
            <a:ext cx="390311" cy="390311"/>
            <a:chOff x="530731" y="2671799"/>
            <a:chExt cx="354827" cy="354827"/>
          </a:xfrm>
        </p:grpSpPr>
        <p:grpSp>
          <p:nvGrpSpPr>
            <p:cNvPr id="17" name="Group 16">
              <a:extLst>
                <a:ext uri="{FF2B5EF4-FFF2-40B4-BE49-F238E27FC236}">
                  <a16:creationId xmlns:a16="http://schemas.microsoft.com/office/drawing/2014/main" id="{89269FA3-C10B-C101-8F08-BB2135DADCFD}"/>
                </a:ext>
              </a:extLst>
            </p:cNvPr>
            <p:cNvGrpSpPr/>
            <p:nvPr/>
          </p:nvGrpSpPr>
          <p:grpSpPr>
            <a:xfrm>
              <a:off x="667300" y="2790918"/>
              <a:ext cx="77938" cy="81037"/>
              <a:chOff x="686933" y="2771704"/>
              <a:chExt cx="119399" cy="124141"/>
            </a:xfrm>
          </p:grpSpPr>
          <p:sp>
            <p:nvSpPr>
              <p:cNvPr id="19" name="Rectangle: Rounded Corners 24">
                <a:extLst>
                  <a:ext uri="{FF2B5EF4-FFF2-40B4-BE49-F238E27FC236}">
                    <a16:creationId xmlns:a16="http://schemas.microsoft.com/office/drawing/2014/main" id="{73CA3613-0FFF-91DF-CD36-FE36612DC07B}"/>
                  </a:ext>
                </a:extLst>
              </p:cNvPr>
              <p:cNvSpPr/>
              <p:nvPr/>
            </p:nvSpPr>
            <p:spPr>
              <a:xfrm>
                <a:off x="687669" y="2771704"/>
                <a:ext cx="44989" cy="44255"/>
              </a:xfrm>
              <a:prstGeom prst="roundRect">
                <a:avLst>
                  <a:gd name="adj" fmla="val 27379"/>
                </a:avLst>
              </a:prstGeom>
              <a:noFill/>
              <a:ln w="6350">
                <a:solidFill>
                  <a:srgbClr val="59595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0" name="Rectangle: Rounded Corners 25">
                <a:extLst>
                  <a:ext uri="{FF2B5EF4-FFF2-40B4-BE49-F238E27FC236}">
                    <a16:creationId xmlns:a16="http://schemas.microsoft.com/office/drawing/2014/main" id="{509E5F5B-89ED-12B9-CE00-0332A7B3D6B2}"/>
                  </a:ext>
                </a:extLst>
              </p:cNvPr>
              <p:cNvSpPr/>
              <p:nvPr/>
            </p:nvSpPr>
            <p:spPr>
              <a:xfrm>
                <a:off x="686933" y="2851590"/>
                <a:ext cx="44989" cy="44255"/>
              </a:xfrm>
              <a:prstGeom prst="roundRect">
                <a:avLst>
                  <a:gd name="adj" fmla="val 27379"/>
                </a:avLst>
              </a:prstGeom>
              <a:noFill/>
              <a:ln w="6350">
                <a:solidFill>
                  <a:srgbClr val="59595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1" name="Rectangle: Rounded Corners 26">
                <a:extLst>
                  <a:ext uri="{FF2B5EF4-FFF2-40B4-BE49-F238E27FC236}">
                    <a16:creationId xmlns:a16="http://schemas.microsoft.com/office/drawing/2014/main" id="{B6EC5A21-CF2F-CEE6-08E8-2484B57B1426}"/>
                  </a:ext>
                </a:extLst>
              </p:cNvPr>
              <p:cNvSpPr/>
              <p:nvPr/>
            </p:nvSpPr>
            <p:spPr>
              <a:xfrm>
                <a:off x="761343" y="2771704"/>
                <a:ext cx="44989" cy="44255"/>
              </a:xfrm>
              <a:prstGeom prst="roundRect">
                <a:avLst>
                  <a:gd name="adj" fmla="val 27379"/>
                </a:avLst>
              </a:prstGeom>
              <a:noFill/>
              <a:ln w="6350">
                <a:solidFill>
                  <a:srgbClr val="59595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2" name="Rectangle: Rounded Corners 27">
                <a:extLst>
                  <a:ext uri="{FF2B5EF4-FFF2-40B4-BE49-F238E27FC236}">
                    <a16:creationId xmlns:a16="http://schemas.microsoft.com/office/drawing/2014/main" id="{6887D250-24A5-6AC3-0D11-FEDBF7861637}"/>
                  </a:ext>
                </a:extLst>
              </p:cNvPr>
              <p:cNvSpPr/>
              <p:nvPr/>
            </p:nvSpPr>
            <p:spPr>
              <a:xfrm>
                <a:off x="761343" y="2851590"/>
                <a:ext cx="44989" cy="44255"/>
              </a:xfrm>
              <a:prstGeom prst="roundRect">
                <a:avLst>
                  <a:gd name="adj" fmla="val 27379"/>
                </a:avLst>
              </a:prstGeom>
              <a:noFill/>
              <a:ln w="6350">
                <a:solidFill>
                  <a:srgbClr val="59595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grpSp>
        <p:pic>
          <p:nvPicPr>
            <p:cNvPr id="18" name="Graphic 17">
              <a:extLst>
                <a:ext uri="{FF2B5EF4-FFF2-40B4-BE49-F238E27FC236}">
                  <a16:creationId xmlns:a16="http://schemas.microsoft.com/office/drawing/2014/main" id="{6014862E-06A8-C334-CAB2-9B4A7636A501}"/>
                </a:ext>
              </a:extLst>
            </p:cNvPr>
            <p:cNvPicPr>
              <a:picLocks noChangeAspect="1"/>
            </p:cNvPicPr>
            <p:nvPr/>
          </p:nvPicPr>
          <p:blipFill>
            <a:blip r:embed="rId13" cstate="hqprint">
              <a:extLst>
                <a:ext uri="{28A0092B-C50C-407E-A947-70E740481C1C}">
                  <a14:useLocalDpi xmlns:a14="http://schemas.microsoft.com/office/drawing/2010/main" val="0"/>
                </a:ext>
                <a:ext uri="{96DAC541-7B7A-43D3-8B79-37D633B846F1}">
                  <asvg:svgBlip xmlns:asvg="http://schemas.microsoft.com/office/drawing/2016/SVG/main" r:embed="rId14"/>
                </a:ext>
              </a:extLst>
            </a:blip>
            <a:stretch>
              <a:fillRect/>
            </a:stretch>
          </p:blipFill>
          <p:spPr>
            <a:xfrm>
              <a:off x="530731" y="2671799"/>
              <a:ext cx="354827" cy="354827"/>
            </a:xfrm>
            <a:prstGeom prst="rect">
              <a:avLst/>
            </a:prstGeom>
          </p:spPr>
        </p:pic>
      </p:grpSp>
      <p:sp>
        <p:nvSpPr>
          <p:cNvPr id="23" name="TextBox 22">
            <a:extLst>
              <a:ext uri="{FF2B5EF4-FFF2-40B4-BE49-F238E27FC236}">
                <a16:creationId xmlns:a16="http://schemas.microsoft.com/office/drawing/2014/main" id="{C9B669BB-E302-44E7-F3C2-70D55B8F676D}"/>
              </a:ext>
            </a:extLst>
          </p:cNvPr>
          <p:cNvSpPr txBox="1"/>
          <p:nvPr/>
        </p:nvSpPr>
        <p:spPr>
          <a:xfrm>
            <a:off x="457651" y="3979732"/>
            <a:ext cx="1584510" cy="1460849"/>
          </a:xfrm>
          <a:prstGeom prst="rect">
            <a:avLst/>
          </a:prstGeom>
          <a:noFill/>
        </p:spPr>
        <p:txBody>
          <a:bodyPr wrap="square" lIns="0" rIns="0">
            <a:spAutoFit/>
          </a:bodyPr>
          <a:lstStyle/>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On-the-go learning freedom and flexibility</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Just-enough, just-in-time, just-for-me learner-centric approach</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Enhanced collaboration and social connect </a:t>
            </a:r>
          </a:p>
        </p:txBody>
      </p:sp>
      <p:sp>
        <p:nvSpPr>
          <p:cNvPr id="24" name="TextBox 23">
            <a:extLst>
              <a:ext uri="{FF2B5EF4-FFF2-40B4-BE49-F238E27FC236}">
                <a16:creationId xmlns:a16="http://schemas.microsoft.com/office/drawing/2014/main" id="{833063BD-75A5-E074-C3B4-DD9020295868}"/>
              </a:ext>
            </a:extLst>
          </p:cNvPr>
          <p:cNvSpPr txBox="1"/>
          <p:nvPr/>
        </p:nvSpPr>
        <p:spPr>
          <a:xfrm>
            <a:off x="457650" y="3559168"/>
            <a:ext cx="1185004"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Mobile Apps</a:t>
            </a:r>
          </a:p>
        </p:txBody>
      </p:sp>
      <p:sp>
        <p:nvSpPr>
          <p:cNvPr id="25" name="TextBox 24">
            <a:extLst>
              <a:ext uri="{FF2B5EF4-FFF2-40B4-BE49-F238E27FC236}">
                <a16:creationId xmlns:a16="http://schemas.microsoft.com/office/drawing/2014/main" id="{578EB2BE-EE19-4652-5D1E-139D829EA231}"/>
              </a:ext>
            </a:extLst>
          </p:cNvPr>
          <p:cNvSpPr txBox="1"/>
          <p:nvPr/>
        </p:nvSpPr>
        <p:spPr>
          <a:xfrm>
            <a:off x="2288830" y="3979732"/>
            <a:ext cx="1584510" cy="2141035"/>
          </a:xfrm>
          <a:prstGeom prst="rect">
            <a:avLst/>
          </a:prstGeom>
          <a:noFill/>
        </p:spPr>
        <p:txBody>
          <a:bodyPr wrap="square" lIns="0" rIns="0">
            <a:spAutoFit/>
          </a:bodyPr>
          <a:lstStyle/>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Learner preferences clearly toward “on the go” videos </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Cost-effective and time-saving</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Effective and efficient</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Accommodates different learning styles</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High learner attention and engagement</a:t>
            </a:r>
          </a:p>
        </p:txBody>
      </p:sp>
      <p:sp>
        <p:nvSpPr>
          <p:cNvPr id="26" name="TextBox 25">
            <a:extLst>
              <a:ext uri="{FF2B5EF4-FFF2-40B4-BE49-F238E27FC236}">
                <a16:creationId xmlns:a16="http://schemas.microsoft.com/office/drawing/2014/main" id="{D3990DC7-B147-AFC9-3A67-033F8ADDA755}"/>
              </a:ext>
            </a:extLst>
          </p:cNvPr>
          <p:cNvSpPr txBox="1"/>
          <p:nvPr/>
        </p:nvSpPr>
        <p:spPr>
          <a:xfrm>
            <a:off x="2288829" y="3559168"/>
            <a:ext cx="1185004" cy="430887"/>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Video-based Learning</a:t>
            </a:r>
          </a:p>
        </p:txBody>
      </p:sp>
      <p:sp>
        <p:nvSpPr>
          <p:cNvPr id="27" name="TextBox 26">
            <a:extLst>
              <a:ext uri="{FF2B5EF4-FFF2-40B4-BE49-F238E27FC236}">
                <a16:creationId xmlns:a16="http://schemas.microsoft.com/office/drawing/2014/main" id="{9F390053-3D43-1EE6-E97B-7167807EBF82}"/>
              </a:ext>
            </a:extLst>
          </p:cNvPr>
          <p:cNvSpPr txBox="1"/>
          <p:nvPr/>
        </p:nvSpPr>
        <p:spPr>
          <a:xfrm>
            <a:off x="4201288" y="3979732"/>
            <a:ext cx="1742471" cy="2568845"/>
          </a:xfrm>
          <a:prstGeom prst="rect">
            <a:avLst/>
          </a:prstGeom>
          <a:noFill/>
        </p:spPr>
        <p:txBody>
          <a:bodyPr wrap="square" lIns="0" rIns="0">
            <a:spAutoFit/>
          </a:bodyPr>
          <a:lstStyle/>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Traditional ILT remains indispensable in learning kinesthetic skills</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VILT is one of the fastest growing synchronous learning delivery mode that:</a:t>
            </a:r>
          </a:p>
          <a:p>
            <a:pPr marL="271463" lvl="1" indent="-96838"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Saves training cost</a:t>
            </a:r>
          </a:p>
          <a:p>
            <a:pPr marL="271463" lvl="1" indent="-96838"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Removes location barrier</a:t>
            </a:r>
          </a:p>
          <a:p>
            <a:pPr marL="271463" lvl="1" indent="-96838"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Increases training capacity and scalability </a:t>
            </a:r>
          </a:p>
          <a:p>
            <a:pPr marL="271463" lvl="1" indent="-96838"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Brings learner diversity and collaboration</a:t>
            </a:r>
          </a:p>
        </p:txBody>
      </p:sp>
      <p:sp>
        <p:nvSpPr>
          <p:cNvPr id="28" name="TextBox 27">
            <a:extLst>
              <a:ext uri="{FF2B5EF4-FFF2-40B4-BE49-F238E27FC236}">
                <a16:creationId xmlns:a16="http://schemas.microsoft.com/office/drawing/2014/main" id="{14F185C5-4CEC-1A98-8619-D132DBD08CC6}"/>
              </a:ext>
            </a:extLst>
          </p:cNvPr>
          <p:cNvSpPr txBox="1"/>
          <p:nvPr/>
        </p:nvSpPr>
        <p:spPr>
          <a:xfrm>
            <a:off x="4201288" y="3559168"/>
            <a:ext cx="1185004"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ILT and vILT</a:t>
            </a:r>
          </a:p>
        </p:txBody>
      </p:sp>
      <p:sp>
        <p:nvSpPr>
          <p:cNvPr id="29" name="TextBox 28">
            <a:extLst>
              <a:ext uri="{FF2B5EF4-FFF2-40B4-BE49-F238E27FC236}">
                <a16:creationId xmlns:a16="http://schemas.microsoft.com/office/drawing/2014/main" id="{1A3B6491-81A3-F188-F063-2E0C572AEE47}"/>
              </a:ext>
            </a:extLst>
          </p:cNvPr>
          <p:cNvSpPr txBox="1"/>
          <p:nvPr/>
        </p:nvSpPr>
        <p:spPr>
          <a:xfrm>
            <a:off x="6096000" y="3979732"/>
            <a:ext cx="1742471" cy="2085636"/>
          </a:xfrm>
          <a:prstGeom prst="rect">
            <a:avLst/>
          </a:prstGeom>
          <a:noFill/>
        </p:spPr>
        <p:txBody>
          <a:bodyPr wrap="square" lIns="0" rIns="0">
            <a:spAutoFit/>
          </a:bodyPr>
          <a:lstStyle/>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eMigration is the transformation of learning content from classroom and paper-based formats to online, interactive, globally accessible, and highly reusable media</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It typically involves redeveloping course material for optimum effectiveness in the new delivery channels</a:t>
            </a:r>
          </a:p>
        </p:txBody>
      </p:sp>
      <p:sp>
        <p:nvSpPr>
          <p:cNvPr id="30" name="TextBox 29">
            <a:extLst>
              <a:ext uri="{FF2B5EF4-FFF2-40B4-BE49-F238E27FC236}">
                <a16:creationId xmlns:a16="http://schemas.microsoft.com/office/drawing/2014/main" id="{F30BDEF3-2546-1C3A-35CB-95649F432813}"/>
              </a:ext>
            </a:extLst>
          </p:cNvPr>
          <p:cNvSpPr txBox="1"/>
          <p:nvPr/>
        </p:nvSpPr>
        <p:spPr>
          <a:xfrm>
            <a:off x="6096000" y="3559168"/>
            <a:ext cx="1185004" cy="430887"/>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Content Migration</a:t>
            </a:r>
          </a:p>
        </p:txBody>
      </p:sp>
      <p:sp>
        <p:nvSpPr>
          <p:cNvPr id="31" name="TextBox 30">
            <a:extLst>
              <a:ext uri="{FF2B5EF4-FFF2-40B4-BE49-F238E27FC236}">
                <a16:creationId xmlns:a16="http://schemas.microsoft.com/office/drawing/2014/main" id="{6CA4EA19-BD5F-90BE-5184-739286EA8D60}"/>
              </a:ext>
            </a:extLst>
          </p:cNvPr>
          <p:cNvSpPr txBox="1"/>
          <p:nvPr/>
        </p:nvSpPr>
        <p:spPr>
          <a:xfrm>
            <a:off x="8134051" y="3979732"/>
            <a:ext cx="1742471" cy="2414956"/>
          </a:xfrm>
          <a:prstGeom prst="rect">
            <a:avLst/>
          </a:prstGeom>
          <a:noFill/>
        </p:spPr>
        <p:txBody>
          <a:bodyPr wrap="square" lIns="0" rIns="0">
            <a:spAutoFit/>
          </a:bodyPr>
          <a:lstStyle/>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Localization expands audience reach and improves knowledge retention</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Effective learning requires audience understanding</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For multilingual audiences, eLearning localization is essential</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Accurate and culturally appropriate translation is crucial for comprehension and retention.</a:t>
            </a:r>
          </a:p>
        </p:txBody>
      </p:sp>
      <p:sp>
        <p:nvSpPr>
          <p:cNvPr id="32" name="TextBox 31">
            <a:extLst>
              <a:ext uri="{FF2B5EF4-FFF2-40B4-BE49-F238E27FC236}">
                <a16:creationId xmlns:a16="http://schemas.microsoft.com/office/drawing/2014/main" id="{A310BA88-6614-3BD8-EC6F-CC36FCADBFEB}"/>
              </a:ext>
            </a:extLst>
          </p:cNvPr>
          <p:cNvSpPr txBox="1"/>
          <p:nvPr/>
        </p:nvSpPr>
        <p:spPr>
          <a:xfrm>
            <a:off x="8134051" y="3559168"/>
            <a:ext cx="1185004" cy="430887"/>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Content Localization</a:t>
            </a:r>
          </a:p>
        </p:txBody>
      </p:sp>
      <p:sp>
        <p:nvSpPr>
          <p:cNvPr id="33" name="TextBox 32">
            <a:extLst>
              <a:ext uri="{FF2B5EF4-FFF2-40B4-BE49-F238E27FC236}">
                <a16:creationId xmlns:a16="http://schemas.microsoft.com/office/drawing/2014/main" id="{BCE6E66C-1BD7-BA2F-355A-3D985587BC5D}"/>
              </a:ext>
            </a:extLst>
          </p:cNvPr>
          <p:cNvSpPr txBox="1"/>
          <p:nvPr/>
        </p:nvSpPr>
        <p:spPr>
          <a:xfrm>
            <a:off x="10216404" y="3979732"/>
            <a:ext cx="1742471" cy="1965603"/>
          </a:xfrm>
          <a:prstGeom prst="rect">
            <a:avLst/>
          </a:prstGeom>
          <a:noFill/>
        </p:spPr>
        <p:txBody>
          <a:bodyPr wrap="square" lIns="0" rIns="0">
            <a:spAutoFit/>
          </a:bodyPr>
          <a:lstStyle/>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Watch-Try-Do simulations help practice and gain hands-on experience</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Faster skill gain through experiential learning</a:t>
            </a:r>
          </a:p>
          <a:p>
            <a:pPr marL="171450" indent="-108000" fontAlgn="base">
              <a:lnSpc>
                <a:spcPct val="120000"/>
              </a:lnSpc>
              <a:spcAft>
                <a:spcPts val="600"/>
              </a:spcAft>
              <a:buClr>
                <a:srgbClr val="0072AE"/>
              </a:buClr>
              <a:buFont typeface="Arial" pitchFamily="34" charset="0"/>
              <a:buChar char="•"/>
              <a:defRPr/>
            </a:pPr>
            <a:r>
              <a:rPr lang="en-IN" sz="950">
                <a:solidFill>
                  <a:srgbClr val="262626"/>
                </a:solidFill>
                <a:latin typeface="Roboto Light" pitchFamily="2" charset="0"/>
                <a:ea typeface="Roboto Light" pitchFamily="2" charset="0"/>
              </a:rPr>
              <a:t>Increased work efficiency</a:t>
            </a:r>
          </a:p>
          <a:p>
            <a:pPr marL="171450" indent="-108000" fontAlgn="base">
              <a:lnSpc>
                <a:spcPct val="120000"/>
              </a:lnSpc>
              <a:spcAft>
                <a:spcPts val="600"/>
              </a:spcAft>
              <a:buClr>
                <a:srgbClr val="0072AE"/>
              </a:buClr>
              <a:buFont typeface="Arial" pitchFamily="34" charset="0"/>
              <a:buChar char="•"/>
              <a:defRPr/>
            </a:pPr>
            <a:r>
              <a:rPr lang="en-IN" sz="950">
                <a:solidFill>
                  <a:srgbClr val="262626"/>
                </a:solidFill>
                <a:latin typeface="Roboto Light" pitchFamily="2" charset="0"/>
                <a:ea typeface="Roboto Light" pitchFamily="2" charset="0"/>
              </a:rPr>
              <a:t>Improved processes</a:t>
            </a:r>
          </a:p>
          <a:p>
            <a:pPr marL="171450" indent="-108000" fontAlgn="base">
              <a:lnSpc>
                <a:spcPct val="120000"/>
              </a:lnSpc>
              <a:spcAft>
                <a:spcPts val="600"/>
              </a:spcAft>
              <a:buClr>
                <a:srgbClr val="0072AE"/>
              </a:buClr>
              <a:buFont typeface="Arial" pitchFamily="34" charset="0"/>
              <a:buChar char="•"/>
              <a:defRPr/>
            </a:pPr>
            <a:r>
              <a:rPr lang="en-US" sz="950">
                <a:solidFill>
                  <a:srgbClr val="262626"/>
                </a:solidFill>
                <a:latin typeface="Roboto Light" pitchFamily="2" charset="0"/>
                <a:ea typeface="Roboto Light" pitchFamily="2" charset="0"/>
              </a:rPr>
              <a:t>Reduced training cost and duration</a:t>
            </a:r>
          </a:p>
        </p:txBody>
      </p:sp>
      <p:sp>
        <p:nvSpPr>
          <p:cNvPr id="34" name="TextBox 33">
            <a:extLst>
              <a:ext uri="{FF2B5EF4-FFF2-40B4-BE49-F238E27FC236}">
                <a16:creationId xmlns:a16="http://schemas.microsoft.com/office/drawing/2014/main" id="{02180296-6AE5-F5CD-4041-FADFA323F57D}"/>
              </a:ext>
            </a:extLst>
          </p:cNvPr>
          <p:cNvSpPr txBox="1"/>
          <p:nvPr/>
        </p:nvSpPr>
        <p:spPr>
          <a:xfrm>
            <a:off x="10216404" y="3559168"/>
            <a:ext cx="1185004" cy="430887"/>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Application Simulations</a:t>
            </a:r>
          </a:p>
        </p:txBody>
      </p:sp>
      <p:cxnSp>
        <p:nvCxnSpPr>
          <p:cNvPr id="35" name="Straight Connector 34">
            <a:extLst>
              <a:ext uri="{FF2B5EF4-FFF2-40B4-BE49-F238E27FC236}">
                <a16:creationId xmlns:a16="http://schemas.microsoft.com/office/drawing/2014/main" id="{5DF61F25-AB86-1BCA-8F34-E64D983A5F8B}"/>
              </a:ext>
            </a:extLst>
          </p:cNvPr>
          <p:cNvCxnSpPr>
            <a:cxnSpLocks/>
          </p:cNvCxnSpPr>
          <p:nvPr/>
        </p:nvCxnSpPr>
        <p:spPr>
          <a:xfrm>
            <a:off x="2209862" y="3089560"/>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6" name="Straight Connector 35">
            <a:extLst>
              <a:ext uri="{FF2B5EF4-FFF2-40B4-BE49-F238E27FC236}">
                <a16:creationId xmlns:a16="http://schemas.microsoft.com/office/drawing/2014/main" id="{9BECF9D2-21E2-BBEA-0380-6058DAB30954}"/>
              </a:ext>
            </a:extLst>
          </p:cNvPr>
          <p:cNvCxnSpPr>
            <a:cxnSpLocks/>
          </p:cNvCxnSpPr>
          <p:nvPr/>
        </p:nvCxnSpPr>
        <p:spPr>
          <a:xfrm>
            <a:off x="4079302" y="3089560"/>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7" name="Straight Connector 36">
            <a:extLst>
              <a:ext uri="{FF2B5EF4-FFF2-40B4-BE49-F238E27FC236}">
                <a16:creationId xmlns:a16="http://schemas.microsoft.com/office/drawing/2014/main" id="{2F7C7E9F-7C2F-6FE0-B589-CBCF28BAC267}"/>
              </a:ext>
            </a:extLst>
          </p:cNvPr>
          <p:cNvCxnSpPr>
            <a:cxnSpLocks/>
          </p:cNvCxnSpPr>
          <p:nvPr/>
        </p:nvCxnSpPr>
        <p:spPr>
          <a:xfrm>
            <a:off x="6040182" y="3089560"/>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8" name="Straight Connector 37">
            <a:extLst>
              <a:ext uri="{FF2B5EF4-FFF2-40B4-BE49-F238E27FC236}">
                <a16:creationId xmlns:a16="http://schemas.microsoft.com/office/drawing/2014/main" id="{4D606124-4D77-A20C-B2DE-D108158710F1}"/>
              </a:ext>
            </a:extLst>
          </p:cNvPr>
          <p:cNvCxnSpPr>
            <a:cxnSpLocks/>
          </p:cNvCxnSpPr>
          <p:nvPr/>
        </p:nvCxnSpPr>
        <p:spPr>
          <a:xfrm>
            <a:off x="8001062" y="3089560"/>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9" name="Straight Connector 38">
            <a:extLst>
              <a:ext uri="{FF2B5EF4-FFF2-40B4-BE49-F238E27FC236}">
                <a16:creationId xmlns:a16="http://schemas.microsoft.com/office/drawing/2014/main" id="{3B8A2973-8034-5E8A-F17C-C3EE5186D660}"/>
              </a:ext>
            </a:extLst>
          </p:cNvPr>
          <p:cNvCxnSpPr>
            <a:cxnSpLocks/>
          </p:cNvCxnSpPr>
          <p:nvPr/>
        </p:nvCxnSpPr>
        <p:spPr>
          <a:xfrm>
            <a:off x="10002582" y="3089560"/>
            <a:ext cx="0" cy="3539851"/>
          </a:xfrm>
          <a:prstGeom prst="line">
            <a:avLst/>
          </a:prstGeom>
          <a:ln>
            <a:solidFill>
              <a:schemeClr val="bg1">
                <a:lumMod val="65000"/>
              </a:schemeClr>
            </a:solidFill>
            <a:prstDash val="sysDot"/>
          </a:ln>
        </p:spPr>
        <p:style>
          <a:lnRef idx="1">
            <a:schemeClr val="accent1"/>
          </a:lnRef>
          <a:fillRef idx="0">
            <a:schemeClr val="accent1"/>
          </a:fillRef>
          <a:effectRef idx="0">
            <a:schemeClr val="accent1"/>
          </a:effectRef>
          <a:fontRef idx="minor">
            <a:schemeClr val="tx1"/>
          </a:fontRef>
        </p:style>
      </p:cxnSp>
      <p:sp>
        <p:nvSpPr>
          <p:cNvPr id="44" name="Rectangle 43">
            <a:extLst>
              <a:ext uri="{FF2B5EF4-FFF2-40B4-BE49-F238E27FC236}">
                <a16:creationId xmlns:a16="http://schemas.microsoft.com/office/drawing/2014/main" id="{01E430FB-9C73-CD6A-0953-00E9EE3E6928}"/>
              </a:ext>
            </a:extLst>
          </p:cNvPr>
          <p:cNvSpPr/>
          <p:nvPr/>
        </p:nvSpPr>
        <p:spPr>
          <a:xfrm>
            <a:off x="6642495" y="0"/>
            <a:ext cx="1195976" cy="2875280"/>
          </a:xfrm>
          <a:prstGeom prst="rect">
            <a:avLst/>
          </a:prstGeom>
          <a:gradFill flip="none" rotWithShape="1">
            <a:gsLst>
              <a:gs pos="0">
                <a:srgbClr val="F8F8F8"/>
              </a:gs>
              <a:gs pos="100000">
                <a:srgbClr val="F8F8F8">
                  <a:shade val="100000"/>
                  <a:satMod val="115000"/>
                  <a:alpha val="0"/>
                </a:srgbClr>
              </a:gs>
            </a:gsLst>
            <a:lin ang="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 name="Content Placeholder 2">
            <a:extLst>
              <a:ext uri="{FF2B5EF4-FFF2-40B4-BE49-F238E27FC236}">
                <a16:creationId xmlns:a16="http://schemas.microsoft.com/office/drawing/2014/main" id="{47E8376C-43D2-D78C-3DB3-6684CCB0E2F8}"/>
              </a:ext>
            </a:extLst>
          </p:cNvPr>
          <p:cNvSpPr>
            <a:spLocks noGrp="1"/>
          </p:cNvSpPr>
          <p:nvPr>
            <p:ph idx="1"/>
          </p:nvPr>
        </p:nvSpPr>
        <p:spPr>
          <a:xfrm>
            <a:off x="472439" y="1243013"/>
            <a:ext cx="6609347" cy="1520507"/>
          </a:xfrm>
        </p:spPr>
        <p:txBody>
          <a:bodyPr>
            <a:normAutofit/>
          </a:bodyPr>
          <a:lstStyle/>
          <a:p>
            <a:pPr marL="0" indent="0">
              <a:buNone/>
            </a:pPr>
            <a:r>
              <a:rPr lang="en-US" sz="1200" dirty="0"/>
              <a:t>At Aptara, we specialize in Custom Content Development across a wide range of industry domains and topic areas. Our strength lies in creating tailor-made training solutions that precisely meet the unique needs and objectives of our clients.</a:t>
            </a:r>
          </a:p>
          <a:p>
            <a:pPr marL="0" indent="0">
              <a:buNone/>
            </a:pPr>
            <a:r>
              <a:rPr lang="en-US" sz="1200" dirty="0"/>
              <a:t>Our team of experienced instructional designers, subject matter experts, and multimedia specialists collaborate closely with our clients to develop highly engaging and effective training programs from scratch. These programs are designed to meet your various learning needs. </a:t>
            </a:r>
          </a:p>
        </p:txBody>
      </p:sp>
      <p:cxnSp>
        <p:nvCxnSpPr>
          <p:cNvPr id="8" name="Straight Connector 7">
            <a:extLst>
              <a:ext uri="{FF2B5EF4-FFF2-40B4-BE49-F238E27FC236}">
                <a16:creationId xmlns:a16="http://schemas.microsoft.com/office/drawing/2014/main" id="{E41B394E-6C9C-5EC0-B9E1-C6E2257A7774}"/>
              </a:ext>
            </a:extLst>
          </p:cNvPr>
          <p:cNvCxnSpPr>
            <a:cxnSpLocks/>
          </p:cNvCxnSpPr>
          <p:nvPr/>
        </p:nvCxnSpPr>
        <p:spPr>
          <a:xfrm>
            <a:off x="548640" y="914400"/>
            <a:ext cx="894080" cy="0"/>
          </a:xfrm>
          <a:prstGeom prst="line">
            <a:avLst/>
          </a:prstGeom>
          <a:ln w="38100">
            <a:solidFill>
              <a:srgbClr val="0085BE"/>
            </a:solidFill>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79665216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5">
            <a:extLst>
              <a:ext uri="{FF2B5EF4-FFF2-40B4-BE49-F238E27FC236}">
                <a16:creationId xmlns:a16="http://schemas.microsoft.com/office/drawing/2014/main" id="{43202407-AD4C-3EA6-0CF8-B712CE50BC74}"/>
              </a:ext>
            </a:extLst>
          </p:cNvPr>
          <p:cNvPicPr>
            <a:picLocks noChangeAspect="1"/>
          </p:cNvPicPr>
          <p:nvPr/>
        </p:nvPicPr>
        <p:blipFill rotWithShape="1">
          <a:blip r:embed="rId2" cstate="screen">
            <a:extLst>
              <a:ext uri="{28A0092B-C50C-407E-A947-70E740481C1C}">
                <a14:useLocalDpi xmlns:a14="http://schemas.microsoft.com/office/drawing/2010/main" val="0"/>
              </a:ext>
            </a:extLst>
          </a:blip>
          <a:srcRect l="-7770" r="7770" b="38963"/>
          <a:stretch/>
        </p:blipFill>
        <p:spPr>
          <a:xfrm>
            <a:off x="1077226" y="1"/>
            <a:ext cx="11114774" cy="2875280"/>
          </a:xfrm>
          <a:prstGeom prst="rect">
            <a:avLst/>
          </a:prstGeom>
        </p:spPr>
      </p:pic>
      <p:sp>
        <p:nvSpPr>
          <p:cNvPr id="87" name="Rectangle 86">
            <a:extLst>
              <a:ext uri="{FF2B5EF4-FFF2-40B4-BE49-F238E27FC236}">
                <a16:creationId xmlns:a16="http://schemas.microsoft.com/office/drawing/2014/main" id="{4AE96BC2-F5BE-39AC-8E2E-68E0568510E9}"/>
              </a:ext>
            </a:extLst>
          </p:cNvPr>
          <p:cNvSpPr/>
          <p:nvPr/>
        </p:nvSpPr>
        <p:spPr>
          <a:xfrm>
            <a:off x="0" y="0"/>
            <a:ext cx="6705600" cy="2875280"/>
          </a:xfrm>
          <a:prstGeom prst="rect">
            <a:avLst/>
          </a:prstGeom>
          <a:solidFill>
            <a:srgbClr val="F8F8F8"/>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88" name="Rectangle 87">
            <a:extLst>
              <a:ext uri="{FF2B5EF4-FFF2-40B4-BE49-F238E27FC236}">
                <a16:creationId xmlns:a16="http://schemas.microsoft.com/office/drawing/2014/main" id="{C3D3F0C2-1094-8F5F-0395-882BB9BA1B7E}"/>
              </a:ext>
            </a:extLst>
          </p:cNvPr>
          <p:cNvSpPr/>
          <p:nvPr/>
        </p:nvSpPr>
        <p:spPr>
          <a:xfrm>
            <a:off x="6642495" y="0"/>
            <a:ext cx="1195976" cy="2875280"/>
          </a:xfrm>
          <a:prstGeom prst="rect">
            <a:avLst/>
          </a:prstGeom>
          <a:gradFill flip="none" rotWithShape="1">
            <a:gsLst>
              <a:gs pos="0">
                <a:srgbClr val="F8F8F8"/>
              </a:gs>
              <a:gs pos="100000">
                <a:srgbClr val="F8F8F8">
                  <a:shade val="100000"/>
                  <a:satMod val="115000"/>
                  <a:alpha val="0"/>
                </a:srgbClr>
              </a:gs>
            </a:gsLst>
            <a:lin ang="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4549433F-5B5F-FB0E-8A01-BC024D3C6E79}"/>
              </a:ext>
            </a:extLst>
          </p:cNvPr>
          <p:cNvSpPr>
            <a:spLocks noGrp="1"/>
          </p:cNvSpPr>
          <p:nvPr>
            <p:ph type="title"/>
          </p:nvPr>
        </p:nvSpPr>
        <p:spPr/>
        <p:txBody>
          <a:bodyPr/>
          <a:lstStyle/>
          <a:p>
            <a:r>
              <a:rPr lang="en-IN"/>
              <a:t>Aptara’s Training Solutions</a:t>
            </a:r>
          </a:p>
        </p:txBody>
      </p:sp>
      <p:sp>
        <p:nvSpPr>
          <p:cNvPr id="3" name="Content Placeholder 2">
            <a:extLst>
              <a:ext uri="{FF2B5EF4-FFF2-40B4-BE49-F238E27FC236}">
                <a16:creationId xmlns:a16="http://schemas.microsoft.com/office/drawing/2014/main" id="{47E8376C-43D2-D78C-3DB3-6684CCB0E2F8}"/>
              </a:ext>
            </a:extLst>
          </p:cNvPr>
          <p:cNvSpPr>
            <a:spLocks noGrp="1"/>
          </p:cNvSpPr>
          <p:nvPr>
            <p:ph idx="1"/>
          </p:nvPr>
        </p:nvSpPr>
        <p:spPr>
          <a:xfrm>
            <a:off x="472439" y="1243013"/>
            <a:ext cx="6449471" cy="1520507"/>
          </a:xfrm>
        </p:spPr>
        <p:txBody>
          <a:bodyPr>
            <a:normAutofit/>
          </a:bodyPr>
          <a:lstStyle/>
          <a:p>
            <a:pPr marL="0" indent="0" fontAlgn="base">
              <a:spcBef>
                <a:spcPts val="600"/>
              </a:spcBef>
              <a:buNone/>
              <a:defRPr/>
            </a:pPr>
            <a:r>
              <a:rPr lang="en-US" sz="1200">
                <a:ea typeface="Roboto Light" panose="02000000000000000000" pitchFamily="2" charset="0"/>
              </a:rPr>
              <a:t>The training catalog also aims at providing enhanced learner experiences and flexibility. It enables organizations to provide continuous learning opportunities, track learner progress, and maintain consistency in training initiatives while offering cost-effective and scalable solutions. </a:t>
            </a:r>
          </a:p>
          <a:p>
            <a:pPr marL="0" indent="0" fontAlgn="base">
              <a:spcBef>
                <a:spcPts val="600"/>
              </a:spcBef>
              <a:buNone/>
              <a:defRPr/>
            </a:pPr>
            <a:r>
              <a:rPr lang="en-US" sz="1200">
                <a:ea typeface="Roboto Light" panose="02000000000000000000" pitchFamily="2" charset="0"/>
              </a:rPr>
              <a:t>Our training catalog prioritizes the incorporation of current learning technologies in our solutions to effectively respond to the ever-changing demands of our industry.</a:t>
            </a:r>
          </a:p>
        </p:txBody>
      </p:sp>
      <p:sp>
        <p:nvSpPr>
          <p:cNvPr id="9" name="TextBox 8">
            <a:extLst>
              <a:ext uri="{FF2B5EF4-FFF2-40B4-BE49-F238E27FC236}">
                <a16:creationId xmlns:a16="http://schemas.microsoft.com/office/drawing/2014/main" id="{B5C03641-82B2-532D-C7B1-D96010935E16}"/>
              </a:ext>
            </a:extLst>
          </p:cNvPr>
          <p:cNvSpPr txBox="1"/>
          <p:nvPr/>
        </p:nvSpPr>
        <p:spPr>
          <a:xfrm>
            <a:off x="457200" y="2502654"/>
            <a:ext cx="6096000" cy="276999"/>
          </a:xfrm>
          <a:prstGeom prst="rect">
            <a:avLst/>
          </a:prstGeom>
          <a:noFill/>
        </p:spPr>
        <p:txBody>
          <a:bodyPr wrap="square">
            <a:spAutoFit/>
          </a:bodyPr>
          <a:lstStyle/>
          <a:p>
            <a:pPr marL="0" indent="0">
              <a:buNone/>
            </a:pPr>
            <a:r>
              <a:rPr lang="en-US" sz="1200" b="1">
                <a:latin typeface="Roboto" panose="02000000000000000000" pitchFamily="2" charset="0"/>
                <a:ea typeface="Roboto" panose="02000000000000000000" pitchFamily="2" charset="0"/>
                <a:cs typeface="Roboto" panose="02000000000000000000" pitchFamily="2" charset="0"/>
              </a:rPr>
              <a:t>Our training offerings include:</a:t>
            </a:r>
          </a:p>
        </p:txBody>
      </p:sp>
      <p:cxnSp>
        <p:nvCxnSpPr>
          <p:cNvPr id="35" name="Straight Connector 34">
            <a:extLst>
              <a:ext uri="{FF2B5EF4-FFF2-40B4-BE49-F238E27FC236}">
                <a16:creationId xmlns:a16="http://schemas.microsoft.com/office/drawing/2014/main" id="{5DF61F25-AB86-1BCA-8F34-E64D983A5F8B}"/>
              </a:ext>
            </a:extLst>
          </p:cNvPr>
          <p:cNvCxnSpPr>
            <a:cxnSpLocks/>
          </p:cNvCxnSpPr>
          <p:nvPr/>
        </p:nvCxnSpPr>
        <p:spPr>
          <a:xfrm>
            <a:off x="2209862" y="3089560"/>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6" name="Straight Connector 35">
            <a:extLst>
              <a:ext uri="{FF2B5EF4-FFF2-40B4-BE49-F238E27FC236}">
                <a16:creationId xmlns:a16="http://schemas.microsoft.com/office/drawing/2014/main" id="{9BECF9D2-21E2-BBEA-0380-6058DAB30954}"/>
              </a:ext>
            </a:extLst>
          </p:cNvPr>
          <p:cNvCxnSpPr>
            <a:cxnSpLocks/>
          </p:cNvCxnSpPr>
          <p:nvPr/>
        </p:nvCxnSpPr>
        <p:spPr>
          <a:xfrm>
            <a:off x="4079302" y="3089560"/>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7" name="Straight Connector 36">
            <a:extLst>
              <a:ext uri="{FF2B5EF4-FFF2-40B4-BE49-F238E27FC236}">
                <a16:creationId xmlns:a16="http://schemas.microsoft.com/office/drawing/2014/main" id="{2F7C7E9F-7C2F-6FE0-B589-CBCF28BAC267}"/>
              </a:ext>
            </a:extLst>
          </p:cNvPr>
          <p:cNvCxnSpPr>
            <a:cxnSpLocks/>
          </p:cNvCxnSpPr>
          <p:nvPr/>
        </p:nvCxnSpPr>
        <p:spPr>
          <a:xfrm>
            <a:off x="6040182" y="3089560"/>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8" name="Straight Connector 37">
            <a:extLst>
              <a:ext uri="{FF2B5EF4-FFF2-40B4-BE49-F238E27FC236}">
                <a16:creationId xmlns:a16="http://schemas.microsoft.com/office/drawing/2014/main" id="{4D606124-4D77-A20C-B2DE-D108158710F1}"/>
              </a:ext>
            </a:extLst>
          </p:cNvPr>
          <p:cNvCxnSpPr>
            <a:cxnSpLocks/>
          </p:cNvCxnSpPr>
          <p:nvPr/>
        </p:nvCxnSpPr>
        <p:spPr>
          <a:xfrm>
            <a:off x="8001062" y="3089560"/>
            <a:ext cx="0" cy="3539851"/>
          </a:xfrm>
          <a:prstGeom prst="line">
            <a:avLst/>
          </a:prstGeom>
          <a:ln w="9525">
            <a:solidFill>
              <a:schemeClr val="bg1">
                <a:lumMod val="65000"/>
              </a:schemeClr>
            </a:solidFill>
            <a:prstDash val="sysDot"/>
          </a:ln>
        </p:spPr>
        <p:style>
          <a:lnRef idx="2">
            <a:schemeClr val="accent1"/>
          </a:lnRef>
          <a:fillRef idx="0">
            <a:schemeClr val="accent1"/>
          </a:fillRef>
          <a:effectRef idx="1">
            <a:schemeClr val="accent1"/>
          </a:effectRef>
          <a:fontRef idx="minor">
            <a:schemeClr val="tx1"/>
          </a:fontRef>
        </p:style>
      </p:cxnSp>
      <p:cxnSp>
        <p:nvCxnSpPr>
          <p:cNvPr id="39" name="Straight Connector 38">
            <a:extLst>
              <a:ext uri="{FF2B5EF4-FFF2-40B4-BE49-F238E27FC236}">
                <a16:creationId xmlns:a16="http://schemas.microsoft.com/office/drawing/2014/main" id="{3B8A2973-8034-5E8A-F17C-C3EE5186D660}"/>
              </a:ext>
            </a:extLst>
          </p:cNvPr>
          <p:cNvCxnSpPr>
            <a:cxnSpLocks/>
          </p:cNvCxnSpPr>
          <p:nvPr/>
        </p:nvCxnSpPr>
        <p:spPr>
          <a:xfrm>
            <a:off x="10002582" y="3089560"/>
            <a:ext cx="0" cy="3539851"/>
          </a:xfrm>
          <a:prstGeom prst="line">
            <a:avLst/>
          </a:prstGeom>
          <a:ln>
            <a:solidFill>
              <a:schemeClr val="bg1">
                <a:lumMod val="65000"/>
              </a:schemeClr>
            </a:solidFill>
            <a:prstDash val="sysDot"/>
          </a:ln>
        </p:spPr>
        <p:style>
          <a:lnRef idx="1">
            <a:schemeClr val="accent1"/>
          </a:lnRef>
          <a:fillRef idx="0">
            <a:schemeClr val="accent1"/>
          </a:fillRef>
          <a:effectRef idx="0">
            <a:schemeClr val="accent1"/>
          </a:effectRef>
          <a:fontRef idx="minor">
            <a:schemeClr val="tx1"/>
          </a:fontRef>
        </p:style>
      </p:cxnSp>
      <p:sp>
        <p:nvSpPr>
          <p:cNvPr id="61" name="TextBox 60">
            <a:extLst>
              <a:ext uri="{FF2B5EF4-FFF2-40B4-BE49-F238E27FC236}">
                <a16:creationId xmlns:a16="http://schemas.microsoft.com/office/drawing/2014/main" id="{0F1D66ED-9C43-7954-A5CC-83A428379620}"/>
              </a:ext>
            </a:extLst>
          </p:cNvPr>
          <p:cNvSpPr txBox="1"/>
          <p:nvPr/>
        </p:nvSpPr>
        <p:spPr>
          <a:xfrm>
            <a:off x="10185915" y="3970686"/>
            <a:ext cx="1727717" cy="1793953"/>
          </a:xfrm>
          <a:prstGeom prst="rect">
            <a:avLst/>
          </a:prstGeom>
          <a:noFill/>
        </p:spPr>
        <p:txBody>
          <a:bodyPr wrap="square">
            <a:spAutoFit/>
          </a:bodyPr>
          <a:lstStyle/>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Higher learner engagement </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Real-world application</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Adaptive learning</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Analytics and performance tracking</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Encourages collaboration and teamwork</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Accessibility and inclusivity</a:t>
            </a:r>
          </a:p>
        </p:txBody>
      </p:sp>
      <p:sp>
        <p:nvSpPr>
          <p:cNvPr id="62" name="TextBox 61">
            <a:extLst>
              <a:ext uri="{FF2B5EF4-FFF2-40B4-BE49-F238E27FC236}">
                <a16:creationId xmlns:a16="http://schemas.microsoft.com/office/drawing/2014/main" id="{1E97A4F3-C56E-8A58-3008-8B78D33E7A4F}"/>
              </a:ext>
            </a:extLst>
          </p:cNvPr>
          <p:cNvSpPr txBox="1"/>
          <p:nvPr/>
        </p:nvSpPr>
        <p:spPr>
          <a:xfrm>
            <a:off x="10241961" y="3566090"/>
            <a:ext cx="1361379"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AR/VR</a:t>
            </a:r>
          </a:p>
        </p:txBody>
      </p:sp>
      <p:sp>
        <p:nvSpPr>
          <p:cNvPr id="63" name="TextBox 62">
            <a:extLst>
              <a:ext uri="{FF2B5EF4-FFF2-40B4-BE49-F238E27FC236}">
                <a16:creationId xmlns:a16="http://schemas.microsoft.com/office/drawing/2014/main" id="{0C3EF2EF-0A5C-D832-C137-328D5E3D807B}"/>
              </a:ext>
            </a:extLst>
          </p:cNvPr>
          <p:cNvSpPr txBox="1"/>
          <p:nvPr/>
        </p:nvSpPr>
        <p:spPr>
          <a:xfrm>
            <a:off x="8076071" y="3970686"/>
            <a:ext cx="1845733" cy="2535694"/>
          </a:xfrm>
          <a:prstGeom prst="rect">
            <a:avLst/>
          </a:prstGeom>
          <a:noFill/>
        </p:spPr>
        <p:txBody>
          <a:bodyPr wrap="square">
            <a:spAutoFit/>
          </a:bodyPr>
          <a:lstStyle/>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Personalized learning experiences</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Real-time feedback and assessment</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Data-driven insights and analytics</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Continuous learning and upskilling</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Higher learner motivation and engagement </a:t>
            </a:r>
          </a:p>
          <a:p>
            <a:pPr marL="171450" indent="-108000" fontAlgn="base">
              <a:lnSpc>
                <a:spcPct val="120000"/>
              </a:lnSpc>
              <a:spcAft>
                <a:spcPts val="600"/>
              </a:spcAft>
              <a:buClr>
                <a:srgbClr val="0072AE"/>
              </a:buClr>
              <a:buFont typeface="Arial" pitchFamily="34" charset="0"/>
              <a:buChar char="•"/>
              <a:defRPr/>
            </a:pPr>
            <a:endParaRPr lang="en-US" sz="900">
              <a:solidFill>
                <a:srgbClr val="262626"/>
              </a:solidFill>
              <a:latin typeface="Roboto Light" pitchFamily="2" charset="0"/>
              <a:ea typeface="Roboto Light" pitchFamily="2" charset="0"/>
            </a:endParaRPr>
          </a:p>
          <a:p>
            <a:pPr marL="171450" indent="-108000" fontAlgn="base">
              <a:lnSpc>
                <a:spcPct val="120000"/>
              </a:lnSpc>
              <a:spcAft>
                <a:spcPts val="600"/>
              </a:spcAft>
              <a:buClr>
                <a:srgbClr val="0072AE"/>
              </a:buClr>
              <a:buFont typeface="Arial" pitchFamily="34" charset="0"/>
              <a:buChar char="•"/>
              <a:defRPr/>
            </a:pPr>
            <a:endParaRPr lang="en-US" sz="900">
              <a:solidFill>
                <a:srgbClr val="262626"/>
              </a:solidFill>
              <a:latin typeface="Roboto Light" pitchFamily="2" charset="0"/>
              <a:ea typeface="Roboto Light" pitchFamily="2" charset="0"/>
            </a:endParaRPr>
          </a:p>
        </p:txBody>
      </p:sp>
      <p:sp>
        <p:nvSpPr>
          <p:cNvPr id="64" name="TextBox 63">
            <a:extLst>
              <a:ext uri="{FF2B5EF4-FFF2-40B4-BE49-F238E27FC236}">
                <a16:creationId xmlns:a16="http://schemas.microsoft.com/office/drawing/2014/main" id="{77954E13-CA12-FF75-DC73-430A9D1CC0C2}"/>
              </a:ext>
            </a:extLst>
          </p:cNvPr>
          <p:cNvSpPr txBox="1"/>
          <p:nvPr/>
        </p:nvSpPr>
        <p:spPr>
          <a:xfrm>
            <a:off x="8124920" y="3566090"/>
            <a:ext cx="1293400" cy="430887"/>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Artificial Intelligence</a:t>
            </a:r>
          </a:p>
        </p:txBody>
      </p:sp>
      <p:sp>
        <p:nvSpPr>
          <p:cNvPr id="65" name="TextBox 64">
            <a:extLst>
              <a:ext uri="{FF2B5EF4-FFF2-40B4-BE49-F238E27FC236}">
                <a16:creationId xmlns:a16="http://schemas.microsoft.com/office/drawing/2014/main" id="{28CF0A41-2B0E-A8D7-0F65-2E57E728FC33}"/>
              </a:ext>
            </a:extLst>
          </p:cNvPr>
          <p:cNvSpPr txBox="1"/>
          <p:nvPr/>
        </p:nvSpPr>
        <p:spPr>
          <a:xfrm>
            <a:off x="6060871" y="3970686"/>
            <a:ext cx="1928610" cy="1729320"/>
          </a:xfrm>
          <a:prstGeom prst="rect">
            <a:avLst/>
          </a:prstGeom>
          <a:noFill/>
        </p:spPr>
        <p:txBody>
          <a:bodyPr wrap="square">
            <a:spAutoFit/>
          </a:bodyPr>
          <a:lstStyle/>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One-size-fits-all never works with learning</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Mandatory certification and refresher trainings have become a great burden for many organizations</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Leveraging on adaptive learning can dynamically personalize training </a:t>
            </a:r>
          </a:p>
        </p:txBody>
      </p:sp>
      <p:sp>
        <p:nvSpPr>
          <p:cNvPr id="66" name="TextBox 65">
            <a:extLst>
              <a:ext uri="{FF2B5EF4-FFF2-40B4-BE49-F238E27FC236}">
                <a16:creationId xmlns:a16="http://schemas.microsoft.com/office/drawing/2014/main" id="{CF9C2F65-6D46-9B4D-C423-151279F1A49C}"/>
              </a:ext>
            </a:extLst>
          </p:cNvPr>
          <p:cNvSpPr txBox="1"/>
          <p:nvPr/>
        </p:nvSpPr>
        <p:spPr>
          <a:xfrm>
            <a:off x="4091944" y="3970686"/>
            <a:ext cx="1784146" cy="1793953"/>
          </a:xfrm>
          <a:prstGeom prst="rect">
            <a:avLst/>
          </a:prstGeom>
          <a:noFill/>
        </p:spPr>
        <p:txBody>
          <a:bodyPr wrap="square">
            <a:spAutoFit/>
          </a:bodyPr>
          <a:lstStyle/>
          <a:p>
            <a:pPr marL="63450" fontAlgn="base">
              <a:lnSpc>
                <a:spcPct val="120000"/>
              </a:lnSpc>
              <a:spcAft>
                <a:spcPts val="600"/>
              </a:spcAft>
              <a:buClr>
                <a:srgbClr val="0072AE"/>
              </a:buClr>
              <a:defRPr/>
            </a:pPr>
            <a:r>
              <a:rPr lang="en-US" sz="900">
                <a:solidFill>
                  <a:srgbClr val="262626"/>
                </a:solidFill>
                <a:latin typeface="Roboto Light" pitchFamily="2" charset="0"/>
                <a:ea typeface="Roboto Light" pitchFamily="2" charset="0"/>
              </a:rPr>
              <a:t>Learning using self-contained, small chunks or bits of learning assets can cater to:</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Just-in-Time Learning</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Contextual Learning</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Adaptive Learning</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Social Learning</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Organic Learning</a:t>
            </a:r>
          </a:p>
        </p:txBody>
      </p:sp>
      <p:sp>
        <p:nvSpPr>
          <p:cNvPr id="67" name="TextBox 66">
            <a:extLst>
              <a:ext uri="{FF2B5EF4-FFF2-40B4-BE49-F238E27FC236}">
                <a16:creationId xmlns:a16="http://schemas.microsoft.com/office/drawing/2014/main" id="{F0562A46-DC4B-9180-C454-1D8C05F0F431}"/>
              </a:ext>
            </a:extLst>
          </p:cNvPr>
          <p:cNvSpPr txBox="1"/>
          <p:nvPr/>
        </p:nvSpPr>
        <p:spPr>
          <a:xfrm>
            <a:off x="2233025" y="3970686"/>
            <a:ext cx="1727717" cy="2215607"/>
          </a:xfrm>
          <a:prstGeom prst="rect">
            <a:avLst/>
          </a:prstGeom>
          <a:noFill/>
        </p:spPr>
        <p:txBody>
          <a:bodyPr wrap="square">
            <a:spAutoFit/>
          </a:bodyPr>
          <a:lstStyle/>
          <a:p>
            <a:pPr marL="63450" fontAlgn="base">
              <a:lnSpc>
                <a:spcPct val="120000"/>
              </a:lnSpc>
              <a:spcAft>
                <a:spcPts val="600"/>
              </a:spcAft>
              <a:buClr>
                <a:srgbClr val="0072AE"/>
              </a:buClr>
              <a:defRPr/>
            </a:pPr>
            <a:r>
              <a:rPr lang="en-US" sz="900">
                <a:solidFill>
                  <a:srgbClr val="262626"/>
                </a:solidFill>
                <a:latin typeface="Roboto Light" pitchFamily="2" charset="0"/>
                <a:ea typeface="Roboto Light" pitchFamily="2" charset="0"/>
              </a:rPr>
              <a:t>Learning games are based on constructivism. The power of play brings in:</a:t>
            </a:r>
          </a:p>
          <a:p>
            <a:pPr marL="271463" lvl="1" indent="-96838"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Immersive and autonomous learning experience</a:t>
            </a:r>
          </a:p>
          <a:p>
            <a:pPr marL="271463" lvl="1" indent="-96838"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Learning from failures</a:t>
            </a:r>
          </a:p>
          <a:p>
            <a:pPr marL="271463" lvl="1" indent="-96838"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Higher learner motivation and engagement </a:t>
            </a:r>
          </a:p>
          <a:p>
            <a:pPr marL="271463" lvl="1" indent="-96838"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More confidence on the abilities gained</a:t>
            </a:r>
          </a:p>
        </p:txBody>
      </p:sp>
      <p:sp>
        <p:nvSpPr>
          <p:cNvPr id="68" name="TextBox 67">
            <a:extLst>
              <a:ext uri="{FF2B5EF4-FFF2-40B4-BE49-F238E27FC236}">
                <a16:creationId xmlns:a16="http://schemas.microsoft.com/office/drawing/2014/main" id="{D29BC57F-EEDF-4D35-D334-A0F487699B96}"/>
              </a:ext>
            </a:extLst>
          </p:cNvPr>
          <p:cNvSpPr txBox="1"/>
          <p:nvPr/>
        </p:nvSpPr>
        <p:spPr>
          <a:xfrm>
            <a:off x="358629" y="3970686"/>
            <a:ext cx="1744917" cy="2714205"/>
          </a:xfrm>
          <a:prstGeom prst="rect">
            <a:avLst/>
          </a:prstGeom>
          <a:noFill/>
        </p:spPr>
        <p:txBody>
          <a:bodyPr wrap="square">
            <a:spAutoFit/>
          </a:bodyPr>
          <a:lstStyle/>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Mirrors the dynamic real-world settings</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Experiential learning without any risk</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Effective in strategic thinking, decision making, problem solving, financial or market analysis, operations, teamwork and leadership</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More engaging and challenging interactivities</a:t>
            </a:r>
          </a:p>
          <a:p>
            <a:pPr marL="171450" indent="-108000" fontAlgn="base">
              <a:lnSpc>
                <a:spcPct val="120000"/>
              </a:lnSpc>
              <a:spcAft>
                <a:spcPts val="600"/>
              </a:spcAft>
              <a:buClr>
                <a:srgbClr val="0072AE"/>
              </a:buClr>
              <a:buFont typeface="Arial" pitchFamily="34" charset="0"/>
              <a:buChar char="•"/>
              <a:defRPr/>
            </a:pPr>
            <a:r>
              <a:rPr lang="en-US" sz="900">
                <a:solidFill>
                  <a:srgbClr val="262626"/>
                </a:solidFill>
                <a:latin typeface="Roboto Light" pitchFamily="2" charset="0"/>
                <a:ea typeface="Roboto Light" pitchFamily="2" charset="0"/>
              </a:rPr>
              <a:t>Increased learner motivation</a:t>
            </a:r>
          </a:p>
        </p:txBody>
      </p:sp>
      <p:sp>
        <p:nvSpPr>
          <p:cNvPr id="69" name="TextBox 68">
            <a:extLst>
              <a:ext uri="{FF2B5EF4-FFF2-40B4-BE49-F238E27FC236}">
                <a16:creationId xmlns:a16="http://schemas.microsoft.com/office/drawing/2014/main" id="{C16D2AA2-8709-7A86-9732-682B8B872EF9}"/>
              </a:ext>
            </a:extLst>
          </p:cNvPr>
          <p:cNvSpPr txBox="1"/>
          <p:nvPr/>
        </p:nvSpPr>
        <p:spPr>
          <a:xfrm>
            <a:off x="437288" y="3566090"/>
            <a:ext cx="1411832" cy="430887"/>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Business Simulations</a:t>
            </a:r>
          </a:p>
        </p:txBody>
      </p:sp>
      <p:sp>
        <p:nvSpPr>
          <p:cNvPr id="70" name="TextBox 69">
            <a:extLst>
              <a:ext uri="{FF2B5EF4-FFF2-40B4-BE49-F238E27FC236}">
                <a16:creationId xmlns:a16="http://schemas.microsoft.com/office/drawing/2014/main" id="{10943A68-0957-E418-46D9-AE96553BB694}"/>
              </a:ext>
            </a:extLst>
          </p:cNvPr>
          <p:cNvSpPr txBox="1"/>
          <p:nvPr/>
        </p:nvSpPr>
        <p:spPr>
          <a:xfrm>
            <a:off x="2298903" y="3566090"/>
            <a:ext cx="1361379"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pPr fontAlgn="base">
              <a:lnSpc>
                <a:spcPct val="100000"/>
              </a:lnSpc>
              <a:spcBef>
                <a:spcPts val="100"/>
              </a:spcBef>
              <a:spcAft>
                <a:spcPct val="0"/>
              </a:spcAft>
              <a:defRPr/>
            </a:pPr>
            <a:r>
              <a:rPr lang="en-IN" sz="1100">
                <a:solidFill>
                  <a:srgbClr val="0084BD"/>
                </a:solidFill>
                <a:latin typeface="Roboto" panose="02000000000000000000" pitchFamily="2" charset="0"/>
                <a:ea typeface="Roboto" panose="02000000000000000000" pitchFamily="2" charset="0"/>
                <a:cs typeface="Roboto" panose="02000000000000000000" pitchFamily="2" charset="0"/>
              </a:rPr>
              <a:t>Gamification</a:t>
            </a:r>
          </a:p>
        </p:txBody>
      </p:sp>
      <p:sp>
        <p:nvSpPr>
          <p:cNvPr id="71" name="TextBox 70">
            <a:extLst>
              <a:ext uri="{FF2B5EF4-FFF2-40B4-BE49-F238E27FC236}">
                <a16:creationId xmlns:a16="http://schemas.microsoft.com/office/drawing/2014/main" id="{8A72DCD7-07C6-81C9-0ADD-762DC5975381}"/>
              </a:ext>
            </a:extLst>
          </p:cNvPr>
          <p:cNvSpPr txBox="1"/>
          <p:nvPr/>
        </p:nvSpPr>
        <p:spPr>
          <a:xfrm>
            <a:off x="4161433" y="3566090"/>
            <a:ext cx="1361379" cy="261610"/>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Microlearning</a:t>
            </a:r>
          </a:p>
        </p:txBody>
      </p:sp>
      <p:sp>
        <p:nvSpPr>
          <p:cNvPr id="72" name="TextBox 71">
            <a:extLst>
              <a:ext uri="{FF2B5EF4-FFF2-40B4-BE49-F238E27FC236}">
                <a16:creationId xmlns:a16="http://schemas.microsoft.com/office/drawing/2014/main" id="{F780CC23-E667-FF92-6762-2305EB543F3F}"/>
              </a:ext>
            </a:extLst>
          </p:cNvPr>
          <p:cNvSpPr txBox="1"/>
          <p:nvPr/>
        </p:nvSpPr>
        <p:spPr>
          <a:xfrm>
            <a:off x="6122150" y="3566088"/>
            <a:ext cx="1119962" cy="426791"/>
          </a:xfrm>
          <a:prstGeom prst="rect">
            <a:avLst/>
          </a:prstGeom>
          <a:noFill/>
        </p:spPr>
        <p:txBody>
          <a:bodyPr wrap="square" rtlCol="0">
            <a:spAutoFit/>
          </a:bodyPr>
          <a:lstStyle>
            <a:defPPr>
              <a:defRPr lang="en-US"/>
            </a:defPPr>
            <a:lvl1pPr>
              <a:defRPr sz="1100">
                <a:solidFill>
                  <a:srgbClr val="0085BE"/>
                </a:solidFill>
                <a:latin typeface="Roboto" panose="02000000000000000000" pitchFamily="2" charset="0"/>
                <a:ea typeface="Roboto" panose="02000000000000000000" pitchFamily="2" charset="0"/>
              </a:defRPr>
            </a:lvl1pPr>
          </a:lstStyle>
          <a:p>
            <a:r>
              <a:rPr lang="en-IN"/>
              <a:t>Adaptive Learning</a:t>
            </a:r>
          </a:p>
        </p:txBody>
      </p:sp>
      <p:pic>
        <p:nvPicPr>
          <p:cNvPr id="78" name="Graphic 77" descr="Virtual Reality headset outline">
            <a:extLst>
              <a:ext uri="{FF2B5EF4-FFF2-40B4-BE49-F238E27FC236}">
                <a16:creationId xmlns:a16="http://schemas.microsoft.com/office/drawing/2014/main" id="{4FDC2008-27B9-495D-24F7-16A982D4B980}"/>
              </a:ext>
            </a:extLst>
          </p:cNvPr>
          <p:cNvPicPr>
            <a:picLocks noChangeAspect="1"/>
          </p:cNvPicPr>
          <p:nvPr/>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0261159" y="3121238"/>
            <a:ext cx="407286" cy="407286"/>
          </a:xfrm>
          <a:prstGeom prst="rect">
            <a:avLst/>
          </a:prstGeom>
        </p:spPr>
      </p:pic>
      <p:pic>
        <p:nvPicPr>
          <p:cNvPr id="79" name="Graphic 78">
            <a:extLst>
              <a:ext uri="{FF2B5EF4-FFF2-40B4-BE49-F238E27FC236}">
                <a16:creationId xmlns:a16="http://schemas.microsoft.com/office/drawing/2014/main" id="{350522B2-E42B-71E5-1EEA-4AB8F947D048}"/>
              </a:ext>
            </a:extLst>
          </p:cNvPr>
          <p:cNvPicPr>
            <a:picLocks noChangeAspect="1"/>
          </p:cNvPicPr>
          <p:nvPr/>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4228235" y="3130019"/>
            <a:ext cx="324862" cy="324862"/>
          </a:xfrm>
          <a:prstGeom prst="rect">
            <a:avLst/>
          </a:prstGeom>
        </p:spPr>
      </p:pic>
      <p:pic>
        <p:nvPicPr>
          <p:cNvPr id="80" name="Graphic 79">
            <a:extLst>
              <a:ext uri="{FF2B5EF4-FFF2-40B4-BE49-F238E27FC236}">
                <a16:creationId xmlns:a16="http://schemas.microsoft.com/office/drawing/2014/main" id="{CE3D1AAD-C11D-9E88-B669-083D19A86D23}"/>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511040" y="3110355"/>
            <a:ext cx="316529" cy="331602"/>
          </a:xfrm>
          <a:prstGeom prst="rect">
            <a:avLst/>
          </a:prstGeom>
        </p:spPr>
      </p:pic>
      <p:pic>
        <p:nvPicPr>
          <p:cNvPr id="81" name="Graphic 80">
            <a:extLst>
              <a:ext uri="{FF2B5EF4-FFF2-40B4-BE49-F238E27FC236}">
                <a16:creationId xmlns:a16="http://schemas.microsoft.com/office/drawing/2014/main" id="{480050B4-1595-9446-898C-3416B613B0D8}"/>
              </a:ext>
            </a:extLst>
          </p:cNvPr>
          <p:cNvPicPr>
            <a:picLocks noChangeAspect="1"/>
          </p:cNvPicPr>
          <p:nvPr/>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2378828" y="3120187"/>
            <a:ext cx="365655" cy="365655"/>
          </a:xfrm>
          <a:prstGeom prst="rect">
            <a:avLst/>
          </a:prstGeom>
        </p:spPr>
      </p:pic>
      <p:pic>
        <p:nvPicPr>
          <p:cNvPr id="82" name="Graphic 81" descr="Settings outline">
            <a:extLst>
              <a:ext uri="{FF2B5EF4-FFF2-40B4-BE49-F238E27FC236}">
                <a16:creationId xmlns:a16="http://schemas.microsoft.com/office/drawing/2014/main" id="{4B8D5521-8DA4-48D0-5C48-09683E4644D6}"/>
              </a:ext>
            </a:extLst>
          </p:cNvPr>
          <p:cNvPicPr>
            <a:picLocks noChangeAspect="1"/>
          </p:cNvPicPr>
          <p:nvPr/>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6162603" y="3139851"/>
            <a:ext cx="370261" cy="370261"/>
          </a:xfrm>
          <a:prstGeom prst="rect">
            <a:avLst/>
          </a:prstGeom>
        </p:spPr>
      </p:pic>
      <p:pic>
        <p:nvPicPr>
          <p:cNvPr id="83" name="Graphic 82" descr="Artificial Intelligence outline">
            <a:extLst>
              <a:ext uri="{FF2B5EF4-FFF2-40B4-BE49-F238E27FC236}">
                <a16:creationId xmlns:a16="http://schemas.microsoft.com/office/drawing/2014/main" id="{A4E57BF0-B153-38ED-5A6A-A0C3E1106001}"/>
              </a:ext>
            </a:extLst>
          </p:cNvPr>
          <p:cNvPicPr>
            <a:picLocks noChangeAspect="1"/>
          </p:cNvPicPr>
          <p:nvPr/>
        </p:nvPicPr>
        <p:blipFill>
          <a:blip r:embed="rId13" cstate="hqprint">
            <a:extLst>
              <a:ext uri="{28A0092B-C50C-407E-A947-70E740481C1C}">
                <a14:useLocalDpi xmlns:a14="http://schemas.microsoft.com/office/drawing/2010/main" val="0"/>
              </a:ext>
              <a:ext uri="{96DAC541-7B7A-43D3-8B79-37D633B846F1}">
                <asvg:svgBlip xmlns:asvg="http://schemas.microsoft.com/office/drawing/2016/SVG/main" r:embed="rId14"/>
              </a:ext>
            </a:extLst>
          </a:blip>
          <a:stretch>
            <a:fillRect/>
          </a:stretch>
        </p:blipFill>
        <p:spPr>
          <a:xfrm>
            <a:off x="8126957" y="3071599"/>
            <a:ext cx="402221" cy="402221"/>
          </a:xfrm>
          <a:prstGeom prst="rect">
            <a:avLst/>
          </a:prstGeom>
        </p:spPr>
      </p:pic>
      <p:cxnSp>
        <p:nvCxnSpPr>
          <p:cNvPr id="4" name="Straight Connector 3">
            <a:extLst>
              <a:ext uri="{FF2B5EF4-FFF2-40B4-BE49-F238E27FC236}">
                <a16:creationId xmlns:a16="http://schemas.microsoft.com/office/drawing/2014/main" id="{1FEEE556-2E59-3111-0740-0CC05C8B0FAE}"/>
              </a:ext>
            </a:extLst>
          </p:cNvPr>
          <p:cNvCxnSpPr>
            <a:cxnSpLocks/>
          </p:cNvCxnSpPr>
          <p:nvPr/>
        </p:nvCxnSpPr>
        <p:spPr>
          <a:xfrm>
            <a:off x="548640" y="914400"/>
            <a:ext cx="894080" cy="0"/>
          </a:xfrm>
          <a:prstGeom prst="line">
            <a:avLst/>
          </a:prstGeom>
          <a:ln w="38100">
            <a:solidFill>
              <a:srgbClr val="0085BE"/>
            </a:solidFill>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765863606"/>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2.xml><?xml version="1.0" encoding="utf-8"?>
<a:theme xmlns:a="http://schemas.openxmlformats.org/drawingml/2006/main" name="1_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3884C429A132B44D9D8AD556FF9FC802" ma:contentTypeVersion="14" ma:contentTypeDescription="Create a new document." ma:contentTypeScope="" ma:versionID="d2e3204f56d16f189b70f2545375fcbf">
  <xsd:schema xmlns:xsd="http://www.w3.org/2001/XMLSchema" xmlns:xs="http://www.w3.org/2001/XMLSchema" xmlns:p="http://schemas.microsoft.com/office/2006/metadata/properties" xmlns:ns2="0e238941-eb4a-45dc-9f85-cdf2c0c153ce" xmlns:ns3="c5f3ef01-3a0e-4907-aad6-57c3e3b2a9db" targetNamespace="http://schemas.microsoft.com/office/2006/metadata/properties" ma:root="true" ma:fieldsID="c798e3eaacc8ed2003fb840160474b03" ns2:_="" ns3:_="">
    <xsd:import namespace="0e238941-eb4a-45dc-9f85-cdf2c0c153ce"/>
    <xsd:import namespace="c5f3ef01-3a0e-4907-aad6-57c3e3b2a9db"/>
    <xsd:element name="properties">
      <xsd:complexType>
        <xsd:sequence>
          <xsd:element name="documentManagement">
            <xsd:complexType>
              <xsd:all>
                <xsd:element ref="ns2:MediaServiceMetadata" minOccurs="0"/>
                <xsd:element ref="ns2:MediaServiceFastMetadata" minOccurs="0"/>
                <xsd:element ref="ns2:MediaServiceObjectDetectorVersions" minOccurs="0"/>
                <xsd:element ref="ns3:SharedWithUsers" minOccurs="0"/>
                <xsd:element ref="ns3:SharedWithDetails" minOccurs="0"/>
                <xsd:element ref="ns2:MediaServiceSearchProperties" minOccurs="0"/>
                <xsd:element ref="ns2:MediaServiceGenerationTime" minOccurs="0"/>
                <xsd:element ref="ns2:MediaServiceEventHashCode" minOccurs="0"/>
                <xsd:element ref="ns2:MediaLengthInSeconds" minOccurs="0"/>
                <xsd:element ref="ns2:lcf76f155ced4ddcb4097134ff3c332f" minOccurs="0"/>
                <xsd:element ref="ns3:TaxCatchAll" minOccurs="0"/>
                <xsd:element ref="ns2:MediaServiceOCR" minOccurs="0"/>
                <xsd:element ref="ns2:MediaServiceDateTaken"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0e238941-eb4a-45dc-9f85-cdf2c0c153ce"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ObjectDetectorVersions" ma:index="10" nillable="true" ma:displayName="MediaServiceObjectDetectorVersions" ma:hidden="true" ma:indexed="true" ma:internalName="MediaServiceObjectDetectorVersions" ma:readOnly="true">
      <xsd:simpleType>
        <xsd:restriction base="dms:Text"/>
      </xsd:simpleType>
    </xsd:element>
    <xsd:element name="MediaServiceSearchProperties" ma:index="13" nillable="true" ma:displayName="MediaServiceSearchProperties" ma:hidden="true" ma:internalName="MediaServiceSearchProperties" ma:readOnly="true">
      <xsd:simpleType>
        <xsd:restriction base="dms:Note"/>
      </xsd:simpleType>
    </xsd:element>
    <xsd:element name="MediaServiceGenerationTime" ma:index="14" nillable="true" ma:displayName="MediaServiceGenerationTime" ma:hidden="true" ma:internalName="MediaServiceGenerationTime" ma:readOnly="true">
      <xsd:simpleType>
        <xsd:restriction base="dms:Text"/>
      </xsd:simpleType>
    </xsd:element>
    <xsd:element name="MediaServiceEventHashCode" ma:index="15" nillable="true" ma:displayName="MediaServiceEventHashCode" ma:hidden="true" ma:internalName="MediaServiceEventHashCode" ma:readOnly="true">
      <xsd:simpleType>
        <xsd:restriction base="dms:Text"/>
      </xsd:simpleType>
    </xsd:element>
    <xsd:element name="MediaLengthInSeconds" ma:index="16" nillable="true" ma:displayName="MediaLengthInSeconds" ma:hidden="true" ma:internalName="MediaLengthInSeconds" ma:readOnly="true">
      <xsd:simpleType>
        <xsd:restriction base="dms:Unknown"/>
      </xsd:simpleType>
    </xsd:element>
    <xsd:element name="lcf76f155ced4ddcb4097134ff3c332f" ma:index="18" nillable="true" ma:taxonomy="true" ma:internalName="lcf76f155ced4ddcb4097134ff3c332f" ma:taxonomyFieldName="MediaServiceImageTags" ma:displayName="Image Tags" ma:readOnly="false" ma:fieldId="{5cf76f15-5ced-4ddc-b409-7134ff3c332f}" ma:taxonomyMulti="true" ma:sspId="6e508109-aa5f-4dde-b33c-a86d8a575ba0" ma:termSetId="09814cd3-568e-fe90-9814-8d621ff8fb84" ma:anchorId="fba54fb3-c3e1-fe81-a776-ca4b69148c4d" ma:open="true" ma:isKeyword="false">
      <xsd:complexType>
        <xsd:sequence>
          <xsd:element ref="pc:Terms" minOccurs="0" maxOccurs="1"/>
        </xsd:sequence>
      </xsd:complexType>
    </xsd:element>
    <xsd:element name="MediaServiceOCR" ma:index="20" nillable="true" ma:displayName="Extracted Text" ma:internalName="MediaServiceOCR" ma:readOnly="true">
      <xsd:simpleType>
        <xsd:restriction base="dms:Note">
          <xsd:maxLength value="255"/>
        </xsd:restriction>
      </xsd:simpleType>
    </xsd:element>
    <xsd:element name="MediaServiceDateTaken" ma:index="21" nillable="true" ma:displayName="MediaServiceDateTaken" ma:hidden="true" ma:indexed="true" ma:internalName="MediaServiceDateTaken"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c5f3ef01-3a0e-4907-aad6-57c3e3b2a9db" elementFormDefault="qualified">
    <xsd:import namespace="http://schemas.microsoft.com/office/2006/documentManagement/types"/>
    <xsd:import namespace="http://schemas.microsoft.com/office/infopath/2007/PartnerControls"/>
    <xsd:element name="SharedWithUsers" ma:index="11"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2" nillable="true" ma:displayName="Shared With Details" ma:internalName="SharedWithDetails" ma:readOnly="true">
      <xsd:simpleType>
        <xsd:restriction base="dms:Note">
          <xsd:maxLength value="255"/>
        </xsd:restriction>
      </xsd:simpleType>
    </xsd:element>
    <xsd:element name="TaxCatchAll" ma:index="19" nillable="true" ma:displayName="Taxonomy Catch All Column" ma:hidden="true" ma:list="{fcb7ff2b-07c0-43d3-9015-6ce26f911c0b}" ma:internalName="TaxCatchAll" ma:showField="CatchAllData" ma:web="c5f3ef01-3a0e-4907-aad6-57c3e3b2a9db">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p:properties xmlns:p="http://schemas.microsoft.com/office/2006/metadata/properties" xmlns:xsi="http://www.w3.org/2001/XMLSchema-instance" xmlns:pc="http://schemas.microsoft.com/office/infopath/2007/PartnerControls">
  <documentManagement>
    <lcf76f155ced4ddcb4097134ff3c332f xmlns="0e238941-eb4a-45dc-9f85-cdf2c0c153ce">
      <Terms xmlns="http://schemas.microsoft.com/office/infopath/2007/PartnerControls"/>
    </lcf76f155ced4ddcb4097134ff3c332f>
    <TaxCatchAll xmlns="c5f3ef01-3a0e-4907-aad6-57c3e3b2a9db" xsi:nil="true"/>
    <SharedWithUsers xmlns="c5f3ef01-3a0e-4907-aad6-57c3e3b2a9db">
      <UserInfo>
        <DisplayName>Suresh Nambiar</DisplayName>
        <AccountId>93</AccountId>
        <AccountType/>
      </UserInfo>
      <UserInfo>
        <DisplayName>Mohit Chaturvedi</DisplayName>
        <AccountId>89</AccountId>
        <AccountType/>
      </UserInfo>
      <UserInfo>
        <DisplayName>Suhas Kotkar</DisplayName>
        <AccountId>13</AccountId>
        <AccountType/>
      </UserInfo>
      <UserInfo>
        <DisplayName>Priyanka Banerjee</DisplayName>
        <AccountId>17</AccountId>
        <AccountType/>
      </UserInfo>
      <UserInfo>
        <DisplayName>Karthikeyan A</DisplayName>
        <AccountId>12</AccountId>
        <AccountType/>
      </UserInfo>
      <UserInfo>
        <DisplayName>Daren Harber</DisplayName>
        <AccountId>75</AccountId>
        <AccountType/>
      </UserInfo>
    </SharedWithUsers>
  </documentManagement>
</p:properties>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1E2A311F-2E2E-474C-B244-7463F7087B58}">
  <ds:schemaRefs>
    <ds:schemaRef ds:uri="0e238941-eb4a-45dc-9f85-cdf2c0c153ce"/>
    <ds:schemaRef ds:uri="c5f3ef01-3a0e-4907-aad6-57c3e3b2a9db"/>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openxmlformats.org/package/2006/metadata/core-properties"/>
    <ds:schemaRef ds:uri="http://www.w3.org/2001/XMLSchema"/>
  </ds:schemaRefs>
</ds:datastoreItem>
</file>

<file path=customXml/itemProps2.xml><?xml version="1.0" encoding="utf-8"?>
<ds:datastoreItem xmlns:ds="http://schemas.openxmlformats.org/officeDocument/2006/customXml" ds:itemID="{CB787BA9-57AB-4169-B451-BA12D4253871}">
  <ds:schemaRefs>
    <ds:schemaRef ds:uri="0e238941-eb4a-45dc-9f85-cdf2c0c153ce"/>
    <ds:schemaRef ds:uri="c5f3ef01-3a0e-4907-aad6-57c3e3b2a9db"/>
    <ds:schemaRef ds:uri="http://purl.org/dc/dcmitype/"/>
    <ds:schemaRef ds:uri="http://schemas.microsoft.com/office/2006/metadata/properties"/>
    <ds:schemaRef ds:uri="http://purl.org/dc/elements/1.1/"/>
    <ds:schemaRef ds:uri="http://schemas.microsoft.com/office/2006/documentManagement/types"/>
    <ds:schemaRef ds:uri="http://schemas.microsoft.com/office/infopath/2007/PartnerControls"/>
    <ds:schemaRef ds:uri="http://schemas.openxmlformats.org/package/2006/metadata/core-properties"/>
    <ds:schemaRef ds:uri="http://www.w3.org/XML/1998/namespace"/>
    <ds:schemaRef ds:uri="http://purl.org/dc/terms/"/>
  </ds:schemaRefs>
</ds:datastoreItem>
</file>

<file path=customXml/itemProps3.xml><?xml version="1.0" encoding="utf-8"?>
<ds:datastoreItem xmlns:ds="http://schemas.openxmlformats.org/officeDocument/2006/customXml" ds:itemID="{D051EC35-EFAD-4A2D-B168-8BA0B845DDC2}">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otalTime>219</TotalTime>
  <Words>3730</Words>
  <Application>Microsoft Office PowerPoint</Application>
  <PresentationFormat>Widescreen</PresentationFormat>
  <Paragraphs>613</Paragraphs>
  <Slides>22</Slides>
  <Notes>3</Notes>
  <HiddenSlides>0</HiddenSlides>
  <MMClips>1</MMClips>
  <ScaleCrop>false</ScaleCrop>
  <HeadingPairs>
    <vt:vector size="6" baseType="variant">
      <vt:variant>
        <vt:lpstr>Fonts Used</vt:lpstr>
      </vt:variant>
      <vt:variant>
        <vt:i4>17</vt:i4>
      </vt:variant>
      <vt:variant>
        <vt:lpstr>Theme</vt:lpstr>
      </vt:variant>
      <vt:variant>
        <vt:i4>2</vt:i4>
      </vt:variant>
      <vt:variant>
        <vt:lpstr>Slide Titles</vt:lpstr>
      </vt:variant>
      <vt:variant>
        <vt:i4>22</vt:i4>
      </vt:variant>
    </vt:vector>
  </HeadingPairs>
  <TitlesOfParts>
    <vt:vector size="41" baseType="lpstr">
      <vt:lpstr>Aptos</vt:lpstr>
      <vt:lpstr>Arial</vt:lpstr>
      <vt:lpstr>Arial Rounded MT Bold</vt:lpstr>
      <vt:lpstr>Calibri</vt:lpstr>
      <vt:lpstr>Courier New</vt:lpstr>
      <vt:lpstr>Georgia Pro Cond</vt:lpstr>
      <vt:lpstr>Georgia Pro Cond Black</vt:lpstr>
      <vt:lpstr>Georgia Pro Cond Semibold</vt:lpstr>
      <vt:lpstr>ITC Avant Garde Pro Bk</vt:lpstr>
      <vt:lpstr>Roboto</vt:lpstr>
      <vt:lpstr>Roboto </vt:lpstr>
      <vt:lpstr>Roboto Condensed</vt:lpstr>
      <vt:lpstr>Roboto Light</vt:lpstr>
      <vt:lpstr>Roboto Light</vt:lpstr>
      <vt:lpstr>Roboto Medium</vt:lpstr>
      <vt:lpstr>Tahoma</vt:lpstr>
      <vt:lpstr>Times New Roman</vt:lpstr>
      <vt:lpstr>Office Theme</vt:lpstr>
      <vt:lpstr>1_Office Theme</vt:lpstr>
      <vt:lpstr>CAPABILITIES</vt:lpstr>
      <vt:lpstr>Showreel</vt:lpstr>
      <vt:lpstr>Aptara Overview</vt:lpstr>
      <vt:lpstr>Our Clients</vt:lpstr>
      <vt:lpstr>Aptara Strategic Partnerships at a Glance (Partial List)</vt:lpstr>
      <vt:lpstr>Aptara Managed Learning Services</vt:lpstr>
      <vt:lpstr>Awards and Recognition</vt:lpstr>
      <vt:lpstr>Aptara’s Training Solutions</vt:lpstr>
      <vt:lpstr>Aptara’s Training Solutions</vt:lpstr>
      <vt:lpstr>Learning Professional Services</vt:lpstr>
      <vt:lpstr>Aptara Translation Capabilities</vt:lpstr>
      <vt:lpstr>Tools and Technologies Expertise</vt:lpstr>
      <vt:lpstr>Service Models</vt:lpstr>
      <vt:lpstr>Aptara Pricing Model</vt:lpstr>
      <vt:lpstr>Aptara Rate Card</vt:lpstr>
      <vt:lpstr>Level Description</vt:lpstr>
      <vt:lpstr>Learning Consultant Rate Card</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apabilities Presentation</dc:title>
  <dc:creator>Priyanka Banerjee</dc:creator>
  <cp:lastModifiedBy>Summit Kumar</cp:lastModifiedBy>
  <cp:revision>9</cp:revision>
  <dcterms:created xsi:type="dcterms:W3CDTF">2024-01-22T07:27:34Z</dcterms:created>
  <dcterms:modified xsi:type="dcterms:W3CDTF">2025-01-30T10:09:1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3884C429A132B44D9D8AD556FF9FC802</vt:lpwstr>
  </property>
  <property fmtid="{D5CDD505-2E9C-101B-9397-08002B2CF9AE}" pid="3" name="MediaServiceImageTags">
    <vt:lpwstr/>
  </property>
</Properties>
</file>